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21535\Documents\BACKUP UNIDAD D\NICOLE\ENTREGA ABRIL2022\BASES PUNTOS ACTIVOS CB\"/>
    </mc:Choice>
  </mc:AlternateContent>
  <xr:revisionPtr revIDLastSave="0" documentId="8_{29637303-A19B-4149-B73A-AF9E669F25D6}" xr6:coauthVersionLast="47" xr6:coauthVersionMax="47" xr10:uidLastSave="{00000000-0000-0000-0000-000000000000}"/>
  <bookViews>
    <workbookView xWindow="-110" yWindow="-110" windowWidth="19420" windowHeight="10560" xr2:uid="{6ECF3279-A1C7-4ED7-9D36-6E4DF5B73F52}"/>
  </bookViews>
  <sheets>
    <sheet name="Hoja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0397" uniqueCount="7785">
  <si>
    <t>Canal</t>
  </si>
  <si>
    <t>Codigo Punto</t>
  </si>
  <si>
    <t>Departamento</t>
  </si>
  <si>
    <t xml:space="preserve">Ciudad </t>
  </si>
  <si>
    <t>Codigo Ciudad</t>
  </si>
  <si>
    <t xml:space="preserve">RED/ Nombre Punto </t>
  </si>
  <si>
    <t>Dirección</t>
  </si>
  <si>
    <t>PUNTO DE PAGO</t>
  </si>
  <si>
    <t>BOGOTÁ, D.C.</t>
  </si>
  <si>
    <t>PUNTO DE PAGO- PLATIK - R ANDREA CAROLINA MALDONADO SALAMANCA</t>
  </si>
  <si>
    <t>CL 70B 111 85 CASA 15</t>
  </si>
  <si>
    <t>PUNTO DE PAGO- PLATIK - ESTUDIO VIRTUAL</t>
  </si>
  <si>
    <t>CL 64 SUR 17 05</t>
  </si>
  <si>
    <t>PUNTO DE PAGO- PLATIK - MISCELANIA SAN LUIS</t>
  </si>
  <si>
    <t>CLL 96A  6 61 ESTE</t>
  </si>
  <si>
    <t>PUNTO DE PAGO- PLATIK - CIBERM@RKET</t>
  </si>
  <si>
    <t>CR18F 92 70SUR</t>
  </si>
  <si>
    <t>PUNTO DE PAGO- PLATIK - R LEYLA PABON MONTEALEGRE LC3</t>
  </si>
  <si>
    <t>CL 140A 7A 13 LC 40</t>
  </si>
  <si>
    <t>PUNTO DE PAGO- PLATIK - GLORIA MARIA MARTINEZ SANCHEZ</t>
  </si>
  <si>
    <t>CR 16K 75 04 SUR</t>
  </si>
  <si>
    <t>PUNTO DE PAGO- PLATIK - DRGUERIAS M Y M</t>
  </si>
  <si>
    <t>CR 3 49 97 SUR</t>
  </si>
  <si>
    <t>PUNTO DE PAGO- PLATIK - EL PORTAL DE RICHIE</t>
  </si>
  <si>
    <t>AV CALI 38 23 SUR</t>
  </si>
  <si>
    <t>PUNTO DE PAGO- PLATIK - TIENDA POWER</t>
  </si>
  <si>
    <t>CL85ASUR7879</t>
  </si>
  <si>
    <t>PUNTO DE PAGO- PLATIK - ERIK INTERNET Y PAPELERIA</t>
  </si>
  <si>
    <t>DG 75D SUR 75H 10</t>
  </si>
  <si>
    <t>PUNTO DE PAGO- PLATIK - COMUNICACIONES VILLANUEVA</t>
  </si>
  <si>
    <t>CR 68I 43 16 SUR</t>
  </si>
  <si>
    <t>PUNTO DE PAGO- PLATIK - ESTABLECIMIENTO DIBARILO</t>
  </si>
  <si>
    <t>CR 7 66 34</t>
  </si>
  <si>
    <t>PUNTO DE PAGO- PLATIK - ANGELICA CORREDOR PUENTES</t>
  </si>
  <si>
    <t>CR 18 A BIS 60G 68 SUR</t>
  </si>
  <si>
    <t>PUNTO DE PAGO- PLATIK - CIGARRERIA DAVID 21</t>
  </si>
  <si>
    <t>CR 98B 65 48 SURCASA 19</t>
  </si>
  <si>
    <t>PUNTO DE PAGO- PLATIK - VIRREY INTERNACIONAL</t>
  </si>
  <si>
    <t>CL 93 SUR 7B 07</t>
  </si>
  <si>
    <t>PUNTO DE PAGO- PLATIK - ALMACÉN DE MUEBLES Y VISUTERIA</t>
  </si>
  <si>
    <t>TV 14 B  54 95 SUR E</t>
  </si>
  <si>
    <t>PUNTO DE PAGO- PLATIK - PAPELERIAS XPRESIONES</t>
  </si>
  <si>
    <t>CR10 ESTE 97 59</t>
  </si>
  <si>
    <t>PUNTO DE PAGO- PLATIK - DROGUERIA ZAFIRO M.D</t>
  </si>
  <si>
    <t>CR 80M 75 04 SUR</t>
  </si>
  <si>
    <t>PUNTO DE PAGO- PLATIK - SAVENET</t>
  </si>
  <si>
    <t>CL 100 9 11 ESTE</t>
  </si>
  <si>
    <t>PUNTO DE PAGO- PLATIK - DROGUERIA SALUD PHARMA 1</t>
  </si>
  <si>
    <t>CL 42A SUR 87D 15 LC 22</t>
  </si>
  <si>
    <t>PUNTO DE PAGO- PLATIK - PAGA TODO Y DROGUERIA</t>
  </si>
  <si>
    <t>CL 72 70 D 36</t>
  </si>
  <si>
    <t>PUNTO DE PAGO- PLATIK - ANILLADO PAPELERIA JEMAR</t>
  </si>
  <si>
    <t>CL 62 22   76</t>
  </si>
  <si>
    <t>PUNTO DE PAGO- PLATIK - VARIEDADES ABY</t>
  </si>
  <si>
    <t>DG 49A  60 36</t>
  </si>
  <si>
    <t>PUNTO DE PAGO- PLATIK - CIGARRERIA KAREN DAYAN</t>
  </si>
  <si>
    <t>CR 5L 48J 46 S</t>
  </si>
  <si>
    <t>PUNTO DE PAGO- PLATIK - IGGCOMUNICA</t>
  </si>
  <si>
    <t>CL 163A 13 08</t>
  </si>
  <si>
    <t>PUNTO DE PAGO- PLATIK - BIENVENIDOS A JUAN</t>
  </si>
  <si>
    <t>CRA 116 77B 42 LC 2</t>
  </si>
  <si>
    <t>PUNTO DE PAGO- PLATIK - PAPELERIA BETEL ALISON</t>
  </si>
  <si>
    <t>CR 68 F  70A 16</t>
  </si>
  <si>
    <t>PUNTO DE PAGO- PLATIK - DROGUERIA SUPER RECREO</t>
  </si>
  <si>
    <t>CL 65 SR 102 51 CS 78</t>
  </si>
  <si>
    <t>PUNTO DE PAGO- PLATIK - NOVA FARMA POR SU SALUD</t>
  </si>
  <si>
    <t>CR60 2C  01</t>
  </si>
  <si>
    <t>PUNTO DE PAGO- PLATIK - DROGUERIA VITAL SANAR 2</t>
  </si>
  <si>
    <t>CL 71F SUR 14V 05</t>
  </si>
  <si>
    <t>PUNTO DE PAGO- PLATIK - DROGUERÍA EL GRAN FARAON</t>
  </si>
  <si>
    <t>CL 78 SUR 36 45</t>
  </si>
  <si>
    <t>PUNTO DE PAGO- PLATIK - MISCELANEA Y PAPELERIA JP</t>
  </si>
  <si>
    <t>CR 109A 64 57</t>
  </si>
  <si>
    <t>PUNTO DE PAGO- PLATIK - NUEVO STYLO.COM</t>
  </si>
  <si>
    <t>CR 32 63 44 SUR</t>
  </si>
  <si>
    <t>PUNTO DE PAGO- PLATIK - MARANBAY.COM</t>
  </si>
  <si>
    <t>CRA 24B 78 32 SUR</t>
  </si>
  <si>
    <t>PUNTO DE PAGO- PLATIK - PAPELERIA COORDENADAS</t>
  </si>
  <si>
    <t>AV CR  7 147 23</t>
  </si>
  <si>
    <t>PUNTO DE PAGO- PLATIK - R SIRLEY PATRICIA TIBADUIZA RIOS</t>
  </si>
  <si>
    <t>CR 102 72 47 SUR CASA 5</t>
  </si>
  <si>
    <t>PUNTO DE PAGO- PLATIK - PAPELERIA Y MISCELANEA SOL Y LUNA RODRIGUEZ</t>
  </si>
  <si>
    <t>CL 162B 62 07</t>
  </si>
  <si>
    <t>PUNTO DE PAGO- PLATIK - DROGUERIA ZAFIRO J D</t>
  </si>
  <si>
    <t>CL 62 SUR 82F 06</t>
  </si>
  <si>
    <t>PUNTO DE PAGO- PLATIK - GALARDON LTDA</t>
  </si>
  <si>
    <t>CR 8A 99 33 LC 104</t>
  </si>
  <si>
    <t>PUNTO DE PAGO- PLATIK - DROGUERIA GRAN DESCUENTO GP</t>
  </si>
  <si>
    <t>CR 52C30 09 SUR</t>
  </si>
  <si>
    <t>PUNTO DE PAGO- PLATIK - AJR COMUNICACIONES</t>
  </si>
  <si>
    <t>CR 106A  66 12</t>
  </si>
  <si>
    <t>PUNTO DE PAGO- PLATIK - MARIA DEL CARMEN CHAPARRO PEREZ</t>
  </si>
  <si>
    <t>CL 142B 112 06</t>
  </si>
  <si>
    <t>PUNTO DE PAGO- PLATIK - NUBIA STELLA CASTANEDA MURCIA</t>
  </si>
  <si>
    <t>CR 6A 188C 33</t>
  </si>
  <si>
    <t>PUNTO DE PAGO- PLATIK - R ANDRES EDUARDO RODRIGUEZ ARCINIEGAS</t>
  </si>
  <si>
    <t>TV 74F 40B 21 SUR</t>
  </si>
  <si>
    <t>PUNTO DE PAGO- PLATIK - INTERNET DANIEL</t>
  </si>
  <si>
    <t>CL 83 SUR 80L 10</t>
  </si>
  <si>
    <t>PUNTO DE PAGO- PLATIK - MISCELANEA DEISY</t>
  </si>
  <si>
    <t>CR 2 F ESTE 49 52 S</t>
  </si>
  <si>
    <t>PUNTO DE PAGO- PLATIK - AKUARELA Y ALGO MAS</t>
  </si>
  <si>
    <t>CR 69 18A 54 LC 102</t>
  </si>
  <si>
    <t>PUNTO DE PAGO- PLATIK - APUESTAS LINDA</t>
  </si>
  <si>
    <t>CL 53 21 88</t>
  </si>
  <si>
    <t>PUNTO DE PAGO- PLATIK - R TIENDA DONDE MAYE</t>
  </si>
  <si>
    <t>CL 63B 118B  12</t>
  </si>
  <si>
    <t>PUNTO DE PAGO- PLATIK - XTREME DIGITAL</t>
  </si>
  <si>
    <t>DG 71B 18I 73</t>
  </si>
  <si>
    <t>PUNTO DE PAGO- PLATIK - DROGUERIA JUAN DAVID 1</t>
  </si>
  <si>
    <t>DG 100C S 4B 21</t>
  </si>
  <si>
    <t>PUNTO DE PAGO- PLATIK - DROGUERIA FARMA GRANADA</t>
  </si>
  <si>
    <t>CL 65 4 15</t>
  </si>
  <si>
    <t>PUNTO DE PAGO- PLATIK - TELECOMUNICACIONES GIFO</t>
  </si>
  <si>
    <t>CR 13 63 21</t>
  </si>
  <si>
    <t>PUNTO DE PAGO- PLATIK - DROGUERIA BIENESTAR SL</t>
  </si>
  <si>
    <t>CR 27 4A 05</t>
  </si>
  <si>
    <t>PUNTO DE PAGO- PLATIK - EL DETODITO DE PATY</t>
  </si>
  <si>
    <t>CL 48I SUR 09-43</t>
  </si>
  <si>
    <t>PUNTO DE PAGO- PLATIK - PAPELERIA J.JULIANA.COM</t>
  </si>
  <si>
    <t>CR 24  32A 59 SUR</t>
  </si>
  <si>
    <t>PUNTO DE PAGO- PLATIK - CEDRIFARMA EXPRESS</t>
  </si>
  <si>
    <t>CR 11 146  38</t>
  </si>
  <si>
    <t>PUNTO DE PAGO- PLATIK - MISCELANEA CAFE INTERNET LORE NET</t>
  </si>
  <si>
    <t>TV 88 B 72 10 S</t>
  </si>
  <si>
    <t>PUNTO DE PAGO- PLATIK - PC COMUNICACIONES</t>
  </si>
  <si>
    <t>CL 77 113 16 LC 1</t>
  </si>
  <si>
    <t>PUNTO DE PAGO- PLATIK - DROGUERÍA LA CAMILA JR</t>
  </si>
  <si>
    <t>TV 40 73B 89SUR</t>
  </si>
  <si>
    <t>PUNTO DE PAGO- PLATIK - INTERNET EL PAISA</t>
  </si>
  <si>
    <t>CL 46 SUR 81 16</t>
  </si>
  <si>
    <t>PUNTO DE PAGO- PLATIK - PAPELERIA Y MISCELANEA SAN ANGEL</t>
  </si>
  <si>
    <t>CR 44A 22B 30</t>
  </si>
  <si>
    <t>PUNTO DE PAGO- PLATIK - DROGUERÍA DANNA SOFIA</t>
  </si>
  <si>
    <t>DG 69F 45 08SUR</t>
  </si>
  <si>
    <t>PUNTO DE PAGO- PLATIK - TEKAVILA</t>
  </si>
  <si>
    <t>DG 77B 120A 55 CASA 5</t>
  </si>
  <si>
    <t>PUNTO DE PAGO- PLATIK - M  M MISCELANEA Y PAPELERIA</t>
  </si>
  <si>
    <t>CR 17A  71   22 SUR</t>
  </si>
  <si>
    <t>PUNTO DE PAGO- PLATIK - COMPANIA INTEGRAL DE ENERGIA Y COMUNICACIONES SAS</t>
  </si>
  <si>
    <t>CR 106A 64 14</t>
  </si>
  <si>
    <t>PUNTO DE PAGO- PLATIK - CONEXION J R</t>
  </si>
  <si>
    <t>CR 77Y  47A 05 SUR</t>
  </si>
  <si>
    <t>PUNTO DE PAGO- PLATIK -  PAPERLINK EMLP</t>
  </si>
  <si>
    <t>CR 105  64A 17</t>
  </si>
  <si>
    <t>PUNTO DE PAGO- PLATIK - EL MUNDO DE SARA SOFIA</t>
  </si>
  <si>
    <t>CL 14 119A 70 CASA 138</t>
  </si>
  <si>
    <t>PUNTO DE PAGO- PLATIK - CAFE INTERNET SAN DIEGO</t>
  </si>
  <si>
    <t>CL85A_78_79SURM7-I28</t>
  </si>
  <si>
    <t>PUNTO DE PAGO- PLATIK - LOS CURCUCHES</t>
  </si>
  <si>
    <t>CL 183 15 19</t>
  </si>
  <si>
    <t>PUNTO DE PAGO- PLATIK - PAPELERÍA THALIMA</t>
  </si>
  <si>
    <t>CR 9 E 81 20 S</t>
  </si>
  <si>
    <t>PUNTO DE PAGO- PLATIK - CONECTING RED</t>
  </si>
  <si>
    <t>DG 69 SUR 17 D 31</t>
  </si>
  <si>
    <t>PUNTO DE PAGO- PLATIK - LA LIBELULA</t>
  </si>
  <si>
    <t>CLL 70 SUR  13B 91ESTE</t>
  </si>
  <si>
    <t>PUNTO DE PAGO- PLATIK - CHELOFON LLAMADAS INTERNET</t>
  </si>
  <si>
    <t>CR 9 ESTE 102 14</t>
  </si>
  <si>
    <t>PUNTO DE PAGO- PLATIK - INTERNET JJ</t>
  </si>
  <si>
    <t>CL 77 SUR 34 02</t>
  </si>
  <si>
    <t>PUNTO DE PAGO- PLATIK - MISCELANEA EL TRIUNFO JAA</t>
  </si>
  <si>
    <t>CR 80N 71 23 SUR</t>
  </si>
  <si>
    <t>PUNTO DE PAGO- PLATIK - CABINAS ATALAYAS</t>
  </si>
  <si>
    <t>CR 94B  61 63 S</t>
  </si>
  <si>
    <t>PUNTO DE PAGO- PLATIK - POINTERS PAPELERIA</t>
  </si>
  <si>
    <t>CL119 14B 09</t>
  </si>
  <si>
    <t>PUNTO DE PAGO- PLATIK - PAPELERIA Y VARIEDADES BUENOS AIRES</t>
  </si>
  <si>
    <t>CR98B65-48S-C13</t>
  </si>
  <si>
    <t>PUNTO DE PAGO- PLATIK - TAUROSNET</t>
  </si>
  <si>
    <t>CR 8C ESTE  108 05 SUR</t>
  </si>
  <si>
    <t>PUNTO DE PAGO- PLATIK - MISCELANEA Y PAPELERIA SOFI</t>
  </si>
  <si>
    <t>CL 50A SUR 80A 04</t>
  </si>
  <si>
    <t>PUNTO DE PAGO- PLATIK - R WILLIAM ORLANDO SANCHEZ TORRES</t>
  </si>
  <si>
    <t>CR 19G 62 67 SUR</t>
  </si>
  <si>
    <t>PUNTO DE PAGO- PLATIK - ROSA ALBA PEREZ</t>
  </si>
  <si>
    <t>CR 16 187 40</t>
  </si>
  <si>
    <t>PUNTO DE PAGO- PLATIK - ALPHANUMERIC</t>
  </si>
  <si>
    <t>CL 72F 111C 08</t>
  </si>
  <si>
    <t>PUNTO DE PAGO- PLATIK - TUDROGUERIA CO</t>
  </si>
  <si>
    <t>CL 53 72 B 12</t>
  </si>
  <si>
    <t>PUNTO DE PAGO- PLATIK - PAPELERÍA ASTELEFONICAS</t>
  </si>
  <si>
    <t>CR 78B 57A 07 SUR LC 3</t>
  </si>
  <si>
    <t>PUNTO DE PAGO- PLATIK - CIGARRERIA CAFETERIA EL 5.6</t>
  </si>
  <si>
    <t>CL 126A 7 08</t>
  </si>
  <si>
    <t>PUNTO DE PAGO- PLATIK - GOOGLENET</t>
  </si>
  <si>
    <t>CR 68C 04 65 SUR</t>
  </si>
  <si>
    <t>PUNTO DE PAGO- PLATIK - CIGARRERIA Y ABARROTES YJ</t>
  </si>
  <si>
    <t>CL  104 SUR 7B 49 ESTE</t>
  </si>
  <si>
    <t>PUNTO DE PAGO- PLATIK - DROGUERIA CEDRIFARMA 96</t>
  </si>
  <si>
    <t>CL 96 10 24</t>
  </si>
  <si>
    <t>PUNTO DE PAGO- PLATIK - COMUNICACIONES WILLIAM</t>
  </si>
  <si>
    <t>CR 9 ESTE 36G 57 SUR</t>
  </si>
  <si>
    <t>PUNTO DE PAGO- PLATIK - LAURA BEATRIZ GALEANO</t>
  </si>
  <si>
    <t>CLL 48 S 13F 91 EST</t>
  </si>
  <si>
    <t>PUNTO DE PAGO- PLATIK - ZAMUDIO PATINO JUAN DAVID</t>
  </si>
  <si>
    <t>CLL 10 9A 18 LOC 104</t>
  </si>
  <si>
    <t>PUNTO DE PAGO- PLATIK - DOCUMENTUM</t>
  </si>
  <si>
    <t>CR 11 73 28 LOCAL 3</t>
  </si>
  <si>
    <t>PUNTO DE PAGO- PLATIK - CREACIONES ARTELED</t>
  </si>
  <si>
    <t>DG 92A 80I 05 SUR</t>
  </si>
  <si>
    <t>PUNTO DE PAGO- PLATIK - LAS VARIEDADES DE OCHITA</t>
  </si>
  <si>
    <t>CL 42G SUR 96A 21</t>
  </si>
  <si>
    <t>PUNTO DE PAGO- PLATIK - PAGATODO 147</t>
  </si>
  <si>
    <t>CLL 147 7F 61</t>
  </si>
  <si>
    <t>PUNTO DE PAGO- PLATIK - INTERNET LUCHIS</t>
  </si>
  <si>
    <t>CL 38B 83 42 SUR</t>
  </si>
  <si>
    <t>PUNTO DE PAGO- PLATIK - EMPS</t>
  </si>
  <si>
    <t>CLL 49 5 10</t>
  </si>
  <si>
    <t>PUNTO DE PAGO- PLATIK - VADANCA 2</t>
  </si>
  <si>
    <t>CRA 97 F 26 71 SUR</t>
  </si>
  <si>
    <t>PUNTO DE PAGO- PLATIK - SIPAGA SANTA LIBRADA</t>
  </si>
  <si>
    <t>CL 76B SUR 14 08 INT 1</t>
  </si>
  <si>
    <t>PUNTO DE PAGO- PLATIK - CAFE INTERNET EXITO</t>
  </si>
  <si>
    <t>DG 69B SUR 78C 16</t>
  </si>
  <si>
    <t>PUNTO DE PAGO- PLATIK - COMUNICACIONES LA ECONOMIA</t>
  </si>
  <si>
    <t>KR 78K  57I 16 S</t>
  </si>
  <si>
    <t>PUNTO DE PAGO- PLATIK - SUMIPEL SUMINISTROS  PAPEL</t>
  </si>
  <si>
    <t>CR79 38C 05 SUR</t>
  </si>
  <si>
    <t>PUNTO DE PAGO- PLATIK - GEEK ZONE</t>
  </si>
  <si>
    <t>CL 7C B 72B   24</t>
  </si>
  <si>
    <t>PUNTO DE PAGO- PLATIK - JD.NET</t>
  </si>
  <si>
    <t>CR117 89 A 25</t>
  </si>
  <si>
    <t>PUNTO DE PAGO- PLATIK - KAME HOUSE</t>
  </si>
  <si>
    <t>DG 69 C SUR 18 I 12</t>
  </si>
  <si>
    <t>PUNTO DE PAGO- PLATIK - PAPELES Y SUMINISTROS LA 71</t>
  </si>
  <si>
    <t>CL71 5 23</t>
  </si>
  <si>
    <t>PUNTO DE PAGO- PLATIK - OLBRI TEC</t>
  </si>
  <si>
    <t>CL 137 A 103 F 72</t>
  </si>
  <si>
    <t>PUNTO DE PAGO- PLATIK - MULTISERVICIOS LA PROMESA DE ADONAI</t>
  </si>
  <si>
    <t>CL 87A SUR 15 23 E</t>
  </si>
  <si>
    <t>PUNTO DE PAGO- PLATIK - SHAMELY</t>
  </si>
  <si>
    <t>CR 18B 72A 09 SUR</t>
  </si>
  <si>
    <t>PUNTO DE PAGO- PLATIK - VARIEDADES RUBY</t>
  </si>
  <si>
    <t>CL 59 79B 21</t>
  </si>
  <si>
    <t>PUNTO DE PAGO- PLATIK - DROGUERIA CARDIOSALUD</t>
  </si>
  <si>
    <t>CL 163A 14D 20 LC 2</t>
  </si>
  <si>
    <t>PUNTO DE PAGO- PLATIK - DROGUERIA XIOFARMA JD.</t>
  </si>
  <si>
    <t>CL 8C 82 09</t>
  </si>
  <si>
    <t>PUNTO DE PAGO- PLATIK - DROGUERÍA ESPECIAL DE LA NOVENA</t>
  </si>
  <si>
    <t>CR 9 145 70</t>
  </si>
  <si>
    <t>PUNTO DE PAGO- PLATIK - MISCELANEA Y PAPELERIA MM</t>
  </si>
  <si>
    <t>TV 6 ESTE  88 36 SUR</t>
  </si>
  <si>
    <t>PUNTO DE PAGO- PLATIK - DROGUERIA FARMAPLUS SAMORE</t>
  </si>
  <si>
    <t>CR 33 47B 24 SUR</t>
  </si>
  <si>
    <t>PUNTO DE PAGO- PLATIK - EL SUPER DE LULI</t>
  </si>
  <si>
    <t>CR 104 B  129  79</t>
  </si>
  <si>
    <t>PUNTO DE PAGO- PLATIK - TIENDA MARIA F</t>
  </si>
  <si>
    <t>CR 97C 71 47 SUR</t>
  </si>
  <si>
    <t>PUNTO DE PAGO- PLATIK - PAPELERIA NAGET Y LICORERIA LAS 24 HORAS</t>
  </si>
  <si>
    <t>CR 7I ESTE 107 63 SUR</t>
  </si>
  <si>
    <t>PUNTO DE PAGO- PLATIK - DROGUERIA SINERGIA PHARMA</t>
  </si>
  <si>
    <t>CR 40 76 33 S</t>
  </si>
  <si>
    <t>PUNTO DE PAGO- PLATIK - DROGUERIA ALIANZA 1</t>
  </si>
  <si>
    <t>CR 72B 1A 04 S</t>
  </si>
  <si>
    <t>PUNTO DE PAGO- PLATIK - VARIEDADES ANA SOFY</t>
  </si>
  <si>
    <t>CALL 7 90 41 CASA 108</t>
  </si>
  <si>
    <t>PUNTO DE PAGO- PLATIK - VARIEDADES OLGUITA 46</t>
  </si>
  <si>
    <t>CR 90C 6A 31 CASA 204</t>
  </si>
  <si>
    <t>PUNTO DE PAGO- PLATIK - DESECHABLES  Y ASEO CYL</t>
  </si>
  <si>
    <t>CR 78 L 53 05 S</t>
  </si>
  <si>
    <t>PUNTO DE PAGO- PLATIK - MERCA LUZ</t>
  </si>
  <si>
    <t>CL 48C SUR 23D 20 L 3</t>
  </si>
  <si>
    <t>PUNTO DE PAGO- PLATIK - R LEYLA PABON MONTEALEGRE LC1</t>
  </si>
  <si>
    <t>AV 19  136   A 14</t>
  </si>
  <si>
    <t>PUNTO DE PAGO- PLATIK - DROGUERÍA FARMA SB</t>
  </si>
  <si>
    <t>CL 165 07 73</t>
  </si>
  <si>
    <t>PUNTO DE PAGO- PLATIK - PANALEROS ROSITA</t>
  </si>
  <si>
    <t>CR 110 70 28</t>
  </si>
  <si>
    <t>PUNTO DE PAGO- PLATIK -  DOMINE CAFE WEB</t>
  </si>
  <si>
    <t>CL 90  95F 79</t>
  </si>
  <si>
    <t>PUNTO DE PAGO- PLATIK - BROKERGRAPHICS  SAS</t>
  </si>
  <si>
    <t>CL 100 17 61 LOCAL 104</t>
  </si>
  <si>
    <t>PUNTO DE PAGO- PLATIK - PAPELERIA E INTERNET ORIGAMI</t>
  </si>
  <si>
    <t>CL 51SUR  87C 09</t>
  </si>
  <si>
    <t>PUNTO DE PAGO- PLATIK - PAPELERIA SML</t>
  </si>
  <si>
    <t>CL 90 90 20</t>
  </si>
  <si>
    <t>PUNTO DE PAGO- PLATIK - PAPELES Y TODO</t>
  </si>
  <si>
    <t>CL 125 19 50</t>
  </si>
  <si>
    <t>PUNTO DE PAGO- PLATIK - MASCOTAS</t>
  </si>
  <si>
    <t>CR 11 27 28 SUR</t>
  </si>
  <si>
    <t>PUNTO DE PAGO- PLATIK - DROGUERIA FARMA- ECONOMIA M.G.</t>
  </si>
  <si>
    <t>CL 65 SUR 104 41</t>
  </si>
  <si>
    <t>PUNTO DE PAGO- PLATIK - SOLUCIONES Y COMUNICACIONES LA GAITANA</t>
  </si>
  <si>
    <t>TV 126B  135 09</t>
  </si>
  <si>
    <t>PUNTO DE PAGO- PLATIK - CAFETERÍA Y CIGARRERA EL CANEY</t>
  </si>
  <si>
    <t>CL 1ABIS 7B 62 ESTE</t>
  </si>
  <si>
    <t>PUNTO DE PAGO- PLATIK - COMUNICACION MARIA I DOS</t>
  </si>
  <si>
    <t>CL 62 SUR 84 11</t>
  </si>
  <si>
    <t>PUNTO DE PAGO- PLATIK - CIGARRERIA EL CASTILLO</t>
  </si>
  <si>
    <t>CLL 19  21 85</t>
  </si>
  <si>
    <t>PUNTO DE PAGO- PLATIK - TIENDA SANTA INES BRAZUELOS</t>
  </si>
  <si>
    <t>CR 14 101  55 S</t>
  </si>
  <si>
    <t>PUNTO DE PAGO- PLATIK - HECTOR GIRALDO LOPEZ BARRETO</t>
  </si>
  <si>
    <t>CR 14L 73B 56 SUR</t>
  </si>
  <si>
    <t>PUNTO DE PAGO- PLATIK - MANRESA.COM</t>
  </si>
  <si>
    <t>CR 141 A BIS 143 B 57</t>
  </si>
  <si>
    <t>PUNTO DE PAGO- PLATIK - PAPELERIA 0SLI</t>
  </si>
  <si>
    <t>CL 78 S 78C 05</t>
  </si>
  <si>
    <t>PUNTO DE PAGO- PLATIK - LA ESTACION DEL PAPEL</t>
  </si>
  <si>
    <t>CL 14 B 79 B 03</t>
  </si>
  <si>
    <t>PUNTO DE PAGO- PLATIK - DROGUERÍA MEDITERRANEO 157</t>
  </si>
  <si>
    <t>CL 156 7 12</t>
  </si>
  <si>
    <t>PUNTO DE PAGO- PLATIK - ANDALUCÍA INMOBILIARIA</t>
  </si>
  <si>
    <t>CR 82 26 SUR 03</t>
  </si>
  <si>
    <t>PUNTO DE PAGO- PLATIK - MISCELANEA PA HOY</t>
  </si>
  <si>
    <t>DG 79 SUR 42 12</t>
  </si>
  <si>
    <t>PUNTO DE PAGO- PLATIK - PAPELERIA LA 24 Y BOUTIQUE JC</t>
  </si>
  <si>
    <t>CR 24A 45 93 S</t>
  </si>
  <si>
    <t>PUNTO DE PAGO- PLATIK - INVERSONES FAJARDO SALINA</t>
  </si>
  <si>
    <t>CL 10 79 15  T18</t>
  </si>
  <si>
    <t>PUNTO DE PAGO- PLATIK - EL PUNTO DEL GABRIEL CELU</t>
  </si>
  <si>
    <t>CLL 64 121 37</t>
  </si>
  <si>
    <t>PUNTO DE PAGO- PLATIK - MODA E INVERSIONES MARIBEL</t>
  </si>
  <si>
    <t>CL 19 25 02 L 88425</t>
  </si>
  <si>
    <t>PUNTO DE PAGO- PLATIK - DON WILLY.COM</t>
  </si>
  <si>
    <t>CR 79C  38C 35 SUR</t>
  </si>
  <si>
    <t>PUNTO DE PAGO- PLATIK - COMERCIALIZADORA Y DISTRIBUIDORA TORRES S. A. S</t>
  </si>
  <si>
    <t>CL 90 85 A 04</t>
  </si>
  <si>
    <t>PUNTO DE PAGO- PLATIK - PAPELERIA LA IGUANA MAGICA</t>
  </si>
  <si>
    <t>CR 72A 67A 04</t>
  </si>
  <si>
    <t>PUNTO DE PAGO- PLATIK - CAFE INTERNET DELICOFFE</t>
  </si>
  <si>
    <t>CR 72A 7F 47</t>
  </si>
  <si>
    <t>PUNTO DE PAGO- PLATIK - R CARMELINA TOHA ROJAS</t>
  </si>
  <si>
    <t>CR 6A 190A 9</t>
  </si>
  <si>
    <t>PUNTO DE PAGO- PLATIK - PAPELERIA CONECT@2</t>
  </si>
  <si>
    <t>CR 72P SUR 40 17</t>
  </si>
  <si>
    <t>PUNTO DE PAGO- PLATIK - COMUNICACIONES VALE.NET</t>
  </si>
  <si>
    <t>TV 5I  48F 11 SUR</t>
  </si>
  <si>
    <t>PUNTO DE PAGO- PLATIK - CAFE INTERNET SEBITAS ESTA DE MODA</t>
  </si>
  <si>
    <t>CR 23  71 00</t>
  </si>
  <si>
    <t>PUNTO DE PAGO- PLATIK - PAPELERIA Y MISCELANEA SAN ANDRES AFIDRO</t>
  </si>
  <si>
    <t>CL 143A 128 51</t>
  </si>
  <si>
    <t>PUNTO DE PAGO- PLATIK - PAPELERIA VANDY</t>
  </si>
  <si>
    <t>CL 68 69I 14</t>
  </si>
  <si>
    <t>PUNTO DE PAGO- PLATIK - COLVEN.NET</t>
  </si>
  <si>
    <t>DG 139A BIS  127 C 47</t>
  </si>
  <si>
    <t>PUNTO DE PAGO- PLATIK - JAIME GOMEZ GOMEZ</t>
  </si>
  <si>
    <t>CL 100 14 63 LOCAL 107</t>
  </si>
  <si>
    <t>PUNTO DE PAGO- PLATIK - ANGELICA GARCIA</t>
  </si>
  <si>
    <t>CRA 29 62 A 41 SUR</t>
  </si>
  <si>
    <t>PUNTO DE PAGO- PLATIK - MI PAPELERIA</t>
  </si>
  <si>
    <t>CR 8H 163A 17</t>
  </si>
  <si>
    <t>PUNTO DE PAGO- PLATIK - ANDREA JYK</t>
  </si>
  <si>
    <t>CR 10 ESTE 52 50 S</t>
  </si>
  <si>
    <t>PUNTO DE PAGO- PLATIK - VIVERES Y LICORES LA FRONTERA J H C</t>
  </si>
  <si>
    <t>CL 73  107 34 PISO 1</t>
  </si>
  <si>
    <t>PUNTO DE PAGO- PLATIK - TELECOMUNICACIONES CYBER</t>
  </si>
  <si>
    <t>CR 7 E 90D 51 S</t>
  </si>
  <si>
    <t>PUNTO DE PAGO- PLATIK - DROGUERIA ZARAZOTA</t>
  </si>
  <si>
    <t>KR 9A 48B 04 SUR</t>
  </si>
  <si>
    <t>PUNTO DE PAGO- PLATIK - PAÑALERA TATI GR</t>
  </si>
  <si>
    <t>DG 72 SUR 18 I 06</t>
  </si>
  <si>
    <t>PUNTO DE PAGO- PLATIK - PAPELERIA EN TUS MANOS</t>
  </si>
  <si>
    <t>DG 62 19G 45 SUR</t>
  </si>
  <si>
    <t>PUNTO DE PAGO- PLATIK - MIS DETALLES MONI</t>
  </si>
  <si>
    <t>CR 4 B 190 A 02</t>
  </si>
  <si>
    <t>PUNTO DE PAGO- PLATIK - NEBRASKA</t>
  </si>
  <si>
    <t>CRA 158 B 136 D 03</t>
  </si>
  <si>
    <t>PUNTO DE PAGO- PLATIK - SUPERTIENDAS Y VARIEDADES</t>
  </si>
  <si>
    <t>CL 39A SUR 5 93 ESTE</t>
  </si>
  <si>
    <t>PUNTO DE PAGO- PLATIK - CELLFONT SOLUCIONES</t>
  </si>
  <si>
    <t>CRA 92 6 C 39 CS 96</t>
  </si>
  <si>
    <t>PUNTO DE PAGO- PLATIK - CIGARRERIA SANTA BARBARA 127</t>
  </si>
  <si>
    <t>CL 127 19 15</t>
  </si>
  <si>
    <t>PUNTO DE PAGO- PLATIK - COPI COMPUTO IVAN</t>
  </si>
  <si>
    <t>CL 61 7 93</t>
  </si>
  <si>
    <t>PUNTO DE PAGO- PLATIK - OFFICE BOX</t>
  </si>
  <si>
    <t>CR 7 127 48 LOCAL 2</t>
  </si>
  <si>
    <t>PUNTO DE PAGO- PLATIK - CAFEINTERNETLLAMEAQUI.COM</t>
  </si>
  <si>
    <t>CL 43 SUR 11K 09</t>
  </si>
  <si>
    <t>PUNTO DE PAGO- PLATIK - MISCELANEA ANDREA</t>
  </si>
  <si>
    <t>CR 50 18 56 SUR LC 3</t>
  </si>
  <si>
    <t>PUNTO DE PAGO- PLATIK - MISCELANEA AZUL L.O.C</t>
  </si>
  <si>
    <t>CR 3 ESTE  46A 17 SUR</t>
  </si>
  <si>
    <t>PUNTO DE PAGO- PLATIK - FARMASAN</t>
  </si>
  <si>
    <t>CR 41A 4C 54</t>
  </si>
  <si>
    <t>PUNTO DE PAGO- PLATIK - MUNDO SERVICIOS 73</t>
  </si>
  <si>
    <t>CL 73A 70F 06</t>
  </si>
  <si>
    <t>PUNTO DE PAGO- PLATIK - SERVIEXPRESS Q</t>
  </si>
  <si>
    <t>CL 43 A SUR 72 B 09</t>
  </si>
  <si>
    <t>PUNTO DE PAGO- PLATIK - CABINTEL . NET</t>
  </si>
  <si>
    <t>CR 110 72 76</t>
  </si>
  <si>
    <t>PUNTO DE PAGO- PLATIK - KAROLINE COMUNICACIONES</t>
  </si>
  <si>
    <t>CR 6 ESTE 97B 44 SUR</t>
  </si>
  <si>
    <t>PUNTO DE PAGO- PLATIK - INTERNET BUEN SAMARITANO</t>
  </si>
  <si>
    <t>CR 6 ESTE  98   36</t>
  </si>
  <si>
    <t>PUNTO DE PAGO- PLATIK - CIGARRERIA LA ESTRELLA</t>
  </si>
  <si>
    <t>CR 24 42A 04 S</t>
  </si>
  <si>
    <t>PUNTO DE PAGO- PLATIK - INTERNET 1710</t>
  </si>
  <si>
    <t>CL127A BIS 2 37</t>
  </si>
  <si>
    <t>PUNTO DE PAGO- PLATIK - TAURO Y LIBRA 2</t>
  </si>
  <si>
    <t>CALLE 81 SUR  8 04</t>
  </si>
  <si>
    <t>PUNTO DE PAGO- PLATIK - SIPAGA MARIA ALBARRAN</t>
  </si>
  <si>
    <t>CR 110 152B 77</t>
  </si>
  <si>
    <t>PUNTO DE PAGO- PLATIK - THE NIGHT WIND E.H.S.</t>
  </si>
  <si>
    <t>CR 110  78 F   44</t>
  </si>
  <si>
    <t>PUNTO DE PAGO- PLATIK - SERVICIOS Y SOLUCIONES MABECOR</t>
  </si>
  <si>
    <t>AV BOYACA 63A 40 LC 3</t>
  </si>
  <si>
    <t>PUNTO DE PAGO- PLATIK - TAURO Y LIBRA CAFE INTERNET</t>
  </si>
  <si>
    <t>TV 7A ESTE 88B 20 SUR</t>
  </si>
  <si>
    <t>PUNTO DE PAGO- PLATIK - DROGUERIA MAXIDESCUENTOS DE LA 81</t>
  </si>
  <si>
    <t>CRA 80L 82 B 24 SUR</t>
  </si>
  <si>
    <t>PUNTO DE PAGO- PLATIK - PAPELERIA BYS</t>
  </si>
  <si>
    <t>CL 58A S 49A 02</t>
  </si>
  <si>
    <t>PUNTO DE PAGO- PLATIK - ALDALAMI DISTRIBUIDORA DE PRODUCTOS DE BELLEZA</t>
  </si>
  <si>
    <t>CL 80 BIS SUR 94 21</t>
  </si>
  <si>
    <t>PUNTO DE PAGO- PLATIK - AJ SERVICIOS</t>
  </si>
  <si>
    <t>CRA 119 64 80</t>
  </si>
  <si>
    <t>PUNTO DE PAGO- PLATIK - MULTISERVICIOS RAMIREZ</t>
  </si>
  <si>
    <t>CR 57  2B 98</t>
  </si>
  <si>
    <t>PUNTO DE PAGO- PLATIK - XTREME  DIGITAL DIANA</t>
  </si>
  <si>
    <t>CL 48 X SUR 2 F 11</t>
  </si>
  <si>
    <t>PUNTO DE PAGO- PLATIK - DROGUERÍAS MANTRA</t>
  </si>
  <si>
    <t>CR 68L 38D 33 SUR</t>
  </si>
  <si>
    <t>PUNTO DE PAGO- PLATIK - PAULANET</t>
  </si>
  <si>
    <t>CR110 70 D 32</t>
  </si>
  <si>
    <t>PUNTO DE PAGO- PLATIK - MISCELANEA Y PAPELERIA LULU</t>
  </si>
  <si>
    <t>CR 114 147A 18</t>
  </si>
  <si>
    <t>PUNTO DE PAGO- PLATIK - R LEYLA PABON MONTEALEGRE LC2</t>
  </si>
  <si>
    <t>AV 19  136 A 34</t>
  </si>
  <si>
    <t>PUNTO DE PAGO- PLATIK - VENTURA SUPERMERCADOS</t>
  </si>
  <si>
    <t>CL 78 A S 3 61 ESTE</t>
  </si>
  <si>
    <t>PUNTO DE PAGO- PLATIK - FERREMISCELANEA BRIYIS</t>
  </si>
  <si>
    <t>CR 105 16H 52</t>
  </si>
  <si>
    <t>PUNTO DE PAGO- PLATIK - EL GORDITO</t>
  </si>
  <si>
    <t>CR 107C 71A 06</t>
  </si>
  <si>
    <t>PUNTO DE PAGO- PLATIK - GOD OF WEB</t>
  </si>
  <si>
    <t>DG 39SUR  72F 58</t>
  </si>
  <si>
    <t>PUNTO DE PAGO- PLATIK - MULTISERVICIOS HALITEL</t>
  </si>
  <si>
    <t>CALLE 93 SUR 4C 31</t>
  </si>
  <si>
    <t>PUNTO DE PAGO- PLATIK - CELU STORE JJ</t>
  </si>
  <si>
    <t>CR 90 69A 07</t>
  </si>
  <si>
    <t>PUNTO DE PAGO- PLATIK - DALIA ASENETH HERNANDEZ RENTERIA</t>
  </si>
  <si>
    <t>CL 129 F 104 03</t>
  </si>
  <si>
    <t>PUNTO DE PAGO- PLATIK - PAPELERIA VARGOS</t>
  </si>
  <si>
    <t>CL 14 107 54</t>
  </si>
  <si>
    <t>PUNTO DE PAGO- PLATIK - TIENDA MAYJY</t>
  </si>
  <si>
    <t>DG 69 N SUR 45 A 48</t>
  </si>
  <si>
    <t>PUNTO DE PAGO- PLATIK - CLICK ZONE</t>
  </si>
  <si>
    <t>CR 84A 69A 20</t>
  </si>
  <si>
    <t>PUNTO DE PAGO- PLATIK - PAPELERIA JHUDIMA</t>
  </si>
  <si>
    <t>CL 156 7 11</t>
  </si>
  <si>
    <t>PUNTO DE PAGO- PLATIK - MISCELANEA CONTINENTAL</t>
  </si>
  <si>
    <t>CL 42C SUR 14 06 ESTE</t>
  </si>
  <si>
    <t>PUNTO DE PAGO- PLATIK - SURTI TODO MANZAN</t>
  </si>
  <si>
    <t>KR 96 85 25 SUR</t>
  </si>
  <si>
    <t>PUNTO DE PAGO- PLATIK - PAPELERIA Y MISCELANEA LIZ</t>
  </si>
  <si>
    <t>TV 79 D 72 B 19 SUR</t>
  </si>
  <si>
    <t>PUNTO DE PAGO- PLATIK - PAPELERIA PAPER EXPRESS</t>
  </si>
  <si>
    <t>CR 72 J 46 23 SUR</t>
  </si>
  <si>
    <t>PUNTO DE PAGO- PLATIK - DROGUERIA EL MIRADOR 2</t>
  </si>
  <si>
    <t>TV 6 B BIS 48K SUR 16</t>
  </si>
  <si>
    <t>PUNTO DE PAGO- PLATIK - VALERY.COM</t>
  </si>
  <si>
    <t>CL 55 SUR 103  49</t>
  </si>
  <si>
    <t>PUNTO DE PAGO- PLATIK - APUESTAS ALAN</t>
  </si>
  <si>
    <t>CR 120 23 09</t>
  </si>
  <si>
    <t>PUNTO DE PAGO- PLATIK - SOLUTEGNO.NET</t>
  </si>
  <si>
    <t>TV 30 55 35 SUR</t>
  </si>
  <si>
    <t>PUNTO DE PAGO- PLATIK - TIENDA MARKET CHICO</t>
  </si>
  <si>
    <t>CR 11 94 05</t>
  </si>
  <si>
    <t>PUNTO DE PAGO- PLATIK - PAPELERIA Y MISCELANEA AMERICAN EXPRESS 2</t>
  </si>
  <si>
    <t>CR 12 73C 28 SUR</t>
  </si>
  <si>
    <t>PUNTO DE PAGO- PLATIK - SUPERMERCADO JIREHT</t>
  </si>
  <si>
    <t>DG 71C BIS B SUR 77G 78</t>
  </si>
  <si>
    <t>PUNTO DE PAGO- PLATIK - DROGUERIAS DE CUNDINAMARCA A SU SERVICIO &amp; MINIMARK</t>
  </si>
  <si>
    <t>CR 52C  38 14 SUR</t>
  </si>
  <si>
    <t>PUNTO DE PAGO- PLATIK - MISCELÁNEA Y PAPELERÍA VILLA TERESITA</t>
  </si>
  <si>
    <t>CR 116B  70A 29</t>
  </si>
  <si>
    <t>PUNTO DE PAGO- PLATIK - CAFE INTERNET EXPLORER</t>
  </si>
  <si>
    <t>CR 69K 70 01</t>
  </si>
  <si>
    <t>PUNTO DE PAGO- PLATIK - PAPELERIA Y VARIEDADES MERAKY</t>
  </si>
  <si>
    <t>CR 68D 28 SUR 11</t>
  </si>
  <si>
    <t>PUNTO DE PAGO- PLATIK - COUNTRY ZOL</t>
  </si>
  <si>
    <t>CL 52A SUR 78G 03</t>
  </si>
  <si>
    <t>PUNTO DE PAGO- PLATIK - DROGUERIA CAPI EXPRESS PRINCIPAL</t>
  </si>
  <si>
    <t>CR 11 144 63</t>
  </si>
  <si>
    <t>PUNTO DE PAGO- PLATIK - LIONHEART</t>
  </si>
  <si>
    <t>CR 90 49D 79 SUR</t>
  </si>
  <si>
    <t>PUNTO DE PAGO- PLATIK - PAPELERIA ROSSMA</t>
  </si>
  <si>
    <t>AV CL 8 73 04</t>
  </si>
  <si>
    <t>PUNTO DE PAGO- PLATIK - DROGUERIA LA EFECTIVA</t>
  </si>
  <si>
    <t>CL145A 143 56</t>
  </si>
  <si>
    <t>PUNTO DE PAGO- PLATIK - INTERNET CONCTACTO HUMANO</t>
  </si>
  <si>
    <t>CR 109 137 78</t>
  </si>
  <si>
    <t>PUNTO DE PAGO- PLATIK - EFECTY COMUNEROS USME</t>
  </si>
  <si>
    <t>CALLE 92B SUR 2 18</t>
  </si>
  <si>
    <t>PUNTO DE PAGO- PLATIK - PAPELERIA CJM SERVICIOS INTEGRADOS</t>
  </si>
  <si>
    <t>CR 129A 142 11</t>
  </si>
  <si>
    <t>PUNTO DE PAGO- PLATIK - MISCELANEA VARIEDADES SONY</t>
  </si>
  <si>
    <t>DG 95 6 64 ESTE</t>
  </si>
  <si>
    <t>PUNTO DE PAGO- PLATIK - PAPELERIA CACHARRERIA Y PINATERIA EL ENSUENO</t>
  </si>
  <si>
    <t>TV 70C 67A 11 SUR</t>
  </si>
  <si>
    <t>PUNTO DE PAGO- PLATIK - PIXEL 2 COMERCIAL</t>
  </si>
  <si>
    <t>CLL 66 69 13</t>
  </si>
  <si>
    <t>PUNTO DE PAGO- PLATIK - DRIGUERIA ASUSALUD TECHO LMZ</t>
  </si>
  <si>
    <t>CLL 1 69D 14</t>
  </si>
  <si>
    <t>PUNTO DE PAGO- PLATIK - PAPELERIA Y PAGATODO POLO</t>
  </si>
  <si>
    <t>CR 85C 25D 33</t>
  </si>
  <si>
    <t>PUNTO DE PAGO- PLATIK - R DROGUERIA LA VICTORIA JR</t>
  </si>
  <si>
    <t>CR 83 71A 32 ESQUINA</t>
  </si>
  <si>
    <t>PUNTO DE PAGO- PLATIK - MALU-COM</t>
  </si>
  <si>
    <t>KR 116B 80 51</t>
  </si>
  <si>
    <t>PUNTO DE PAGO- PLATIK - LA GACELA</t>
  </si>
  <si>
    <t>CL 89 C SUR 2 A 07</t>
  </si>
  <si>
    <t>PUNTO DE PAGO- PLATIK - HIPERDROGUERIA RAMÍREZ 174</t>
  </si>
  <si>
    <t>CR 7 173A 32</t>
  </si>
  <si>
    <t>PUNTO DE PAGO- PLATIK - R ALEJANDRO SUAREZ REY</t>
  </si>
  <si>
    <t>CL 129D 104D 16</t>
  </si>
  <si>
    <t>PUNTO DE PAGO- PLATIK - DROGUERIA MEDI SALUD</t>
  </si>
  <si>
    <t>CR 69B  4 19</t>
  </si>
  <si>
    <t>PUNTO DE PAGO- PLATIK - TIENDA DE BELLEZA</t>
  </si>
  <si>
    <t>CR 4 E 37D 10  S</t>
  </si>
  <si>
    <t>PUNTO DE PAGO- PLATIK - PAPELERIA MAJO TIPS</t>
  </si>
  <si>
    <t>AV CL 25 27B 87</t>
  </si>
  <si>
    <t>PUNTO DE PAGO- PLATIK - R COMERCIALIZADORA JERARD</t>
  </si>
  <si>
    <t>CL 127 104 A 05</t>
  </si>
  <si>
    <t>PUNTO DE PAGO- PLATIK - CENTRO DE SERVICIOS EL CORTIJO</t>
  </si>
  <si>
    <t>KR 116 A 81 21</t>
  </si>
  <si>
    <t>PUNTO DE PAGO- PLATIK - GRANOS Y LICORES</t>
  </si>
  <si>
    <t>KRA 94B   62B   19SUR</t>
  </si>
  <si>
    <t>PUNTO DE PAGO- PLATIK - MICELANEA Y VARIEDADES NUVI</t>
  </si>
  <si>
    <t>CL 40SUR 79F 12</t>
  </si>
  <si>
    <t>PUNTO DE PAGO- PLATIK - EL MUNDO A TU ALCANCE FUTUAL</t>
  </si>
  <si>
    <t>CR 82  59B 29 S</t>
  </si>
  <si>
    <t>PUNTO DE PAGO- PLATIK - BAGUT SAS</t>
  </si>
  <si>
    <t>CRA 78N BIS B 53 39 SUR</t>
  </si>
  <si>
    <t>PUNTO DE PAGO- PLATIK - PIXEL COMERCIAL.COM</t>
  </si>
  <si>
    <t>CR 69 64F 46</t>
  </si>
  <si>
    <t>PUNTO DE PAGO- PLATIK - PAPELERIA LA NUEVA DC</t>
  </si>
  <si>
    <t>CL 44 SUR 25A 24</t>
  </si>
  <si>
    <t>PUNTO DE PAGO- PLATIK - PAPELERIA SALOME</t>
  </si>
  <si>
    <t>CR 85B  57B 15 SUR</t>
  </si>
  <si>
    <t>PUNTO DE PAGO- PLATIK - MULTISERVICES</t>
  </si>
  <si>
    <t>CL 13 80 D 45 SUR</t>
  </si>
  <si>
    <t>PUNTO DE PAGO- PLATIK - LAS CABINAS</t>
  </si>
  <si>
    <t>CRA 107 78A 10 LC 1</t>
  </si>
  <si>
    <t>PUNTO DE PAGO- PLATIK - EMILY FANTASIA PAPELERIA</t>
  </si>
  <si>
    <t>CL 34 BIS SUR 95A 70</t>
  </si>
  <si>
    <t>PUNTO DE PAGO- PLATIK - NEGOCIO VENTA DE MINUTOS PAPELERIA Y CAFE INTERNET</t>
  </si>
  <si>
    <t>CL51SUR81D 15</t>
  </si>
  <si>
    <t>PUNTO DE PAGO- PLATIK - VARIEDADES JIREH</t>
  </si>
  <si>
    <t>TV 20D 61 94 SUR</t>
  </si>
  <si>
    <t>PUNTO DE PAGO- PLATIK - ALPA PAPELERIAS</t>
  </si>
  <si>
    <t>CL 151 111A 66 OASIS 1</t>
  </si>
  <si>
    <t>PUNTO DE PAGO- PLATIK - SALOME</t>
  </si>
  <si>
    <t>CRA 5 108 14 SUR</t>
  </si>
  <si>
    <t>PUNTO DE PAGO- PLATIK - VARIEDADES  JUANPISS</t>
  </si>
  <si>
    <t>CR 93D  72 S 47 CASA 23</t>
  </si>
  <si>
    <t>PUNTO DE PAGO- PLATIK - TIENDA EXPRESS</t>
  </si>
  <si>
    <t>CL 80A 112 15</t>
  </si>
  <si>
    <t>PUNTO DE PAGO- PLATIK - BELLA AYALA VILLANUEVA</t>
  </si>
  <si>
    <t>CR 16  33 34</t>
  </si>
  <si>
    <t>PUNTO DE PAGO- PLATIK - PANDIS PAPELERIA Y DISENO GRAFICO</t>
  </si>
  <si>
    <t>CL 8 A BIS 78  51</t>
  </si>
  <si>
    <t>PUNTO DE PAGO- PLATIK - SACURA TECNOLOGÍA</t>
  </si>
  <si>
    <t>CL 51 SUR 88I 05</t>
  </si>
  <si>
    <t>PUNTO DE PAGO- PLATIK - CONTACTO HUMANO</t>
  </si>
  <si>
    <t>CRA 152 133 21</t>
  </si>
  <si>
    <t>PUNTO DE PAGO- PLATIK - MULTERVICIOS IRUSAGA</t>
  </si>
  <si>
    <t>CR  24 27 11 SUR LC 1</t>
  </si>
  <si>
    <t>PUNTO DE PAGO- PLATIK - PAPELERIA ER</t>
  </si>
  <si>
    <t>CL 150 19 11</t>
  </si>
  <si>
    <t>PUNTO DE PAGO- PLATIK - DROGAS ANA</t>
  </si>
  <si>
    <t>CL 81 A SUR 10 07</t>
  </si>
  <si>
    <t>PUNTO DE PAGO- PLATIK - LA MASCOTA DE MI BARRIO</t>
  </si>
  <si>
    <t>CL 167 5A 23</t>
  </si>
  <si>
    <t>PUNTO DE PAGO- PLATIK - VARIEDADES EBENEZER AR</t>
  </si>
  <si>
    <t>CR 94 6C 30 L 21</t>
  </si>
  <si>
    <t>PUNTO DE PAGO- PLATIK - KYLCOMUNICACIONES</t>
  </si>
  <si>
    <t>CR 78 3A 11</t>
  </si>
  <si>
    <t>PUNTO DE PAGO- PLATIK - PAPELERÍA E INTERNET CRISOTAVALITO</t>
  </si>
  <si>
    <t>CR15E 89C 04SUR L2</t>
  </si>
  <si>
    <t>PUNTO DE PAGO- PLATIK - DISTRIBUIDORA LA DIOSA GRIEGA</t>
  </si>
  <si>
    <t>CR 64 4D 04</t>
  </si>
  <si>
    <t>PUNTO DE PAGO- PLATIK - EMILIO COM MR</t>
  </si>
  <si>
    <t>CR 32C 1F 13</t>
  </si>
  <si>
    <t>PUNTO DE PAGO- PLATIK - TIENDA MINUTOS EL MONO</t>
  </si>
  <si>
    <t>CL 69A S 76C 32</t>
  </si>
  <si>
    <t>PUNTO DE PAGO- PLATIK - DROGUERIA HERGUZ</t>
  </si>
  <si>
    <t>CR 3A 111 09 S</t>
  </si>
  <si>
    <t>PUNTO DE PAGO- PLATIK - TRAVEL AND LIVING COLOMBIA</t>
  </si>
  <si>
    <t>CR 8C 163B 45</t>
  </si>
  <si>
    <t>PUNTO DE PAGO- PLATIK - HIPER DROGUERIA BETANIA M Y S</t>
  </si>
  <si>
    <t>CR 93C 49F 73</t>
  </si>
  <si>
    <t>PUNTO DE PAGO- PLATIK - PAPELERIA Y MISCELANEA MIS 3 COLORES</t>
  </si>
  <si>
    <t>CL 139 134 11</t>
  </si>
  <si>
    <t>PUNTO DE PAGO- PLATIK - INTERNET SANDE</t>
  </si>
  <si>
    <t>DG 74 SUR 27 M 79</t>
  </si>
  <si>
    <t>PUNTO DE PAGO- PLATIK - MAIK.NET</t>
  </si>
  <si>
    <t>CALLE 4 B # 40 C 63</t>
  </si>
  <si>
    <t>PUNTO DE PAGO- PLATIK - DROGUERIA CEDRIDESCUENTOS</t>
  </si>
  <si>
    <t>CR 12 144 68</t>
  </si>
  <si>
    <t>PUNTO DE PAGO- PLATIK - CIGARRERIA SANTAFERENA</t>
  </si>
  <si>
    <t>CL81CS7-35 P1</t>
  </si>
  <si>
    <t>PUNTO DE PAGO- PLATIK - PAPELERIA EL ACUARIO II</t>
  </si>
  <si>
    <t>CL 42A S   87    16</t>
  </si>
  <si>
    <t>PUNTO DE PAGO- PLATIK - PHARMAPLUS AYD</t>
  </si>
  <si>
    <t>DG 74 SUR 79 A 03</t>
  </si>
  <si>
    <t>PUNTO DE PAGO- PLATIK - PAPELERIA NOVA</t>
  </si>
  <si>
    <t>CL 163 72 80 LC3</t>
  </si>
  <si>
    <t>PUNTO DE PAGO- PLATIK - ABC VARIEDADES PRIMAVERA</t>
  </si>
  <si>
    <t>CR 91C 5A 46 S CS 216</t>
  </si>
  <si>
    <t>PUNTO DE PAGO- PLATIK - ESTID COMUNICACIONES LTDA</t>
  </si>
  <si>
    <t>CL 44 68G SUR 72</t>
  </si>
  <si>
    <t>PUNTO DE PAGO- PLATIK - EL CANALITO</t>
  </si>
  <si>
    <t>DG 77B  123A 43</t>
  </si>
  <si>
    <t>PUNTO DE PAGO- PLATIK - TIENDA Y MULTISERVICIOS FASE 3</t>
  </si>
  <si>
    <t>CR 68L 39 70 SUR</t>
  </si>
  <si>
    <t>PUNTO DE PAGO- PLATIK - MINIMERCADO Y CIGARRERIA LA BAHIA</t>
  </si>
  <si>
    <t>TV 78J  49 44 SUR</t>
  </si>
  <si>
    <t>PUNTO DE PAGO- PLATIK - DISTRI BELLEZA ISABEL</t>
  </si>
  <si>
    <t>CR 74A 66A 89</t>
  </si>
  <si>
    <t>PUNTO DE PAGO- PLATIK - PAPELERIA Y MISCELANEA VELSANEU</t>
  </si>
  <si>
    <t>CL 43 SUR 78I 10</t>
  </si>
  <si>
    <t>PUNTO DE PAGO- PLATIK - GQSUMINISTROS SERVICIOS SOLUCIONES</t>
  </si>
  <si>
    <t>CL 33  41A 31 SUR</t>
  </si>
  <si>
    <t>PUNTO DE PAGO- PLATIK - PAGA TODO 91A</t>
  </si>
  <si>
    <t>CRA 91A 73 37</t>
  </si>
  <si>
    <t>PUNTO DE PAGO- PLATIK - R YANETH CONSUELO CARO RINCON</t>
  </si>
  <si>
    <t>CL 64B 111C 76</t>
  </si>
  <si>
    <t>PUNTO DE PAGO- PLATIK - DROGUERIA CABAÑA EXPRESS</t>
  </si>
  <si>
    <t>CR 89 BIS A  80  97 S</t>
  </si>
  <si>
    <t>PUNTO DE PAGO- PLATIK - SOLUCIONES Y COMUNICACIONES</t>
  </si>
  <si>
    <t>CR 91 132C 17</t>
  </si>
  <si>
    <t>PUNTO DE PAGO- PLATIK - COMUNICACIONES JUAN D</t>
  </si>
  <si>
    <t>CL 66 77A 25</t>
  </si>
  <si>
    <t>PUNTO DE PAGO- PLATIK - COLOMBIA JEANS</t>
  </si>
  <si>
    <t>CR 77A  69A 64</t>
  </si>
  <si>
    <t>PUNTO DE PAGO- PLATIK - RAPPI MONO</t>
  </si>
  <si>
    <t>CL 133 104 71</t>
  </si>
  <si>
    <t>PUNTO DE PAGO- PLATIK - ANA ISABEL CASANOVA</t>
  </si>
  <si>
    <t>CR 2 F 48 R 03 S</t>
  </si>
  <si>
    <t>PUNTO DE PAGO- PLATIK - AGORA</t>
  </si>
  <si>
    <t>TV 85G 24 18</t>
  </si>
  <si>
    <t>PUNTO DE PAGO- PLATIK - LA PAPELERIA</t>
  </si>
  <si>
    <t>CL 38 S 89 D 03</t>
  </si>
  <si>
    <t>PUNTO DE PAGO- PLATIK - PUNTO DE SERVICIO CARBONELL</t>
  </si>
  <si>
    <t>TV 78 B 74 D 08 SUR</t>
  </si>
  <si>
    <t>PUNTO DE PAGO- PLATIK - DROGUERIA M SOTO</t>
  </si>
  <si>
    <t>CL 6BIS 80C 73</t>
  </si>
  <si>
    <t>PUNTO DE PAGO- PLATIK - SOCIEDAD LA PAPELERIA</t>
  </si>
  <si>
    <t>CRA 2 91 93 SUR</t>
  </si>
  <si>
    <t>PUNTO DE PAGO- PLATIK - MINIMERCADO DASAI</t>
  </si>
  <si>
    <t>TV 5 J 48 11S</t>
  </si>
  <si>
    <t>PUNTO DE PAGO- PLATIK - SOCIEDAD FERRETERIA YEQUIPOS MG S.A.S</t>
  </si>
  <si>
    <t>CL 41 SUR  78 08</t>
  </si>
  <si>
    <t>PUNTO DE PAGO- PLATIK - SMART POWER Z</t>
  </si>
  <si>
    <t>TV 113 F 64A 12 LC 5</t>
  </si>
  <si>
    <t>PUNTO DE PAGO- PLATIK - HIPERDROGUERIA PUNTO 5</t>
  </si>
  <si>
    <t>DG 84 A 82 56</t>
  </si>
  <si>
    <t>PUNTO DE PAGO- PLATIK - CORRESPONSAL BANCARIO BCS</t>
  </si>
  <si>
    <t>CR 11A ESTE 18A 05 SUR</t>
  </si>
  <si>
    <t>PUNTO DE PAGO- PLATIK - EDINHO COMUNICACIONES</t>
  </si>
  <si>
    <t>CL 63 19 31</t>
  </si>
  <si>
    <t>PUNTO DE PAGO- PLATIK - R LEYLA PABON MONTEALEGRE LC4</t>
  </si>
  <si>
    <t>CL 147  7   70 MODULO 1</t>
  </si>
  <si>
    <t>PUNTO DE PAGO- PLATIK - PAPELERIA UVITASTORE</t>
  </si>
  <si>
    <t>CR 2  192 21</t>
  </si>
  <si>
    <t>PUNTO DE PAGO- PLATIK - CIGARRERIA YJ</t>
  </si>
  <si>
    <t>DG 48 Y SUR 5 R 44</t>
  </si>
  <si>
    <t>PUNTO DE PAGO- PLATIK - LUZ MARINA SANTANA</t>
  </si>
  <si>
    <t>KR 68 A 33 11 SUR</t>
  </si>
  <si>
    <t>PUNTO DE PAGO- PLATIK - CYBERADICTION</t>
  </si>
  <si>
    <t>CR 41A 3 81</t>
  </si>
  <si>
    <t>PUNTO DE PAGO- PLATIK - CIGARRERIA Y PAPELERIA DTODITO</t>
  </si>
  <si>
    <t>CL 69 B SUR 78 30</t>
  </si>
  <si>
    <t>PUNTO DE PAGO- PLATIK - SKEMA SOLUCIONES</t>
  </si>
  <si>
    <t>CL 85 SUR 91 91</t>
  </si>
  <si>
    <t>PUNTO DE PAGO- PLATIK - LICORERA Y TELECOMUNICACIONES TIFFANY.J</t>
  </si>
  <si>
    <t>CR 38  62 34 SUR</t>
  </si>
  <si>
    <t>PUNTO DE PAGO- PLATIK - SILVIA BENITEZ</t>
  </si>
  <si>
    <t>TV 6B 48K 22 SUR</t>
  </si>
  <si>
    <t>PUNTO DE PAGO- PLATIK - GINA PAOLA MONTERO GIL</t>
  </si>
  <si>
    <t>CL83S#91-70T12</t>
  </si>
  <si>
    <t>PUNTO DE PAGO- PLATIK - SIPAGA BEATRIZ VELEZ</t>
  </si>
  <si>
    <t>AV CLL 132 98 B 25</t>
  </si>
  <si>
    <t>PUNTO DE PAGO- PLATIK - INGRID CATERINE SANCHEZ CELIS</t>
  </si>
  <si>
    <t>CR 7 H ESTE 107 54 SUR</t>
  </si>
  <si>
    <t>PUNTO DE PAGO- PLATIK - HIPER DROGUERIA BETANIA J Y V</t>
  </si>
  <si>
    <t>CL 53 SUR 86 C 14</t>
  </si>
  <si>
    <t>PUNTO DE PAGO- PLATIK - PANALERA Y PINATERIA MARIA JOSE</t>
  </si>
  <si>
    <t>CL 76 SUR 16I 12</t>
  </si>
  <si>
    <t>PUNTO DE PAGO- PLATIK - CONSULTORIAS Y MULTISERVICIOS</t>
  </si>
  <si>
    <t>CL 26 92 32</t>
  </si>
  <si>
    <t>PUNTO DE PAGO- PLATIK - PAPELERIA GENESYS</t>
  </si>
  <si>
    <t>CL 48A SUR 88C 80</t>
  </si>
  <si>
    <t>PUNTO DE PAGO- PLATIK - COMINICACIONES BUHU</t>
  </si>
  <si>
    <t>CR 79C 6 14</t>
  </si>
  <si>
    <t>PUNTO DE PAGO- PLATIK - GROGUERIA BONAPAR</t>
  </si>
  <si>
    <t>CL 17 S 29B 40</t>
  </si>
  <si>
    <t>PUNTO DE PAGO- PLATIK - PAPELERIA NAYA</t>
  </si>
  <si>
    <t>CL 72A 87 76</t>
  </si>
  <si>
    <t>PUNTO DE PAGO- PLATIK - FOTO ESTUDIOS MARLENY</t>
  </si>
  <si>
    <t>CL 53 N28A   04</t>
  </si>
  <si>
    <t>PUNTO DE PAGO- PLATIK - SIPAGA INGRID MARCELA ANDRADE</t>
  </si>
  <si>
    <t>CR 68 I  31 02</t>
  </si>
  <si>
    <t>PUNTO DE PAGO- PLATIK - CIGARRERIA LUJAN</t>
  </si>
  <si>
    <t>CR 105C  63 20</t>
  </si>
  <si>
    <t>PUNTO DE PAGO- PLATIK - COPIADO PUNTO 72</t>
  </si>
  <si>
    <t>CR 11 71 69</t>
  </si>
  <si>
    <t>PUNTO DE PAGO- PLATIK - MISCELANEA Y PAPELERIA LA ESQUINA GEN</t>
  </si>
  <si>
    <t>CR 36A  54  26 S</t>
  </si>
  <si>
    <t>PUNTO DE PAGO- PLATIK - PAPELERÍA Y SERVICIOS EN LINEA E.M</t>
  </si>
  <si>
    <t>CL 23B 116B 19</t>
  </si>
  <si>
    <t>PUNTO DE PAGO- PLATIK - DROGUERIA ALCOSTO 116</t>
  </si>
  <si>
    <t>CR 18 116 24 LC4</t>
  </si>
  <si>
    <t>PUNTO DE PAGO- PLATIK - DROGUERIA MAXI ECONOMIA</t>
  </si>
  <si>
    <t>CL 68A S 79C 32</t>
  </si>
  <si>
    <t>PUNTO DE PAGO- PLATIK - LUZ ADRIANA  SALAMANCA GUILCHES</t>
  </si>
  <si>
    <t>CR 48G 58G 20 SUR</t>
  </si>
  <si>
    <t>PUNTO DE PAGO- PLATIK - SIPAGA COMERCIO LIBRE 15</t>
  </si>
  <si>
    <t>CL 72 #68C-02</t>
  </si>
  <si>
    <t>PUNTO DE PAGO- PLATIK - R PUNTO EXACTO 60</t>
  </si>
  <si>
    <t>CLL  5B 60 03</t>
  </si>
  <si>
    <t>PUNTO DE PAGO- PLATIK - MUNDO DIGITAL 2</t>
  </si>
  <si>
    <t>CL 78C SUR 18G 83</t>
  </si>
  <si>
    <t>PUNTO DE PAGO- PLATIK - PAPELERIA CS</t>
  </si>
  <si>
    <t>CR 71D 3 75</t>
  </si>
  <si>
    <t>PUNTO DE PAGO- PLATIK - DROGUERÍA FARMA MODERNA</t>
  </si>
  <si>
    <t>CR8G#165-03</t>
  </si>
  <si>
    <t>PUNTO DE PAGO- PLATIK - HIPERDROGUERIA BETANIA D Y S</t>
  </si>
  <si>
    <t>CR 87 50 25 SUR</t>
  </si>
  <si>
    <t>PUNTO DE PAGO- PLATIK - DOMICILIOS MANUEL MEJÍA</t>
  </si>
  <si>
    <t>CRR 80  53A  90 SUR</t>
  </si>
  <si>
    <t>PUNTO DE PAGO- PLATIK - MISCELANEA ANNY TOTO</t>
  </si>
  <si>
    <t>CR 114 22I 91</t>
  </si>
  <si>
    <t>PUNTO DE PAGO- PLATIK - YEICO NET</t>
  </si>
  <si>
    <t>CR 7D ESTE 87C 10 SUR</t>
  </si>
  <si>
    <t>PUNTO DE PAGO- PLATIK - SUPER AUTOSERVICIO</t>
  </si>
  <si>
    <t>CL 51 71A 04</t>
  </si>
  <si>
    <t>PUNTO DE PAGO- PLATIK - DROGUERIA EL MORAL</t>
  </si>
  <si>
    <t>CR 8A 153 60</t>
  </si>
  <si>
    <t>PUNTO DE PAGO- PLATIK - LA ESQUINA DE LA INFORMACION</t>
  </si>
  <si>
    <t>CR 11 65 02</t>
  </si>
  <si>
    <t>PUNTO DE PAGO- PLATIK - CIGARRERIA JB</t>
  </si>
  <si>
    <t>CR 98B 72 25 S C213</t>
  </si>
  <si>
    <t>PUNTO DE PAGO- PLATIK - DROGUERIA FARMACIAS YAMILE</t>
  </si>
  <si>
    <t>CL 8 SUR 68 F 03</t>
  </si>
  <si>
    <t>PUNTO DE PAGO- PLATIK - PAPELERIA MOMPIS</t>
  </si>
  <si>
    <t>CL 48A S 77Y 09</t>
  </si>
  <si>
    <t>PUNTO DE PAGO- PLATIK - CAFE INTERNET  CLAUDIA</t>
  </si>
  <si>
    <t>CALLE 31 F BIS SUR 2 A 08</t>
  </si>
  <si>
    <t>PUNTO DE PAGO- PLATIK - VARGAS CORREDOR</t>
  </si>
  <si>
    <t>CL 70A BIS A 117-96</t>
  </si>
  <si>
    <t>PUNTO DE PAGO- PLATIK - FRANKDRIS PAPELERIA</t>
  </si>
  <si>
    <t>AV CL 17 53 45</t>
  </si>
  <si>
    <t>PUNTO DE PAGO- PLATIK - CYBER MIKE</t>
  </si>
  <si>
    <t>CL 70 C SUR 17 A 19</t>
  </si>
  <si>
    <t>PUNTO DE PAGO- PLATIK - MARCELA PL</t>
  </si>
  <si>
    <t>TV 8 ESTE 88H 05 SUR</t>
  </si>
  <si>
    <t>PUNTO DE PAGO- PLATIK - MARI_K_DITAS DE LA 60</t>
  </si>
  <si>
    <t>CR 60 4C 33</t>
  </si>
  <si>
    <t>PUNTO DE PAGO- PLATIK - COMUNICACIONES JULI</t>
  </si>
  <si>
    <t>CR 120  17F 23</t>
  </si>
  <si>
    <t>PUNTO DE PAGO- PLATIK - PANADERIA Y PASTELERIA LA CUBANITA</t>
  </si>
  <si>
    <t>CR 8 191 72</t>
  </si>
  <si>
    <t>PUNTO DE PAGO- PLATIK - PAPELEIA Y MISCELANEA RASU</t>
  </si>
  <si>
    <t>CL 129D 104F 17</t>
  </si>
  <si>
    <t>PUNTO DE PAGO- PLATIK - DOG AND CAT PRODUCTS</t>
  </si>
  <si>
    <t>DIG 69B  14 T 13 SUR</t>
  </si>
  <si>
    <t>PUNTO DE PAGO- PLATIK - PAPELERIA MAGIC WORLD</t>
  </si>
  <si>
    <t>CL 153 113B 38 PISO 1</t>
  </si>
  <si>
    <t>PUNTO DE PAGO- PLATIK -  INTERNET TIMONEL</t>
  </si>
  <si>
    <t>CLL7 A BIS C 78 C 04</t>
  </si>
  <si>
    <t>PUNTO DE PAGO- PLATIK - TIENDA SURTIMAX LA FISCALA</t>
  </si>
  <si>
    <t>CL 65 SUR  4C 13</t>
  </si>
  <si>
    <t>PUNTO DE PAGO- PLATIK - VICTOR MANUEL BAYONA CAMBARIZA</t>
  </si>
  <si>
    <t>CRA 12B 161B 10</t>
  </si>
  <si>
    <t>PUNTO DE PAGO- PLATIK - TU PAPELERIA JL</t>
  </si>
  <si>
    <t>CLL 46 SUR 77 V 29</t>
  </si>
  <si>
    <t>PUNTO DE PAGO- PLATIK - EL PORTAL DE LAS COMUNICACIONES</t>
  </si>
  <si>
    <t>CL 70A BIS A SUR 78A 64</t>
  </si>
  <si>
    <t>PUNTO DE PAGO- PLATIK - LUSIANA MICELANEA</t>
  </si>
  <si>
    <t>CL 49 S 81B 32</t>
  </si>
  <si>
    <t>PUNTO DE PAGO- PLATIK - INTEREXBOX MARY</t>
  </si>
  <si>
    <t>CR 27 B 71 P SUR 30</t>
  </si>
  <si>
    <t>PUNTO DE PAGO- PLATIK - VARIEDADES ALEXA 50</t>
  </si>
  <si>
    <t>AV CR 50 3 19</t>
  </si>
  <si>
    <t>PUNTO DE PAGO- PLATIK -  SURTY FRUVER EL UVAL</t>
  </si>
  <si>
    <t>CR 6C ESTE 107 SUR 52</t>
  </si>
  <si>
    <t>PUNTO DE PAGO- PLATIK - INTERNET Y COMUNICACIONES BAZANET</t>
  </si>
  <si>
    <t>CR 70G 69A 25</t>
  </si>
  <si>
    <t>PUNTO DE PAGO- PLATIK - CIGARRERIA BARILOCHE</t>
  </si>
  <si>
    <t>CL 3 71 G 07</t>
  </si>
  <si>
    <t>PUNTO DE PAGO- PLATIK - NOTEBOOK ZONE</t>
  </si>
  <si>
    <t>CLL81SUR 6A 03 ESTE</t>
  </si>
  <si>
    <t>PUNTO DE PAGO- PLATIK - TELECOMUNICACIONES LA VICTORIA AZ</t>
  </si>
  <si>
    <t>CR 7A  ESTE 45A 66 SUR</t>
  </si>
  <si>
    <t>PUNTO DE PAGO- PLATIK - R JENNIFER TATIANA MACIAS CASTILLO</t>
  </si>
  <si>
    <t>AC 72 97A 18</t>
  </si>
  <si>
    <t>PUNTO DE PAGO- PLATIK - R LUIS RAFAEL ESPITIA HURTADO</t>
  </si>
  <si>
    <t>CL 58 J 80 25 SUR</t>
  </si>
  <si>
    <t>PUNTO DE PAGO- PLATIK - VARIEDADES SAMU</t>
  </si>
  <si>
    <t>CRA 79 41 D 21 SUR</t>
  </si>
  <si>
    <t>PUNTO DE PAGO- PLATIK - HALITEL COMUNICACIONES</t>
  </si>
  <si>
    <t>CALLE 93 SUR 7 14</t>
  </si>
  <si>
    <t>PUNTO DE PAGO- PLATIK - FER SURTIDO</t>
  </si>
  <si>
    <t>CL 62 I S 74 B 04</t>
  </si>
  <si>
    <t>PUNTO DE PAGO- PLATIK - DROGUERIA PUNTO PAEZ</t>
  </si>
  <si>
    <t>CR 51F 37 01 SUR</t>
  </si>
  <si>
    <t>PUNTO DE PAGO- PLATIK - DROGUERIA NUEVO RECREO</t>
  </si>
  <si>
    <t>CR 102 72 47 SUR CS13</t>
  </si>
  <si>
    <t>PUNTO DE PAGO- PLATIK - FARMA SOS  5</t>
  </si>
  <si>
    <t>CL 69 A 93A 34</t>
  </si>
  <si>
    <t>PUNTO DE PAGO- PLATIK - CARLOS JULIO ESPINEL NIETO</t>
  </si>
  <si>
    <t>CALLE 63 I  113 B 29</t>
  </si>
  <si>
    <t>PUNTO DE PAGO- PLATIK - PAPYROS</t>
  </si>
  <si>
    <t>CR 80P 75 06 SUR</t>
  </si>
  <si>
    <t>PUNTO DE PAGO- PLATIK - CAFE INTERNET PYC</t>
  </si>
  <si>
    <t>CR 123 130 C 66 P2</t>
  </si>
  <si>
    <t>PUNTO DE PAGO- PLATIK - INVESTMENTS PENTA LTDA</t>
  </si>
  <si>
    <t>CL 145 7C 58</t>
  </si>
  <si>
    <t>CUNDINAMARCA</t>
  </si>
  <si>
    <t>SOACHA</t>
  </si>
  <si>
    <t>PUNTO DE PAGO- PLATIK - R DROGUERIA SAN MATEO</t>
  </si>
  <si>
    <t>CR 3 ESTE 29 10</t>
  </si>
  <si>
    <t>PUNTO DE PAGO- PLATIK - MUNDO NET 3</t>
  </si>
  <si>
    <t>CL 56F SUR 99 15</t>
  </si>
  <si>
    <t>PUNTO DE PAGO- PLATIK - MISCELÁNEA Y PAPELERÍA PIKIS PAPER</t>
  </si>
  <si>
    <t>CLL 6D 3 20</t>
  </si>
  <si>
    <t>PUNTO DE PAGO- PLATIK - APUESTASLUSAKAM</t>
  </si>
  <si>
    <t>CL 22K 122A 17</t>
  </si>
  <si>
    <t>PUNTO DE PAGO- PLATIK - VARIEDADES G H M</t>
  </si>
  <si>
    <t>CL 75 BIS SUR 34 04</t>
  </si>
  <si>
    <t>PUNTO DE PAGO- PLATIK - LIAM DERELK</t>
  </si>
  <si>
    <t>CL 80 SUR 01 62 ESTE</t>
  </si>
  <si>
    <t>PUNTO DE PAGO- PLATIK - MISCELANEA LA MIA RED</t>
  </si>
  <si>
    <t>CR 80P 71  02 S</t>
  </si>
  <si>
    <t>PUNTO DE PAGO- PLATIK - MINIMARKET Y COSITAS CLC SISTEM</t>
  </si>
  <si>
    <t>DG 60 SUR 03 11</t>
  </si>
  <si>
    <t>PUNTO DE PAGO- PLATIK - DROGUERIA MAS SALUD 1</t>
  </si>
  <si>
    <t>CR 3 0 05 SUR</t>
  </si>
  <si>
    <t>PUNTO DE PAGO- PLATIK - MISCELANEA PEPELERIA FANTASIA</t>
  </si>
  <si>
    <t>CL 80 S 88J 17</t>
  </si>
  <si>
    <t>PUNTO DE PAGO- PLATIK - LOS AMIGOS 2</t>
  </si>
  <si>
    <t>CL  49 SUR  91D 65</t>
  </si>
  <si>
    <t>PUNTO DE PAGO- PLATIK - PAPELERIA Y PRODUCTOS DE BELLEZA A LA MANO</t>
  </si>
  <si>
    <t>CR 25A 43B 53 S</t>
  </si>
  <si>
    <t>PUNTO DE PAGO- PLATIK - PAPELERIA HERACOL</t>
  </si>
  <si>
    <t>CL 66A 72A 18</t>
  </si>
  <si>
    <t>PUNTO DE PAGO- PLATIK - ALFARO PAPELERIA Y MISCELANEA</t>
  </si>
  <si>
    <t>CL 84C BIS SUR  80K 14</t>
  </si>
  <si>
    <t>PUNTO DE PAGO- PLATIK - COMECCEL COMUNICACIONES</t>
  </si>
  <si>
    <t>AV 1 DE MAYO 51F 05</t>
  </si>
  <si>
    <t>PUNTO DE PAGO- PLATIK - PAPELERIA EMANUEL</t>
  </si>
  <si>
    <t>CR 107BIS B  71A 06 LOCAL 3</t>
  </si>
  <si>
    <t>PUNTO DE PAGO- PLATIK - DISTRIBUIDORA Y SUMINISTRO MORAL</t>
  </si>
  <si>
    <t>TR 76 81 I 15</t>
  </si>
  <si>
    <t>PUNTO DE PAGO- PLATIK - DROGUERIA MILENIUM 1</t>
  </si>
  <si>
    <t>CL 100B 5C 27 ESTE INTERIOR 1</t>
  </si>
  <si>
    <t>PUNTO DE PAGO- PLATIK - DERI@NETH</t>
  </si>
  <si>
    <t>CR 12C ESTE 28G 03 S</t>
  </si>
  <si>
    <t>PUNTO DE PAGO- PLATIK - ESPERANZA QUINTERO AROCA</t>
  </si>
  <si>
    <t>CL48BIS SUR23F31</t>
  </si>
  <si>
    <t>PUNTO DE PAGO- PLATIK - MY PRINT SAS VARIEDADES SAN LUIS</t>
  </si>
  <si>
    <t>CARRERA 9A ESTE 97 91</t>
  </si>
  <si>
    <t>PUNTO DE PAGO- PLATIK - VARIEDAD SEBITAS J</t>
  </si>
  <si>
    <t>CR 79B 46 70 SUR</t>
  </si>
  <si>
    <t>PUNTO DE PAGO- PLATIK - DROGUERIA ESPECIAL BELLAVISTA</t>
  </si>
  <si>
    <t>CR 69 69 73</t>
  </si>
  <si>
    <t>PUNTO DE PAGO- PLATIK - ACCESORIOS Y VARIEDADES ROSY</t>
  </si>
  <si>
    <t>CR 69 64D 11</t>
  </si>
  <si>
    <t>PUNTO DE PAGO- PLATIK - MIS VARIEDADES NOSSA</t>
  </si>
  <si>
    <t>CR 91C 05A 45 SUR</t>
  </si>
  <si>
    <t>PUNTO DE PAGO- PLATIK - CIGARRERIA Y CAFETERIA LA GRAN 67</t>
  </si>
  <si>
    <t>CL 67  8 69</t>
  </si>
  <si>
    <t>PUNTO DE PAGO- PLATIK - JENNY ALEJANDRA HERNANDEZ ROMERO</t>
  </si>
  <si>
    <t>CR 86 37A 28SUR</t>
  </si>
  <si>
    <t>PUNTO DE PAGO- PLATIK - ACUARELA PAPELERIA</t>
  </si>
  <si>
    <t>CR 47 22A 88 LOCAL 1</t>
  </si>
  <si>
    <t>PUNTO DE PAGO- PLATIK - COPIA 2 R&amp;CH TU.LOCAL</t>
  </si>
  <si>
    <t>CL 64 SUR 22A 18</t>
  </si>
  <si>
    <t>PUNTO DE PAGO- PLATIK - DROGUERIAS FARMACENTER MIRIS</t>
  </si>
  <si>
    <t>CR 7A 33 06 S</t>
  </si>
  <si>
    <t>PUNTO DE PAGO- PLATIK - MISCELANEA Y PAPELERIA LA FAVORITA</t>
  </si>
  <si>
    <t>CL 86C 110C 26</t>
  </si>
  <si>
    <t>PUNTO DE PAGO- PLATIK - PAPELERIA E INTERNET EVACOM</t>
  </si>
  <si>
    <t>CL 40SUR 93C 03</t>
  </si>
  <si>
    <t>PUNTO DE PAGO- PLATIK - PRODUCTOS DE ASEO HAFIT</t>
  </si>
  <si>
    <t>CL 49B BIS SUR 5Y 78</t>
  </si>
  <si>
    <t>PUNTO DE PAGO- PLATIK - DROGUERIA MARBEN A Y M</t>
  </si>
  <si>
    <t>CR 25 47A 05 SUR</t>
  </si>
  <si>
    <t>PUNTO DE PAGO- PLATIK - CABINAS MAURO</t>
  </si>
  <si>
    <t>CL 60ASUR 23D 06</t>
  </si>
  <si>
    <t>PUNTO DE PAGO- PLATIK - FORMULARIO LA ABUNDANCIA</t>
  </si>
  <si>
    <t>CL 85 D 80I 04</t>
  </si>
  <si>
    <t>PUNTO DE PAGO- PLATIK - PAPELERÍA LA ECONOMÍA</t>
  </si>
  <si>
    <t>TRANSV  126 B 132 B 72</t>
  </si>
  <si>
    <t>PUNTO DE PAGO- PLATIK - MINIMERCADO Y CIGARRERIA SAMAR</t>
  </si>
  <si>
    <t>TV 73B  61A 45 SUR</t>
  </si>
  <si>
    <t>PUNTO DE PAGO- PLATIK - MISELANEA Y PAPELERIA EL MIRADOR</t>
  </si>
  <si>
    <t>CL 70 SUR 87I 17</t>
  </si>
  <si>
    <t>PUNTO DE PAGO- PLATIK - MISCELANEA EL COFRESITO</t>
  </si>
  <si>
    <t>CRA 68F 65 92</t>
  </si>
  <si>
    <t>PUNTO DE PAGO- PLATIK - DROGUERIA Y MINIMARKET EL SHADDAI S.A.S</t>
  </si>
  <si>
    <t>CL 128 9 76</t>
  </si>
  <si>
    <t>PUNTO DE PAGO- PLATIK - PAPELERIA YOYITO</t>
  </si>
  <si>
    <t>CR 81 F NO. 8   40</t>
  </si>
  <si>
    <t>PUNTO DE PAGO- PLATIK - MISCELANEA Y PAPELERIA DIJEY</t>
  </si>
  <si>
    <t>CLL 61A 93D SUR 07</t>
  </si>
  <si>
    <t>PUNTO DE PAGO- PLATIK - PAPELERIA MORIAH</t>
  </si>
  <si>
    <t>CR 29B 75B 29</t>
  </si>
  <si>
    <t>PUNTO DE PAGO- PLATIK - COLOMBIA JEANS Y CELUS GUSK</t>
  </si>
  <si>
    <t>CL 66A 72B  06</t>
  </si>
  <si>
    <t>PUNTO DE PAGO- PLATIK - PAPIROS JIMENEZ</t>
  </si>
  <si>
    <t>CR 19 154 55</t>
  </si>
  <si>
    <t>PUNTO DE PAGO- PLATIK - MISCELANEA CHÁVEZ</t>
  </si>
  <si>
    <t>CL 2B  1  07</t>
  </si>
  <si>
    <t>PUNTO DE PAGO- PLATIK - SURTICOSER Y TEJER PLUS LTDA</t>
  </si>
  <si>
    <t>CRA 79 46A 64 SUR</t>
  </si>
  <si>
    <t>PUNTO DE PAGO- PLATIK - COMERCIALIZADORA NABARON</t>
  </si>
  <si>
    <t>CR 92 72A 03</t>
  </si>
  <si>
    <t>PUNTO DE PAGO- PLATIK - COMUNICACIONES.COL</t>
  </si>
  <si>
    <t>CRR 56 4 72 LC 103</t>
  </si>
  <si>
    <t>PUNTO DE PAGO- PLATIK - MISCELANEA MARIA LUISA T</t>
  </si>
  <si>
    <t>CL 127D BIS 88B 10</t>
  </si>
  <si>
    <t>PUNTO DE PAGO- PLATIK - R NIVER ALBERTO LOPEZ GOMEZ</t>
  </si>
  <si>
    <t>CL 132B 135 04</t>
  </si>
  <si>
    <t>PUNTO DE PAGO- PLATIK - MI DULCE TENTACION</t>
  </si>
  <si>
    <t>CL 64 SUR 91 21</t>
  </si>
  <si>
    <t>PUNTO DE PAGO- PLATIK - SERVICE PAPER</t>
  </si>
  <si>
    <t>CL 65B 86 86 L5</t>
  </si>
  <si>
    <t>PUNTO DE PAGO- PLATIK - CRISTALES DISENI Y EXIBICION</t>
  </si>
  <si>
    <t>CR 84 61A 32 SUR</t>
  </si>
  <si>
    <t>PUNTO DE PAGO- PLATIK - CIGARRERIA POBLIX</t>
  </si>
  <si>
    <t>AK 24 76 89</t>
  </si>
  <si>
    <t>PUNTO DE PAGO- PLATIK - DAB PAPELERIA</t>
  </si>
  <si>
    <t>DG 67 B SUR 33 10</t>
  </si>
  <si>
    <t>PUNTO DE PAGO- PLATIK - PAPELERIA 1A</t>
  </si>
  <si>
    <t>CL 93 127 B 15</t>
  </si>
  <si>
    <t>PUNTO DE PAGO- PLATIK - MASCO TIZADOS</t>
  </si>
  <si>
    <t>CLL128 F 104 B 09</t>
  </si>
  <si>
    <t>PUNTO DE PAGO- PLATIK - PAPELERIA J.F.A.</t>
  </si>
  <si>
    <t>CALLE 75C  105C 22</t>
  </si>
  <si>
    <t>PUNTO DE PAGO- PLATIK - SERGIO.COM1</t>
  </si>
  <si>
    <t>CR 65 58 03 SUR LOC 3</t>
  </si>
  <si>
    <t>PUNTO DE PAGO- PLATIK - TIENDA EL PADRINO</t>
  </si>
  <si>
    <t>CR 76 BIS  68 29</t>
  </si>
  <si>
    <t>PUNTO DE PAGO- PLATIK - MISCELANEA LUCY</t>
  </si>
  <si>
    <t>DG 71D SUR 18I 59</t>
  </si>
  <si>
    <t>PUNTO DE PAGO- PLATIK - FERRESERVICIOS 72</t>
  </si>
  <si>
    <t>AV CL 72 70D 02</t>
  </si>
  <si>
    <t>PUNTO DE PAGO- PLATIK - DROGAS ANASIL</t>
  </si>
  <si>
    <t>TV 33 59B 13 SUR</t>
  </si>
  <si>
    <t>PUNTO DE PAGO- PLATIK - MULTI TIENDAS SANTI</t>
  </si>
  <si>
    <t>CR 7F ESTE 87S 04</t>
  </si>
  <si>
    <t>PUNTO DE PAGO- PLATIK - TIENDA MI RANCHITO GALE</t>
  </si>
  <si>
    <t>CR 45A 72 04 S</t>
  </si>
  <si>
    <t>PUNTO DE PAGO- PLATIK - LOCALPJF</t>
  </si>
  <si>
    <t>CR 80 J 73F-34 SUR</t>
  </si>
  <si>
    <t>PUNTO DE PAGO- PLATIK - PAPELERIA Y VARIEDADES 7</t>
  </si>
  <si>
    <t>CL 113A 04 37 SUR</t>
  </si>
  <si>
    <t>PUNTO DE PAGO- PLATIK - VARIEDADES BUENAVISTA1</t>
  </si>
  <si>
    <t>CLL 136A S 14 73</t>
  </si>
  <si>
    <t>PUNTO DE PAGO- PLATIK - NOVA PLUS</t>
  </si>
  <si>
    <t>CRA 112 A 72 F 04</t>
  </si>
  <si>
    <t>PUNTO DE PAGO- PLATIK - PAPELERIA MATI</t>
  </si>
  <si>
    <t>CR 9A 73D 34 SUR</t>
  </si>
  <si>
    <t>PUNTO DE PAGO- PLATIK - MULTIDETALLES CONCHIS</t>
  </si>
  <si>
    <t>CLL 156 7B 14</t>
  </si>
  <si>
    <t>PUNTO DE PAGO- PLATIK - PAPELERÍA Y MISCELÁNEA PASQUILLA</t>
  </si>
  <si>
    <t>CL 3 1 14 PASQUILLA</t>
  </si>
  <si>
    <t>PUNTO DE PAGO- PLATIK - AMERCAR EXPRESS</t>
  </si>
  <si>
    <t>CL 63K 119A 20</t>
  </si>
  <si>
    <t>PUNTO DE PAGO- PLATIK - SIPAGA PTO ALQUERIA</t>
  </si>
  <si>
    <t>CR 15 119 11 LC101</t>
  </si>
  <si>
    <t>PUNTO DE PAGO- PLATIK - INVERSIONES  VISION 2000</t>
  </si>
  <si>
    <t>CLL 116 11 C 50</t>
  </si>
  <si>
    <t>PUNTO DE PAGO- PLATIK - CABINAS PARAISO</t>
  </si>
  <si>
    <t>CL 71P SUR 27M 02</t>
  </si>
  <si>
    <t>PUNTO DE PAGO- PLATIK - VIACOSTEL COM</t>
  </si>
  <si>
    <t>CR 75 23D 49</t>
  </si>
  <si>
    <t>PUNTO DE PAGO- PLATIK - VARIEDADES TATIANA</t>
  </si>
  <si>
    <t>CL 108 8A 47</t>
  </si>
  <si>
    <t>PUNTO DE PAGO- PLATIK - DROGUERIA QUINTAS DEL SUR</t>
  </si>
  <si>
    <t>CLL 70 96 57</t>
  </si>
  <si>
    <t>PUNTO DE PAGO- PLATIK - COMUNICACIONES EL PORTAL DE XION.COM</t>
  </si>
  <si>
    <t>CL 145  110 13</t>
  </si>
  <si>
    <t>PUNTO DE PAGO- PLATIK - PAPELERIA Y MISCELANEA EL CLIP</t>
  </si>
  <si>
    <t>CR 105C 64F 24</t>
  </si>
  <si>
    <t>PUNTO DE PAGO- PLATIK - PAPELERIA MICELANEA SAN DIEGO</t>
  </si>
  <si>
    <t>CL 1B 52A 19</t>
  </si>
  <si>
    <t>PUNTO DE PAGO- PLATIK - EFECTY DIMONEX</t>
  </si>
  <si>
    <t>CR 68D 01 47 SUR</t>
  </si>
  <si>
    <t>PUNTO DE PAGO- PLATIK - MISCELANEA B Y S</t>
  </si>
  <si>
    <t>CR13B E 71 13 SUR</t>
  </si>
  <si>
    <t>PUNTO DE PAGO- PLATIK - VARIEDADES Y EXPRESIONES MIS ANGELES</t>
  </si>
  <si>
    <t>CL 7F 78 04</t>
  </si>
  <si>
    <t>PUNTO DE PAGO- PLATIK - PAPELERIA Y MISCELANEA EBENECER</t>
  </si>
  <si>
    <t>CR 8A  98 40 S</t>
  </si>
  <si>
    <t>PUNTO DE PAGO- PLATIK - GONSAIRA</t>
  </si>
  <si>
    <t>CR 7B 188A 39</t>
  </si>
  <si>
    <t>PUNTO DE PAGO- PLATIK - MARIA YANETH RINCON PEREZ</t>
  </si>
  <si>
    <t>CL  58 A SUR 77 I 13</t>
  </si>
  <si>
    <t>PUNTO DE PAGO- PLATIK - INVERSIONES ANGEL 1</t>
  </si>
  <si>
    <t>CL 40C SUR 79D 15</t>
  </si>
  <si>
    <t>PUNTO DE PAGO- PLATIK - GLENN NERIS DE LOS REYES DOMINGUEZ</t>
  </si>
  <si>
    <t>AV 19 142 02</t>
  </si>
  <si>
    <t>PUNTO DE PAGO- PLATIK - EL PUNTO DE CELULAR GABY</t>
  </si>
  <si>
    <t>CLL 70 A 90 23</t>
  </si>
  <si>
    <t>PUNTO DE PAGO- PLATIK - DISTRIAMERICAS</t>
  </si>
  <si>
    <t>CR 71D 01 13</t>
  </si>
  <si>
    <t>PUNTO DE PAGO- PLATIK - VARIEDADES BETTY LA 17</t>
  </si>
  <si>
    <t>CL 17 SUR  29A  45</t>
  </si>
  <si>
    <t>PUNTO DE PAGO- PLATIK - CIGARRERIA EL PORVENIR</t>
  </si>
  <si>
    <t>CL 161 16 D 02</t>
  </si>
  <si>
    <t>PUNTO DE PAGO- PLATIK - JASS PAPELERIA Y MISCELANEA</t>
  </si>
  <si>
    <t>CL 49C B S  2B  60 E</t>
  </si>
  <si>
    <t>PUNTO DE PAGO- PLATIK-SIPAGA COMERCIO LIBRE 12</t>
  </si>
  <si>
    <t>CR 72C 26 50 SUR</t>
  </si>
  <si>
    <t>PUNTO DE PAGO- PLATIK - PAPELERIA DYP</t>
  </si>
  <si>
    <t>CLL 83 SUR 91 48</t>
  </si>
  <si>
    <t>PUNTO DE PAGO- PLATIK - DE TODO Y DE TODOS SL</t>
  </si>
  <si>
    <t>C 97B 61B 21 SUR</t>
  </si>
  <si>
    <t>PUNTO DE PAGO- PLATIK - CIGARRERIA EL  PADRE</t>
  </si>
  <si>
    <t>CLL 48 SUR 13 F 41 ESTE</t>
  </si>
  <si>
    <t>PUNTO DE PAGO- PLATIK - DIMONEX IGUALDAD</t>
  </si>
  <si>
    <t>CALLE 1 SUR #68-48</t>
  </si>
  <si>
    <t>PUNTO DE PAGO- PLATIK - CAFEANDRES@NET.EXPRES</t>
  </si>
  <si>
    <t>DG 61 20B 36 S</t>
  </si>
  <si>
    <t>PUNTO DE PAGO- PLATIK - MINIMERCADO CASTILLA REAL</t>
  </si>
  <si>
    <t>CR 79 10 22</t>
  </si>
  <si>
    <t>PUNTO DE PAGO- PLATIK - PAPELERÍA TIERRA COLOMBIA</t>
  </si>
  <si>
    <t>CL 13 108 85</t>
  </si>
  <si>
    <t>PUNTO DE PAGO- PLATIK - R PAPELERIA AVILA G</t>
  </si>
  <si>
    <t>CR 3A 113 A 24 SUR</t>
  </si>
  <si>
    <t>PUNTO DE PAGO- PLATIK - SOLUTIONS. COM</t>
  </si>
  <si>
    <t>CR 89 58 08 SUR</t>
  </si>
  <si>
    <t>PUNTO DE PAGO- PLATIK - VARIEDADES KARITO AKG</t>
  </si>
  <si>
    <t>CR 24  45A 19 S</t>
  </si>
  <si>
    <t>PUNTO DE PAGO- PLATIK - SOY MAS COMUNICACIONES</t>
  </si>
  <si>
    <t>CL 22D  S  0 10 E</t>
  </si>
  <si>
    <t>PUNTO DE PAGO- PLATIK - CARLOS ALBERTO ALVAREZ FORERO</t>
  </si>
  <si>
    <t>CL 42F SUR  79B 03</t>
  </si>
  <si>
    <t>PUNTO DE PAGO- PLATIK - SUPERSERVIYA</t>
  </si>
  <si>
    <t>CR 38  34 A 37</t>
  </si>
  <si>
    <t>PUNTO DE PAGO- PLATIK - PLOT ON LINE</t>
  </si>
  <si>
    <t>CRA 9 47 32</t>
  </si>
  <si>
    <t>PUNTO DE PAGO- PLATIK - LAVASECO Y MISCELANEA EL SOL</t>
  </si>
  <si>
    <t>CL 43 SUR 11 A 44</t>
  </si>
  <si>
    <t>PUNTO DE PAGO- PLATIK - MULTI SERVICIOS GOLDEN BUSINESS</t>
  </si>
  <si>
    <t>CR 56 18 20</t>
  </si>
  <si>
    <t>PUNTO DE PAGO- PLATIK - EL ARCA DE LOS SIETES</t>
  </si>
  <si>
    <t>CR147ABIS139 52 L4</t>
  </si>
  <si>
    <t>PUNTO DE PAGO- PLATIK - VARIEDADES NAYID</t>
  </si>
  <si>
    <t>CR 79H 58I 82 S</t>
  </si>
  <si>
    <t>PUNTO DE PAGO- PLATIK - PANALERA DANY</t>
  </si>
  <si>
    <t>TV 80 I 90 14 SUR</t>
  </si>
  <si>
    <t>PUNTO DE PAGO- PLATIK - PAÑALERA Y VARIEDADES MIS ANGELITOS</t>
  </si>
  <si>
    <t>CR 5 U 49 D 28</t>
  </si>
  <si>
    <t>PUNTO DE PAGO- PLATIK - YADIRA ESTHER HERNANDEZ ANAYA</t>
  </si>
  <si>
    <t>CR 109A 65 24</t>
  </si>
  <si>
    <t>PUNTO DE PAGO- PLATIK - VARIEDADES JSO</t>
  </si>
  <si>
    <t>CL 48X S 1A 50</t>
  </si>
  <si>
    <t>PUNTO DE PAGO- PLATIK - JL COMUNICACIONES</t>
  </si>
  <si>
    <t>CL 22 SUR 70 29</t>
  </si>
  <si>
    <t>PUNTO DE PAGO- PLATIK - CAPI ASESORIAS CARIMAGUA II</t>
  </si>
  <si>
    <t>CL39B SUR 72J 45</t>
  </si>
  <si>
    <t>PUNTO DE PAGO- PLATIK - DROGUERIAS EL MOCHUELO</t>
  </si>
  <si>
    <t>CR 54D 167 48 LOCAL 6</t>
  </si>
  <si>
    <t>PUNTO DE PAGO- PLATIK - PAPELERIA EL ACUARIO</t>
  </si>
  <si>
    <t>CL 56F  91D 35SUR</t>
  </si>
  <si>
    <t>PUNTO DE PAGO- PLATIK - VARIEDADES ANVI</t>
  </si>
  <si>
    <t>CR 15 56 29 SUR</t>
  </si>
  <si>
    <t>PUNTO DE PAGO- PLATIK - PUNTO PAGA TODO 147</t>
  </si>
  <si>
    <t>CLL 147 12 67</t>
  </si>
  <si>
    <t>PUNTO DE PAGO- PLATIK - OFISISTEMAS COM</t>
  </si>
  <si>
    <t>CL 34 19 17</t>
  </si>
  <si>
    <t>CR 51D 31 23 SUR</t>
  </si>
  <si>
    <t>PUNTO DE PAGO- PLATIK - R DULCES MOMENTOS</t>
  </si>
  <si>
    <t>TV 127    136 A 10</t>
  </si>
  <si>
    <t>PUNTO DE PAGO- PLATIK - MISCELANEA Y PAPELERIA BARBARITA</t>
  </si>
  <si>
    <t>CR 107 75B 15</t>
  </si>
  <si>
    <t>PUNTO DE PAGO- PLATIK - @VOS.COM</t>
  </si>
  <si>
    <t>CL 70 90 35</t>
  </si>
  <si>
    <t>PUNTO DE PAGO- PLATIK - SELEM.COM</t>
  </si>
  <si>
    <t>CR 27 22 42 SUR</t>
  </si>
  <si>
    <t>PUNTO DE PAGO- PLATIK - CJ SOLUCIONES INTEGRALES</t>
  </si>
  <si>
    <t>AV CL 72 76 11</t>
  </si>
  <si>
    <t>PUNTO DE PAGO- PLATIK - MYJ COMUNICACIONES</t>
  </si>
  <si>
    <t>CL 16F 103C 02</t>
  </si>
  <si>
    <t>PUNTO DE PAGO- PLATIK - PAPELERIA NAHO</t>
  </si>
  <si>
    <t>CL 8 SUR 32B 15</t>
  </si>
  <si>
    <t>PUNTO DE PAGO- PLATIK - LA ESQUINA</t>
  </si>
  <si>
    <t>CR 27 29A 03 SUR</t>
  </si>
  <si>
    <t>PUNTO DE PAGO- PLATIK - FRUTAS Y VERDURAS</t>
  </si>
  <si>
    <t>CL 57C SUR 90B 86</t>
  </si>
  <si>
    <t>PUNTO DE PAGO- PLATIK - VERONICA TOASURA SAMACA</t>
  </si>
  <si>
    <t>CL 168  49 B 80</t>
  </si>
  <si>
    <t>PUNTO DE PAGO- PLATIK - TORRE DE PAPEL Y SUS SERVICIOS</t>
  </si>
  <si>
    <t>CR 69 B 65 76 SUR CA 32</t>
  </si>
  <si>
    <t>PUNTO DE PAGO- PLATIK - INTERRAPIDISIMO BANDERAS</t>
  </si>
  <si>
    <t>CL 26 S 78Q BIS 10</t>
  </si>
  <si>
    <t>PUNTO DE PAGO- PLATIK - HIPERDROGUERIA BETANIA A Y B</t>
  </si>
  <si>
    <t>DIAG.49 86 A 71 SUR</t>
  </si>
  <si>
    <t>PUNTO DE PAGO- PLATIK - PAPELERIA EL PARAISO</t>
  </si>
  <si>
    <t>CALLE 62 SUR 86 B 60</t>
  </si>
  <si>
    <t>PUNTO DE PAGO- PLATIK - DULCES DETALLES LIBI</t>
  </si>
  <si>
    <t>CL 2 A 72 36</t>
  </si>
  <si>
    <t>PUNTO DE PAGO- PLATIK - .NARANJ@</t>
  </si>
  <si>
    <t>TV 5L 48F 42 SUR</t>
  </si>
  <si>
    <t>PUNTO DE PAGO- PLATIK - CATAPULTA</t>
  </si>
  <si>
    <t>CL 71P S  27B  84</t>
  </si>
  <si>
    <t>PUNTO DE PAGO- PLATIK - DROGAS LA CLARITA</t>
  </si>
  <si>
    <t>AV CL 72 82 40</t>
  </si>
  <si>
    <t>PUNTO DE PAGO- PLATIK - ACCESORIOS DYP</t>
  </si>
  <si>
    <t>CR 115 151D 36</t>
  </si>
  <si>
    <t>PUNTO DE PAGO- PLATIK - UNITRAZOS</t>
  </si>
  <si>
    <t>CR 80D 10A 73</t>
  </si>
  <si>
    <t>PUNTO DE PAGO- PLATIK - VARIEDADES VALENTINA</t>
  </si>
  <si>
    <t>CR 22C ESTE  11A 05 SUR</t>
  </si>
  <si>
    <t>PUNTO DE PAGO- PLATIK - MISCELANEA Y COMUNICACIONES ALAMEDA DEL RIO</t>
  </si>
  <si>
    <t>CL 61A SUR 100A 47</t>
  </si>
  <si>
    <t>PUNTO DE PAGO- PLATIK - DIGITAL ETHERNET FIBER NET SAS</t>
  </si>
  <si>
    <t>CR 145 143B 25</t>
  </si>
  <si>
    <t>PUNTO DE PAGO- PLATIK - CIGARRERÍA LA OFICINA PUNTO 24</t>
  </si>
  <si>
    <t>CR 24 31 08 SUR</t>
  </si>
  <si>
    <t>PUNTO DE PAGO- PLATIK - MISCELÁNEA ALEJANDRA</t>
  </si>
  <si>
    <t>DG 69G BIS 42 24 SUR</t>
  </si>
  <si>
    <t>PUNTO DE PAGO- PLATIK - TOTALPAPER</t>
  </si>
  <si>
    <t>CL 127C 3 24</t>
  </si>
  <si>
    <t>PUNTO DE PAGO- PLATIK - SIPAGA PTO VTA FERIAS</t>
  </si>
  <si>
    <t>CL 15 19 06 LC3</t>
  </si>
  <si>
    <t>PUNTO DE PAGO- PLATIK - FAVELS PAPELERIA Y MISCELANEA</t>
  </si>
  <si>
    <t>CL 69A 84A 35</t>
  </si>
  <si>
    <t>PUNTO DE PAGO- PLATIK - DROGUERIA FARMASANAR</t>
  </si>
  <si>
    <t>CR 87G 42 10 SUR</t>
  </si>
  <si>
    <t>PUNTO DE PAGO- PLATIK - J.B IMPORTADORA Y COMERCIALIZADORA SAS</t>
  </si>
  <si>
    <t>CR 27A 1D 59</t>
  </si>
  <si>
    <t>PUNTO DE PAGO- PLATIK - BRILLO Y LIMPIEZA</t>
  </si>
  <si>
    <t>CR 24 49 11</t>
  </si>
  <si>
    <t>PUNTO DE PAGO- PLATIK - CRISTAL</t>
  </si>
  <si>
    <t>CR 82I 59B 22 SUR</t>
  </si>
  <si>
    <t>PUNTO DE PAGO- PLATIK - KATOVA EL UNIVERSO DEL PAPEL</t>
  </si>
  <si>
    <t>CL 147  7 70 LC 15</t>
  </si>
  <si>
    <t>PUNTO DE PAGO- PLATIK - EL MUNDO DE LAS HOJAS</t>
  </si>
  <si>
    <t>CR 109 69B 04</t>
  </si>
  <si>
    <t>PUNTO DE PAGO- PLATIK - PAPELERIA Y GIROS JUAN DIEGO</t>
  </si>
  <si>
    <t>CALLE 63F 28A 80</t>
  </si>
  <si>
    <t>PUNTO DE PAGO- PLATIK - TELEMUNDO.COM</t>
  </si>
  <si>
    <t>CLL 70 SUR 87 K 37</t>
  </si>
  <si>
    <t>PUNTO DE PAGO- PLATIK - KSINTERNET</t>
  </si>
  <si>
    <t>CL 23D 103A 02</t>
  </si>
  <si>
    <t>PUNTO DE PAGO- PLATIK -  SIPAGA PTO VTA AV 1MAYO</t>
  </si>
  <si>
    <t>CRA 72C 26 50 SUR</t>
  </si>
  <si>
    <t>PUNTO DE PAGO- PLATIK - R DROGUERIA FARMA EXPRESS SG</t>
  </si>
  <si>
    <t>CR 7A 35 11 SUR</t>
  </si>
  <si>
    <t>PUNTO DE PAGO- PLATIK - R LAPIZ CAFE</t>
  </si>
  <si>
    <t>CR 23 63 45</t>
  </si>
  <si>
    <t>PUNTO DE PAGO- PLATIK - PAGA TODO</t>
  </si>
  <si>
    <t>CL 44 S 20 73</t>
  </si>
  <si>
    <t>PUNTO DE PAGO- PLATIK - FONVATEC</t>
  </si>
  <si>
    <t>CL 18 C 11 29</t>
  </si>
  <si>
    <t>PUNTO DE PAGO- PLATIK - DRIGUERIA ASUSALUD TECHO LMZ 3</t>
  </si>
  <si>
    <t>CLL 1 70 06</t>
  </si>
  <si>
    <t>PUNTO DE PAGO- PLATIK - ACCESORIOS VIVAN</t>
  </si>
  <si>
    <t>AV 15 103 70</t>
  </si>
  <si>
    <t>PUNTO DE PAGO- PLATIK - COMUNICACIONES DYD</t>
  </si>
  <si>
    <t>CRA 18 I 79 C 26 SUR</t>
  </si>
  <si>
    <t>PUNTO DE PAGO- PLATIK - SUPERTIENDAS EL GORDO ANGEL</t>
  </si>
  <si>
    <t>CL 70B  92 68</t>
  </si>
  <si>
    <t>PUNTO DE PAGO- PLATIK - TECNOLOGIA ST</t>
  </si>
  <si>
    <t>CR 12D 32C SUR 68</t>
  </si>
  <si>
    <t>PUNTO DE PAGO- PLATIK - MULTIEXPRESS 68</t>
  </si>
  <si>
    <t>CL 68 21 02</t>
  </si>
  <si>
    <t>PUNTO DE PAGO- PLATIK - YENNY PRIETO</t>
  </si>
  <si>
    <t>CL 90 86 41 L2</t>
  </si>
  <si>
    <t>PUNTO DE PAGO- PLATIK - R BENJAMIN CARABALI CASTILLO</t>
  </si>
  <si>
    <t>TV 73G 75A SUR 06</t>
  </si>
  <si>
    <t>PUNTO DE PAGO- PLATIK - PAGATODO NIKOS</t>
  </si>
  <si>
    <t>CLL 61A SUR 94B 55</t>
  </si>
  <si>
    <t>PUNTO DE PAGO- PLATIK - VARIEDADES GASPER</t>
  </si>
  <si>
    <t>CRA 9 A 73 D 11 SUR</t>
  </si>
  <si>
    <t>PUNTO DE PAGO- PLATIK - COVADONGA TELECOMUNICACIONES</t>
  </si>
  <si>
    <t>CR 15A 119 54</t>
  </si>
  <si>
    <t>PUNTO DE PAGO- PLATIK - MISCELANEA CALIPSO</t>
  </si>
  <si>
    <t>CL 55 S 77L 18</t>
  </si>
  <si>
    <t>PUNTO DE PAGO- PLATIK - MISCELANEA Y PAPELERIA DRAGON ROJO</t>
  </si>
  <si>
    <t>DG 53 SUR 03 09</t>
  </si>
  <si>
    <t>PUNTO DE PAGO- PLATIK - COMUNICACIONES TIGO</t>
  </si>
  <si>
    <t>CR 11  65 60</t>
  </si>
  <si>
    <t>PUNTO DE PAGO- PLATIK - CREES CENTRO NARINO</t>
  </si>
  <si>
    <t>CL 23A 36A 09</t>
  </si>
  <si>
    <t>PUNTO DE PAGO- PLATIK - PAY POINT MULTIPAGOS</t>
  </si>
  <si>
    <t>CR 34B 38 85 S</t>
  </si>
  <si>
    <t>PUNTO DE PAGO- PLATIK - SPOT INTERNET</t>
  </si>
  <si>
    <t>CALLE 100 10 39</t>
  </si>
  <si>
    <t>PUNTO DE PAGO- PLATIK - VARIEDADES ELI  THALI</t>
  </si>
  <si>
    <t>CL165 8F 45</t>
  </si>
  <si>
    <t>PUNTO DE PAGO- PLATIK - VARIEDADES FLOXER</t>
  </si>
  <si>
    <t>TV 113C   67A   58</t>
  </si>
  <si>
    <t>PUNTO DE PAGO- PLATIK - PRINT COLOR</t>
  </si>
  <si>
    <t>CR 15 95 34 LC 112</t>
  </si>
  <si>
    <t>PUNTO DE PAGO- PLATIK - ANNIE AND EMI</t>
  </si>
  <si>
    <t>DG 32C SUR 6C 08 ESTE</t>
  </si>
  <si>
    <t>PUNTO DE PAGO- PLATIK - MISCELANEA FLOR</t>
  </si>
  <si>
    <t>CLL 22 G 119 A 29</t>
  </si>
  <si>
    <t>PUNTO DE PAGO- PLATIK - CABINAS LA MONITA</t>
  </si>
  <si>
    <t>CR 88 C 54 C 08 SUR</t>
  </si>
  <si>
    <t>PUNTO DE PAGO- PLATIK - DATA TRONICA</t>
  </si>
  <si>
    <t>CR 24 64 26</t>
  </si>
  <si>
    <t>PUNTO DE PAGO- PLATIK - BRANDONS STORE</t>
  </si>
  <si>
    <t>CL 27 S 51F 10 P1 LC2</t>
  </si>
  <si>
    <t>PUNTO DE PAGO- PLATIK - MISCELANEA Y PAPELERIA DAVINCI</t>
  </si>
  <si>
    <t>AV CRA  86 74 53</t>
  </si>
  <si>
    <t>PUNTO DE PAGO- PLATIK - MISCELANEA DE TODITO</t>
  </si>
  <si>
    <t>KRA 34F 39 B 34 SUR</t>
  </si>
  <si>
    <t>PUNTO DE PAGO- PLATIK - MISCELANEA NEWCASTLE</t>
  </si>
  <si>
    <t>CL 67 SUR 87 N 17</t>
  </si>
  <si>
    <t>PUNTO DE PAGO- PLATIK - CIGARRERIA LEON</t>
  </si>
  <si>
    <t>CL 60 # 57 22</t>
  </si>
  <si>
    <t>PUNTO DE PAGO- PLATIK - TUA CONTAB SERVICE</t>
  </si>
  <si>
    <t>CL 65C SUR 78F 14</t>
  </si>
  <si>
    <t>PUNTO DE PAGO- PLATIK - A.H.M DROGUERIAS</t>
  </si>
  <si>
    <t>CRA 87K 61 12 SUR</t>
  </si>
  <si>
    <t>PUNTO DE PAGO- PLATIK - MULTISERVICIOS OK</t>
  </si>
  <si>
    <t>DG 23 BIS 19 34</t>
  </si>
  <si>
    <t>PUNTO DE PAGO- PLATIK - AZUL COMUNICACIONES</t>
  </si>
  <si>
    <t>AV CL 3 28 A 12</t>
  </si>
  <si>
    <t>PUNTO DE PAGO- PLATIK - VARIEDADES EL MURO DE BERLIN</t>
  </si>
  <si>
    <t>CR 78D 47A 15 S</t>
  </si>
  <si>
    <t>PUNTO DE PAGO- PLATIK - CIGARRERIA SOLAR 79</t>
  </si>
  <si>
    <t>CR 11 ESTE 56 09 SUR</t>
  </si>
  <si>
    <t>PUNTO DE PAGO- PLATIK - SISTEMAS INTEGRADOS</t>
  </si>
  <si>
    <t>CR 78 7 D 44</t>
  </si>
  <si>
    <t>PUNTO DE PAGO- PLATIK - LAVASECO CORUNATEX</t>
  </si>
  <si>
    <t>CRA 48 G 58 C 20 SUR</t>
  </si>
  <si>
    <t>PUNTO DE PAGO- PLATIK - PAPELERIA Y TELECOMUNICACIONES DISAN</t>
  </si>
  <si>
    <t>CL19 25 04</t>
  </si>
  <si>
    <t>PUNTO DE PAGO- PLATIK - DROGUERIA GAMUL</t>
  </si>
  <si>
    <t>CR 8 C 184 02</t>
  </si>
  <si>
    <t>PUNTO DE PAGO- PLATIK - TELEWORLD BOMBEROS</t>
  </si>
  <si>
    <t>CR 79  41B 40 S</t>
  </si>
  <si>
    <t>PUNTO DE PAGO- PLATIK - DISTRIBUCIONES Y SUMINISTROS ESCOBAR C.A SAS</t>
  </si>
  <si>
    <t>CR 77A 73 36</t>
  </si>
  <si>
    <t>PUNTO DE PAGO- PLATIK - OLG PHARMA</t>
  </si>
  <si>
    <t>CL 48A SUR 80 23</t>
  </si>
  <si>
    <t>PUNTO DE PAGO- PLATIK - EL TREBOL VIVERES EN GENERAL</t>
  </si>
  <si>
    <t>CL 81 SUR  87J 24</t>
  </si>
  <si>
    <t>PUNTO DE PAGO- PLATIK - DROGUERIA JHONMAR</t>
  </si>
  <si>
    <t>CR 11 ESTE  1A 92</t>
  </si>
  <si>
    <t>PUNTO DE PAGO- PLATIK - MARIO ANDRES CARRILLO</t>
  </si>
  <si>
    <t>CR 90 70 32</t>
  </si>
  <si>
    <t>PUNTO DE PAGO- PLATIK - R NET COMPANY</t>
  </si>
  <si>
    <t>CR 141A BIS 143B 76</t>
  </si>
  <si>
    <t>PUNTO DE PAGO- PLATIK - PAPELERIA HUDALI</t>
  </si>
  <si>
    <t>CL 127B 89 40</t>
  </si>
  <si>
    <t>PUNTO DE PAGO- PLATIK - VARIEDADES SANTI</t>
  </si>
  <si>
    <t>CRA 19 F 70 C 42 SUR</t>
  </si>
  <si>
    <t>PUNTO DE PAGO- PLATIK - PAPELERIA ALPES</t>
  </si>
  <si>
    <t>CR 26 76 40 SUR</t>
  </si>
  <si>
    <t>PUNTO DE PAGO- PLATIK - PAPELERIA INTERNET SAN BLAS</t>
  </si>
  <si>
    <t>KR 9 B ESTE 22 C 41 SUR</t>
  </si>
  <si>
    <t>PUNTO DE PAGO- PLATIK - VARIEDADES EL ROSA</t>
  </si>
  <si>
    <t>CR 78F 44B 15 SUR</t>
  </si>
  <si>
    <t>PUNTO DE PAGO- PLATIK - SI PAGA CARMEN AMALIA MOLINA AGUILAR</t>
  </si>
  <si>
    <t>CR 110 152A 39</t>
  </si>
  <si>
    <t>PUNTO DE PAGO- PLATIK - DROGUERÍA ELKIN1</t>
  </si>
  <si>
    <t>CR 12 142 74</t>
  </si>
  <si>
    <t>PUNTO DE PAGO- PLATIK - YUDERLEY CAMPOS OSPINA</t>
  </si>
  <si>
    <t>CR 78I 57F 19 SUR</t>
  </si>
  <si>
    <t>PUNTO DE PAGO- PLATIK - GATOFONIA LTDA</t>
  </si>
  <si>
    <t>CLL 56A 74A 13</t>
  </si>
  <si>
    <t>PUNTO DE PAGO- PLATIK - TECNOPOLI</t>
  </si>
  <si>
    <t>CR 33 53 32 SUR</t>
  </si>
  <si>
    <t>PUNTO DE PAGO- PLATIK - R PAPELERIA SAHARA</t>
  </si>
  <si>
    <t>CL 136 159A 10</t>
  </si>
  <si>
    <t>PUNTO DE PAGO- PLATIK - ZAFIRO ACCESORIOS</t>
  </si>
  <si>
    <t>CL 57A SUR 89 88</t>
  </si>
  <si>
    <t>PUNTO DE PAGO- PLATIK - MARTHA PATRICIA PARRA</t>
  </si>
  <si>
    <t>CR 24 B 33 60 SUR</t>
  </si>
  <si>
    <t>PUNTO DE PAGO- PLATIK - PAPELERIA VALE NET</t>
  </si>
  <si>
    <t>TV 6C ES 32A 37 S</t>
  </si>
  <si>
    <t>PUNTO DE PAGO- PLATIK - CONTRERAS CAMARGO YUDY ANDREA</t>
  </si>
  <si>
    <t>DG 4 8 22 ESTE</t>
  </si>
  <si>
    <t>PUNTO DE PAGO- PLATIK - K@T DRIVE</t>
  </si>
  <si>
    <t>CRA 17 A 81A 15 SUR</t>
  </si>
  <si>
    <t>PUNTO DE PAGO- PLATIK - DROGAS MARBELCO</t>
  </si>
  <si>
    <t>CR 103 A 78 16</t>
  </si>
  <si>
    <t>PUNTO DE PAGO- PLATIK - INTER-RAPIDISIMO</t>
  </si>
  <si>
    <t>CL 6 78 67</t>
  </si>
  <si>
    <t>PUNTO DE PAGO- PLATIK - INTERCOM AAA</t>
  </si>
  <si>
    <t>CR 90 68A 61</t>
  </si>
  <si>
    <t>PUNTO DE PAGO- PLATIK - MULTISERVIS MODELIA</t>
  </si>
  <si>
    <t>CLL 24 72A 89 LOCAL 2</t>
  </si>
  <si>
    <t>PUNTO DE PAGO- PLATIK - DROGUERIA BRAYAN</t>
  </si>
  <si>
    <t>CR 97 131B 86</t>
  </si>
  <si>
    <t>PUNTO DE PAGO- PLATIK - PAPELERIA RENFE</t>
  </si>
  <si>
    <t>AV BOYACA 72A 02</t>
  </si>
  <si>
    <t>PUNTO DE PAGO- PLATIK - ESTUFAS Y REPUESTOS LA ESPANOLA</t>
  </si>
  <si>
    <t>DG 83 76 10</t>
  </si>
  <si>
    <t>PUNTO DE PAGO- PLATIK - STEVENS COMUNICACIONES</t>
  </si>
  <si>
    <t>CL 72 65 13</t>
  </si>
  <si>
    <t>PUNTO DE PAGO- PLATIK - OULET FARMA</t>
  </si>
  <si>
    <t>CL 72 24 34</t>
  </si>
  <si>
    <t>PUNTO DE PAGO- PLATIK - DROGUERIA ANDALUCITA</t>
  </si>
  <si>
    <t>KR 3 1B 83</t>
  </si>
  <si>
    <t>PUNTO DE PAGO- PLATIK - LUMANY</t>
  </si>
  <si>
    <t>CL 132 103 22</t>
  </si>
  <si>
    <t>PUNTO DE PAGO- PLATIK - PAPELERIA INTERNET SUE</t>
  </si>
  <si>
    <t>KR 8B 76 19 S</t>
  </si>
  <si>
    <t>PUNTO DE PAGO- PLATIK - DROGUERIA GALVIS 2</t>
  </si>
  <si>
    <t>CLL 38C SUR 83A 18</t>
  </si>
  <si>
    <t>PUNTO DE PAGO- PLATIK - COPY GREEN</t>
  </si>
  <si>
    <t>CL 46 6 59 LOCAL 5</t>
  </si>
  <si>
    <t>PUNTO DE PAGO- PLATIK - DIANA MARCELA DAZA OCHOA</t>
  </si>
  <si>
    <t>TV 73H 75 68 S</t>
  </si>
  <si>
    <t>PUNTO DE PAGO- PLATIK - SIPAGA ZORAIDA ROJAS</t>
  </si>
  <si>
    <t>CL 22 A SUR  2 22</t>
  </si>
  <si>
    <t>PUNTO DE PAGO- PLATIK - MISCELANIA GRAN COLOMBIA</t>
  </si>
  <si>
    <t>CL 12B SUR  21B 19 ESTE</t>
  </si>
  <si>
    <t>PUNTO DE PAGO- PLATIK - PAPELERIA Y MISCELANEA NASTIANA</t>
  </si>
  <si>
    <t>CRA 29 31 B 23 SUR</t>
  </si>
  <si>
    <t>PUNTO DE PAGO- PLATIK - @CIBERAYB</t>
  </si>
  <si>
    <t>CL 132D 126D 64</t>
  </si>
  <si>
    <t>PUNTO DE PAGO- PLATIK - DISTIBUIDORA DE BELLEZA SHALOM</t>
  </si>
  <si>
    <t>CR 87C 71B 12 SUR</t>
  </si>
  <si>
    <t>PUNTO DE PAGO- PLATIK - PAPELERIA DONA ALICE</t>
  </si>
  <si>
    <t>AV 1 MAYO 34D 06</t>
  </si>
  <si>
    <t>PUNTO DE PAGO- PLATIK - COLPAR.NET</t>
  </si>
  <si>
    <t>CLL 44F 51 40</t>
  </si>
  <si>
    <t>PUNTO DE PAGO- PLATIK - VARIEDADES Y DETALLES REHOBOT</t>
  </si>
  <si>
    <t>TRV 52A 2 31</t>
  </si>
  <si>
    <t>PUNTO DE PAGO- PLATIK - PAPELERIA Y MISCELANEA</t>
  </si>
  <si>
    <t>CR 27 46 15 S</t>
  </si>
  <si>
    <t>PUNTO DE PAGO- PLATIK - PAPELERIA TEXTILES DULCE HOGAR</t>
  </si>
  <si>
    <t>CL 188 15 53</t>
  </si>
  <si>
    <t>PUNTO DE PAGO- PLATIK - MISCELANEA DAVID 26</t>
  </si>
  <si>
    <t>CL 89 SUR  13B 10 ESTE</t>
  </si>
  <si>
    <t>PUNTO DE PAGO- PLATIK - SUPERMERCADO DE EL AHORRO DAMS</t>
  </si>
  <si>
    <t>CL 77 110C 33</t>
  </si>
  <si>
    <t>PUNTO DE PAGO- PLATIK - LOS JUEGOS DE ROCHY Y CLOVER</t>
  </si>
  <si>
    <t>CR 89 56  19 S</t>
  </si>
  <si>
    <t>PUNTO DE PAGO- PLATIK - FUNDACION ABA PADRE</t>
  </si>
  <si>
    <t>CR 8 E 9 71 S</t>
  </si>
  <si>
    <t>PUNTO DE PAGO- PLATIK - PAPELERIA PILISIMA MISCELANEA</t>
  </si>
  <si>
    <t>CRA 80B 6B 75 LC 12503</t>
  </si>
  <si>
    <t>PUNTO DE PAGO- PLATIK - XTREME DIGITAL SERVICES</t>
  </si>
  <si>
    <t>CL 48 X SUR  3 B 21 SUR</t>
  </si>
  <si>
    <t>PUNTO DE PAGO- PLATIK - VARIEDADES BOLONIA</t>
  </si>
  <si>
    <t>CR4 E 76A 10SAP 202</t>
  </si>
  <si>
    <t>PUNTO DE PAGO- PLATIK - MISCELANEA Y PAPELERIA ALTAVISTA EL PORTAL DONDE MA</t>
  </si>
  <si>
    <t>CL 67B SUR 13 60</t>
  </si>
  <si>
    <t>PUNTO DE PAGO- PLATIK - TELECOMUNICACIONES PYC</t>
  </si>
  <si>
    <t>CL 69G BIS SUR 45B 58</t>
  </si>
  <si>
    <t>PUNTO DE PAGO- PLATIK - PAGA TODO PARAÍSO</t>
  </si>
  <si>
    <t>CL 71P SUR 27L 28</t>
  </si>
  <si>
    <t>PUNTO DE PAGO- PLATIK - KARTA ALFA</t>
  </si>
  <si>
    <t>TRV 85   52B 83</t>
  </si>
  <si>
    <t>PUNTO DE PAGO- PLATIK - COMUNICACIONES ROOS</t>
  </si>
  <si>
    <t>DG 42A BIS SUR 4ESTE7</t>
  </si>
  <si>
    <t>PUNTO DE PAGO- PLATIK - WORLD MOVIE VIDEO CLUB</t>
  </si>
  <si>
    <t>CL 79 111D 63 PISO 2</t>
  </si>
  <si>
    <t>PUNTO DE PAGO- PLATIK - PAPELERIA Y MISCELANIA LA ECONOMIA</t>
  </si>
  <si>
    <t>CL 132D 126A 23</t>
  </si>
  <si>
    <t>PUNTO DE PAGO- PLATIK - CIGARRERIA JYM</t>
  </si>
  <si>
    <t>CL 3  1B 12 ESTE</t>
  </si>
  <si>
    <t>PUNTO DE PAGO- PLATIK - INNOVACEL TECNOLOGIA CELULAR</t>
  </si>
  <si>
    <t>CL 8 SUR 38 A 57</t>
  </si>
  <si>
    <t>PUNTO DE PAGO- PLATIK - DROGUERIA HIPERSALUD SAS</t>
  </si>
  <si>
    <t>CR 13 BIS 53 63 SUR</t>
  </si>
  <si>
    <t>PUNTO DE PAGO- PLATIK - R LEYLA PABON MONTEALEGRE LC5</t>
  </si>
  <si>
    <t>CLL 142 13 23</t>
  </si>
  <si>
    <t>PUNTO DE PAGO- PLATIK - PAPELERIA Y MISELANEA ISCHA</t>
  </si>
  <si>
    <t>CL67ABIS A SUR18 41</t>
  </si>
  <si>
    <t>PUNTO DE PAGO- PLATIK - INTEREXBOX</t>
  </si>
  <si>
    <t>CR 27B 71P SUR 30</t>
  </si>
  <si>
    <t>PUNTO DE PAGO- PLATIK - EL OASIS DOS</t>
  </si>
  <si>
    <t>CR 99B 56G 39 SUR</t>
  </si>
  <si>
    <t>PUNTO DE PAGO- PLATIK - DROGUERIA NEUROFARMA II</t>
  </si>
  <si>
    <t>CRA 93 C 54 38 SUR</t>
  </si>
  <si>
    <t>PUNTO DE PAGO- PLATIK - COMERCIALIZADORA AUXISI SAS</t>
  </si>
  <si>
    <t>CR 79F 46 06 S</t>
  </si>
  <si>
    <t>PUNTO DE PAGO- PLATIK - CAFETERIA PAITO</t>
  </si>
  <si>
    <t>CRA 45 60 72 SUR</t>
  </si>
  <si>
    <t>PUNTO DE PAGO- PLATIK - CAFE INTERNET JULIMATHI</t>
  </si>
  <si>
    <t>CL 71A S 87A 15</t>
  </si>
  <si>
    <t>PUNTO DE PAGO- PLATIK - DROGUERIA LOZANO SANTA ISABEL 1</t>
  </si>
  <si>
    <t>CL 2  26 33</t>
  </si>
  <si>
    <t>PUNTO DE PAGO- PLATIK - ISLA DE PAGOS RODRIGUEZ 1</t>
  </si>
  <si>
    <t>CRA86 15 A 91</t>
  </si>
  <si>
    <t>PUNTO DE PAGO- PLATIK - LEYLA PABON MONTEALEGRE</t>
  </si>
  <si>
    <t>CL 140 12B 61 LOCAL 31</t>
  </si>
  <si>
    <t>PUNTO DE PAGO- PLATIK - MISCELANEA Y PAPELERIA JEAN POL</t>
  </si>
  <si>
    <t>DG 72 S 81 18</t>
  </si>
  <si>
    <t>PUNTO DE PAGO- PLATIK - PAPELERIA HUDALI2</t>
  </si>
  <si>
    <t>CL 127 D BIS 88 B 22</t>
  </si>
  <si>
    <t>PUNTO DE PAGO- PLATIK - CIBER Y STATIONERY LA HACIENDA</t>
  </si>
  <si>
    <t>CL 49B 5I 40 SUR</t>
  </si>
  <si>
    <t>PUNTO DE PAGO- PLATIK - MISCELANEA Y PAPELERIA THIAGO</t>
  </si>
  <si>
    <t>CL 89 SUR 5A 05</t>
  </si>
  <si>
    <t>PUNTO DE PAGO- PLATIK - SMALLMASTER</t>
  </si>
  <si>
    <t>CL 44 S 27 40</t>
  </si>
  <si>
    <t>PUNTO DE PAGO- PLATIK - MINI VALE</t>
  </si>
  <si>
    <t>TV 18 I 68 41 SUR</t>
  </si>
  <si>
    <t>PUNTO DE PAGO- PLATIK - SAN NICOLAS ABEDULES</t>
  </si>
  <si>
    <t>DG 89A  115A 50</t>
  </si>
  <si>
    <t>PUNTO DE PAGO- PLATIK - TIENDA EL PEATONAL</t>
  </si>
  <si>
    <t>AV BOYACA 64F 20</t>
  </si>
  <si>
    <t>PUNTO DE PAGO- PLATIK - MISCELANEA ASTRID</t>
  </si>
  <si>
    <t>CR 89 81 S 15</t>
  </si>
  <si>
    <t>PUNTO DE PAGO- PLATIK - ONLINE NETWORK</t>
  </si>
  <si>
    <t>CL 5A 53D 14</t>
  </si>
  <si>
    <t>PUNTO DE PAGO- PLATIK - PRINNTECH SAS</t>
  </si>
  <si>
    <t>CRA 11 80 27</t>
  </si>
  <si>
    <t>PUNTO DE PAGO- PLATIK - PAPELERIA Y DETALLES MAXY</t>
  </si>
  <si>
    <t>CR 40 1H  31</t>
  </si>
  <si>
    <t>PUNTO DE PAGO- PLATIK - DETALLES WINNIE PAPELERIA</t>
  </si>
  <si>
    <t>CR 31A  2 05 LC 1</t>
  </si>
  <si>
    <t>PUNTO DE PAGO- PLATIK - DROGUERIA MEDICAL MAGIC</t>
  </si>
  <si>
    <t>CR 50A 41B 26 S</t>
  </si>
  <si>
    <t>PUNTO DE PAGO- PLATIK - CONFECCIONES Y SERVICIOS J Y H BANDERA</t>
  </si>
  <si>
    <t>CL 85C SUR 80I 19</t>
  </si>
  <si>
    <t>PUNTO DE PAGO- PLATIK - VARIEDAD MURO DE BERLIN</t>
  </si>
  <si>
    <t>PUNTO DE PAGO- PLATIK - WABONET</t>
  </si>
  <si>
    <t>CL 50 14 94</t>
  </si>
  <si>
    <t>PUNTO DE PAGO- PLATIK - DROGUERIAS EXITPHARMAS</t>
  </si>
  <si>
    <t>CR 28 53A 17 SUR</t>
  </si>
  <si>
    <t>PUNTO DE PAGO- PLATIK - SOLUCIONES ACADEMICAS.NET</t>
  </si>
  <si>
    <t>CL 8A BIS 78 43</t>
  </si>
  <si>
    <t>PUNTO DE PAGO- PLATIK - CABINAS DANIEL</t>
  </si>
  <si>
    <t>CL 19 25 04</t>
  </si>
  <si>
    <t>PUNTO DE PAGO- PLATIK - PAGA TODO SAN JOSE</t>
  </si>
  <si>
    <t>CRA 81 I 86 A 41 SUR</t>
  </si>
  <si>
    <t>PUNTO DE PAGO- PLATIK - PAPER NET 2</t>
  </si>
  <si>
    <t>CR 93 22 11 LC 303</t>
  </si>
  <si>
    <t>PUNTO DE PAGO- PLATIK - CIGARERRIA SOL Y LUNA</t>
  </si>
  <si>
    <t>AV CL 43 79 B 53 SUR</t>
  </si>
  <si>
    <t>PUNTO DE PAGO- PLATIK - MISCELANEA Y PAPELERIA COLLAGE</t>
  </si>
  <si>
    <t>CR 19 58 38</t>
  </si>
  <si>
    <t>PUNTO DE PAGO- PLATIK - PAPELERIA ARCOIRIS</t>
  </si>
  <si>
    <t>CR 20A 67 02 SUR</t>
  </si>
  <si>
    <t>PUNTO DE PAGO- PLATIK - SEBASTIAN COMUNICACIONES</t>
  </si>
  <si>
    <t>CL 42 S  78H    28</t>
  </si>
  <si>
    <t>PUNTO DE PAGO- PLATIK - DIANA PATRICIA VALLES</t>
  </si>
  <si>
    <t>CR 2BBISC 38 22 S</t>
  </si>
  <si>
    <t>PUNTO DE PAGO- PLATIK - SUPERMARKET LAS TORRES</t>
  </si>
  <si>
    <t>DG 58 SUR  28 72</t>
  </si>
  <si>
    <t>PUNTO DE PAGO- PLATIK - TIENDA EL TREBOL A</t>
  </si>
  <si>
    <t>CR 79F  52 15 S</t>
  </si>
  <si>
    <t>PUNTO DE PAGO- PLATIK - COMUNICACIONES EMANUEL</t>
  </si>
  <si>
    <t>CL 72 SUR 16 20 ESTE</t>
  </si>
  <si>
    <t>PUNTO DE PAGO- PLATIK - DROGUERÍA FARMA VIDA EXPRESS</t>
  </si>
  <si>
    <t>CR 3 48X 60 S</t>
  </si>
  <si>
    <t>PUNTO DE PAGO- PLATIK - PAPELERIA SAN JOSE DEL POLO</t>
  </si>
  <si>
    <t>CR 24 86 68</t>
  </si>
  <si>
    <t>PUNTO DE PAGO- PLATIK - PAPELERIA VERSALLES</t>
  </si>
  <si>
    <t>CL 22 I 112 A 12</t>
  </si>
  <si>
    <t>PUNTO DE PAGO- PLATIK - GLOBO SOLUCIONES JHOSAR SAS</t>
  </si>
  <si>
    <t>TV 73 11B 77</t>
  </si>
  <si>
    <t>PUNTO DE PAGO- PLATIK - BOUTIQUE ANGELIKE</t>
  </si>
  <si>
    <t>CALLE 134 104 03</t>
  </si>
  <si>
    <t>PUNTO DE PAGO- PLATIK - PUNTO PARE Y COMA</t>
  </si>
  <si>
    <t>CL 53 70 D 48</t>
  </si>
  <si>
    <t>PUNTO DE PAGO- PLATIK - MISCELANEA Y PAPELERIA OYM</t>
  </si>
  <si>
    <t>CL 158A 96 05</t>
  </si>
  <si>
    <t>PUNTO DE PAGO- PLATIK - 52159755</t>
  </si>
  <si>
    <t>CARRERA 99C 71B 11</t>
  </si>
  <si>
    <t>PUNTO DE PAGO- PLATIK - PRINTING SOLUTIONS</t>
  </si>
  <si>
    <t>CL 139 128A 29</t>
  </si>
  <si>
    <t>PUNTO DE PAGO- PLATIK - DROGUERIA ESPECIAL SUBA</t>
  </si>
  <si>
    <t>CR 93A 131B 79</t>
  </si>
  <si>
    <t>PUNTO DE PAGO- PLATIK - SERVICADE</t>
  </si>
  <si>
    <t>CR 87C 68A 19 SUR</t>
  </si>
  <si>
    <t>PUNTO DE PAGO- PLATIK - TELECOMUNICACIONES Y PAGOS SAS</t>
  </si>
  <si>
    <t>DG 45 A S 29 05</t>
  </si>
  <si>
    <t>PUNTO DE PAGO- PLATIK - MEVIDPHARMA 160</t>
  </si>
  <si>
    <t>CR 55C BIS 160 06</t>
  </si>
  <si>
    <t>PUNTO DE PAGO- PLATIK - PAPELERIA Y MISCELANEA DIANIS</t>
  </si>
  <si>
    <t>CR 97B 62B 18 SUR</t>
  </si>
  <si>
    <t>PUNTO DE PAGO- PLATIK - PATRICIA ANGEL CALDERON</t>
  </si>
  <si>
    <t>CL 62 09 01</t>
  </si>
  <si>
    <t>PUNTO DE PAGO- PLATIK - MISCELANEA STEVEN</t>
  </si>
  <si>
    <t>CL 38B SUR 78J 08</t>
  </si>
  <si>
    <t>PUNTO DE PAGO- PLATIK - GLORIA FLOR AMADO MERCHAN</t>
  </si>
  <si>
    <t>CL 70 D BIS 111C- 90</t>
  </si>
  <si>
    <t>PUNTO DE PAGO- PLATIK - ATC 2</t>
  </si>
  <si>
    <t>CL 147 7 70 L 9</t>
  </si>
  <si>
    <t>PUNTO DE PAGO- PLATIK - SIPAGA KENNEDY</t>
  </si>
  <si>
    <t>CR 79 40C 82 SUR</t>
  </si>
  <si>
    <t>PUNTO DE PAGO- PLATIK - MISCELANEA VANNE GARCIA</t>
  </si>
  <si>
    <t>DG 32A S  11G 45</t>
  </si>
  <si>
    <t>PUNTO DE PAGO- PLATIK - PAPELERIA VARIEDADES JENNY</t>
  </si>
  <si>
    <t>CL 73A 69K 48 LOCAL 2</t>
  </si>
  <si>
    <t>PUNTO DE PAGO- PLATIK - PAGA TODO CODITO 3</t>
  </si>
  <si>
    <t>DG 183 3A 56</t>
  </si>
  <si>
    <t>CL 156 8D 10</t>
  </si>
  <si>
    <t>PUNTO DE PAGO- PLATIK - JENNY CATALINA CASTRO OSORIO</t>
  </si>
  <si>
    <t>DIAG 44B SUR#20-48</t>
  </si>
  <si>
    <t>PUNTO DE PAGO- PLATIK - DROGUERÍA BUENA Y SALUD Y M</t>
  </si>
  <si>
    <t>CL 73 A 68 H 71</t>
  </si>
  <si>
    <t>PUNTO DE PAGO- PLATIK - VARIEDADES ISA  RON</t>
  </si>
  <si>
    <t>CAR 82 C 44 19 SUR</t>
  </si>
  <si>
    <t>PUNTO DE PAGO- PLATIK - PAPELERÍA Y VARIEDADES WANDI</t>
  </si>
  <si>
    <t>CRA 19 A 53 A 67 SUR</t>
  </si>
  <si>
    <t>PUNTO DE PAGO- PLATIK - SOCIEDAD DIAS ROJAS</t>
  </si>
  <si>
    <t>CALLE 91 SUR 8 A 29</t>
  </si>
  <si>
    <t>PUNTO DE PAGO- PLATIK - EXTREM.COM</t>
  </si>
  <si>
    <t>CR 26  52A 30 SUR</t>
  </si>
  <si>
    <t>PUNTO DE PAGO- PLATIK - VARIEDADES JAVIMAR</t>
  </si>
  <si>
    <t>CR 14 138 78SUR</t>
  </si>
  <si>
    <t>PUNTO DE PAGO- PLATIK - EFECTY LA CANIZA</t>
  </si>
  <si>
    <t>CR 124 130 03</t>
  </si>
  <si>
    <t>PUNTO DE PAGO- PLATIK - FABIAN LEONADO MORENO RAMIREZ</t>
  </si>
  <si>
    <t>CL 57 BIS SUR 99B 19</t>
  </si>
  <si>
    <t>PUNTO DE PAGO- PLATIK - OLGA HERLINDA PAEZ MORA</t>
  </si>
  <si>
    <t>CR 91 C 52 B 77 SUR</t>
  </si>
  <si>
    <t>PUNTO DE PAGO- PLATIK - NR SOLUCIONES INTEGRALES</t>
  </si>
  <si>
    <t>CL 49 B SUR 9 89</t>
  </si>
  <si>
    <t>PUNTO DE PAGO- PLATIK - MPT COMUNICACIONES</t>
  </si>
  <si>
    <t>CR 73D 38 41 SUR</t>
  </si>
  <si>
    <t>PUNTO DE PAGO- PLATIK - MISCELANEA Y PAPELERIA BOLIVIA</t>
  </si>
  <si>
    <t>CLL 81 107 10</t>
  </si>
  <si>
    <t>PUNTO DE PAGO- PLATIK - APUESTAS A.A</t>
  </si>
  <si>
    <t>CRA 105 16I 63</t>
  </si>
  <si>
    <t>PUNTO DE PAGO- PLATIK - CENTRO DE COMPUTO Y TELEFONIA CELULAR LOS ANGELITO</t>
  </si>
  <si>
    <t>CR 87  71 60 LC. 19</t>
  </si>
  <si>
    <t>PUNTO DE PAGO- PLATIK - EL CIELO.COM</t>
  </si>
  <si>
    <t>AV CL 68 54 54</t>
  </si>
  <si>
    <t>PUNTO DE PAGO- PLATIK - DROGUERIA CAPI EXPRESS 3</t>
  </si>
  <si>
    <t>CL 163 7A 14</t>
  </si>
  <si>
    <t>PUNTO DE PAGO- PLATIK - MABERITZA</t>
  </si>
  <si>
    <t>CR 87 F 56 F 95 SUR</t>
  </si>
  <si>
    <t>PUNTO DE PAGO- PLATIK - MISCELANEA OLGUIN</t>
  </si>
  <si>
    <t>CL 42 S 31 28</t>
  </si>
  <si>
    <t>PUNTO DE PAGO- PLATIK - R MUNDO DIGITAL 32 LC2</t>
  </si>
  <si>
    <t>CR 3A 113A 24 SUR</t>
  </si>
  <si>
    <t>PUNTO DE PAGO- PLATIK - CYBER MOUSE</t>
  </si>
  <si>
    <t>CR 111 142B 15</t>
  </si>
  <si>
    <t>PUNTO DE PAGO- PLATIK - M.F MOVILES</t>
  </si>
  <si>
    <t>CR 70 72  38</t>
  </si>
  <si>
    <t>PUNTO DE PAGO- PLATIK - GLOBAL LUC SERVICES SAS</t>
  </si>
  <si>
    <t>CR 94 73A 25 LOC 4</t>
  </si>
  <si>
    <t>PUNTO DE PAGO- PLATIK - COMUNIKT COM</t>
  </si>
  <si>
    <t>CL 43 SUR 13F 53</t>
  </si>
  <si>
    <t>PUNTO DE PAGO- PLATIK - GLOBALCELLCG</t>
  </si>
  <si>
    <t>DG 47A SUR 53 40</t>
  </si>
  <si>
    <t>PUNTO DE PAGO- PLATIK - PAPELERIA Y VARIEDADES HANDE</t>
  </si>
  <si>
    <t>CL 128 97  10</t>
  </si>
  <si>
    <t>PUNTO DE PAGO- PLATIK - VARIEDADES SAMY EJE</t>
  </si>
  <si>
    <t>CR 117  63F 18</t>
  </si>
  <si>
    <t>PUNTO DE PAGO- PLATIK - CAFE INTERNET</t>
  </si>
  <si>
    <t>CR 14 137B 04 S</t>
  </si>
  <si>
    <t>PUNTO DE PAGO- PLATIK - R LUZ ADIELA PAEZ DIA</t>
  </si>
  <si>
    <t>CR 77H 70B 62 SUR</t>
  </si>
  <si>
    <t>PUNTO DE PAGO- PLATIK - ALIANZAS COMERCIALES</t>
  </si>
  <si>
    <t>CL 71 17 74</t>
  </si>
  <si>
    <t>PUNTO DE PAGO- PLATIK - VARIEDADES NIKOLL VALERIA</t>
  </si>
  <si>
    <t>CR 87H  69A  11 S</t>
  </si>
  <si>
    <t>PUNTO DE PAGO- PLATIK - VIDRIOS ALUM CASTILLA</t>
  </si>
  <si>
    <t>CL 9 72A 27 LC1</t>
  </si>
  <si>
    <t>PUNTO DE PAGO- PLATIK - VARIEDADES ALIYESAN</t>
  </si>
  <si>
    <t>CR 78F 57A 12 SUR</t>
  </si>
  <si>
    <t>PUNTO DE PAGO- PLATIK - CERRAJERIA CLARET</t>
  </si>
  <si>
    <t>TV 27 BIS 43 31 S</t>
  </si>
  <si>
    <t>PUNTO DE PAGO- PLATIK - VARIEDADES Y PAPELERIA TIMOTEOS</t>
  </si>
  <si>
    <t>AV CL 53 73A 78</t>
  </si>
  <si>
    <t>PUNTO DE PAGO- PLATIK - CAFE INTERNET OLGA</t>
  </si>
  <si>
    <t>CL 2C 62 23</t>
  </si>
  <si>
    <t>PUNTO DE PAGO- PLATIK - LLUVIA DE IDEAS SG</t>
  </si>
  <si>
    <t>CL 6C 81B 24</t>
  </si>
  <si>
    <t>PUNTO DE PAGO- PLATIK - VARIEDADES NATALY</t>
  </si>
  <si>
    <t>CLL 17 D 136 B 09</t>
  </si>
  <si>
    <t>PUNTO DE PAGO- PLATIK - CELUNATICOS</t>
  </si>
  <si>
    <t>TV 76 83A  23</t>
  </si>
  <si>
    <t>PUNTO DE PAGO- PLATIK - HIPERSALUD 2</t>
  </si>
  <si>
    <t>DG 45 B 53 30 SUR</t>
  </si>
  <si>
    <t>PUNTO DE PAGO- PLATIK - VARIEDADES ALPAYAN.COM</t>
  </si>
  <si>
    <t>CR 103 72 A 36</t>
  </si>
  <si>
    <t>PUNTO DE PAGO- PLATIK - GIROS MINUTO</t>
  </si>
  <si>
    <t>TV 76 81I 46 LC 3</t>
  </si>
  <si>
    <t>PUNTO DE PAGO- PLATIK - STARS VIDEOGAMES 2236</t>
  </si>
  <si>
    <t>CL 74 SUR 13B 91 ESTE</t>
  </si>
  <si>
    <t>PUNTO DE PAGO- PLATIK - AQUI LLAMAS YA</t>
  </si>
  <si>
    <t>CL 52A SUR 83 36</t>
  </si>
  <si>
    <t>PUNTO DE PAGO- PLATIK - DROGERIA MANTRA ROMA</t>
  </si>
  <si>
    <t>CR 78 F 53B 10 SUR</t>
  </si>
  <si>
    <t>PUNTO DE PAGO- PLATIK - SELOGISTICS S.A.S.</t>
  </si>
  <si>
    <t>KR 73 A 48 88</t>
  </si>
  <si>
    <t>PUNTO DE PAGO- PLATIK - COMUNICACIONES JKM</t>
  </si>
  <si>
    <t>CL 87B SUR 3A 21</t>
  </si>
  <si>
    <t>PUNTO DE PAGO- PLATIK - DISTRIBUIDORAS BOGOTA</t>
  </si>
  <si>
    <t>KR 102 SUR 72 47</t>
  </si>
  <si>
    <t>PUNTO DE PAGO- PLATIK - PAPYRUS PAPELERIA</t>
  </si>
  <si>
    <t>AV LA ESPERANZA 58 19</t>
  </si>
  <si>
    <t>PUNTO DE PAGO- PLATIK - CHESSHOUSE INN RESTAURANTES Y HOTELES SAS</t>
  </si>
  <si>
    <t>CR 7 54A 17</t>
  </si>
  <si>
    <t>PUNTO DE PAGO- PLATIK - OSFOTA</t>
  </si>
  <si>
    <t>CL 1 SUR 72 B 21</t>
  </si>
  <si>
    <t>PUNTO DE PAGO- PLATIK - ANA EDELMIRA CASTIBLANCO</t>
  </si>
  <si>
    <t>CL 62 SUR 41 A 12</t>
  </si>
  <si>
    <t>PUNTO DE PAGO- PLATIK - HABLEMOS.GLO</t>
  </si>
  <si>
    <t>CL 55 S 11 ESTE 32</t>
  </si>
  <si>
    <t>PUNTO DE PAGO- PLATIK - EL MUNDO ESCOLAR D.F</t>
  </si>
  <si>
    <t>CR 100 16I 21</t>
  </si>
  <si>
    <t>PUNTO DE PAGO- PLATIK - SIPAGA VILLA DEL RIO</t>
  </si>
  <si>
    <t>CL 60 9 78 LOCAL 104</t>
  </si>
  <si>
    <t>PUNTO DE PAGO- PLATIK - MAGENTA BLUE</t>
  </si>
  <si>
    <t>CL 9 72 C 64</t>
  </si>
  <si>
    <t>PUNTO DE PAGO- PLATIK - PAPELERIA VARIEDADES JJ</t>
  </si>
  <si>
    <t>CL 69 121 03</t>
  </si>
  <si>
    <t>PUNTO DE PAGO- PLATIK - VARIEDADES MIRAMAR</t>
  </si>
  <si>
    <t>CL 18 112 21</t>
  </si>
  <si>
    <t>PUNTO DE PAGO- PLATIK - LUZ ELENA CASTRO GALINDO</t>
  </si>
  <si>
    <t>TV 73D 74 50 SUR</t>
  </si>
  <si>
    <t>PUNTO DE PAGO- PLATIK - EL RINCONCITO DEL DETALLE</t>
  </si>
  <si>
    <t>CL 55 SUR 13F 16</t>
  </si>
  <si>
    <t>PUNTO DE PAGO- PLATIK - INTERRAPIDISIMO</t>
  </si>
  <si>
    <t>CR 30 30 60 S</t>
  </si>
  <si>
    <t>PUNTO DE PAGO- PLATIK - CORRESPONSAL TOYEDINA</t>
  </si>
  <si>
    <t>CRA 90 49D 69 SUR</t>
  </si>
  <si>
    <t>PUNTO DE PAGO- PLATIK - YOLI MARITZA RAMIREZ CHIMBI</t>
  </si>
  <si>
    <t>CLL 54 S 81B 27 LC2</t>
  </si>
  <si>
    <t>PUNTO DE PAGO- PLATIK - ALEICE ISABEL LOPEZ ARIZA</t>
  </si>
  <si>
    <t>CL 51A SUR 78J 17</t>
  </si>
  <si>
    <t>PUNTO DE PAGO- PLATIK - POLLITO.COM</t>
  </si>
  <si>
    <t>CR 59 5C 68</t>
  </si>
  <si>
    <t>PUNTO DE PAGO- PLATIK - PAPELERIA EL FUTURO</t>
  </si>
  <si>
    <t>CL 162  7F 11</t>
  </si>
  <si>
    <t>PUNTO DE PAGO- PLATIK - INTER RAPIDISIMO</t>
  </si>
  <si>
    <t>CALLE 41 SUR  54 28</t>
  </si>
  <si>
    <t>PUNTO DE PAGO- PLATIK - DROGUERIA KAFANOR</t>
  </si>
  <si>
    <t>CL 53 SUR 78L 16</t>
  </si>
  <si>
    <t>PUNTO DE PAGO- PLATIK - ENLACE Y MULTISERVICIOS JM1</t>
  </si>
  <si>
    <t>AV CL 26 SUR 68I 77</t>
  </si>
  <si>
    <t>PUNTO DE PAGO- PLATIK - TECNI CENTER BOGOTA</t>
  </si>
  <si>
    <t>CL 187 15 88</t>
  </si>
  <si>
    <t>PUNTO DE PAGO- PLATIK - PAPELERIA AC</t>
  </si>
  <si>
    <t>CR 107 B 134 08</t>
  </si>
  <si>
    <t>PUNTO DE PAGO- PLATIK - DATACEL.CO</t>
  </si>
  <si>
    <t>AK 80 45 SUR 23</t>
  </si>
  <si>
    <t>PUNTO DE PAGO- PLATIK - COMERCIALIZADORA COPYDIST MILTISERVICIOS EU</t>
  </si>
  <si>
    <t>CL 24 SUR 12D 28</t>
  </si>
  <si>
    <t>PUNTO DE PAGO- PLATIK - GRCOMUNICACIONES</t>
  </si>
  <si>
    <t>CL 64 13 59</t>
  </si>
  <si>
    <t>PUNTO DE PAGO- PLATIK - PAPELERIA CAFETERIA HOLLMAN</t>
  </si>
  <si>
    <t>CRA 24 39 09 SUR</t>
  </si>
  <si>
    <t>PUNTO DE PAGO- PLATIK - D.A.A. VARIEDADES</t>
  </si>
  <si>
    <t>CR 54 43 97 SUR</t>
  </si>
  <si>
    <t>PUNTO DE PAGO- PLATIK - LUCKY MULTIPAGOS</t>
  </si>
  <si>
    <t>CR 110 65B 82</t>
  </si>
  <si>
    <t>PUNTO DE PAGO- PLATIK - MULTISERVICIOS DE BERLIN</t>
  </si>
  <si>
    <t>CL 149 138 72</t>
  </si>
  <si>
    <t>PUNTO DE PAGO- PLATIK - TUJERAS Y PAPEL</t>
  </si>
  <si>
    <t>CR 4B ESTE 48D 04 SUR</t>
  </si>
  <si>
    <t>PUNTO DE PAGO- PLATIK - R MUNDO DIGITAL 32 LC1</t>
  </si>
  <si>
    <t>CARRERA 78 P  56 C 18 SUR</t>
  </si>
  <si>
    <t>PUNTO DE PAGO- PLATIK - PAPELERIA DELINEANTES</t>
  </si>
  <si>
    <t>CLL 75C 104 29</t>
  </si>
  <si>
    <t>PUNTO DE PAGO- PLATIK - VARIEDADES GALUZ</t>
  </si>
  <si>
    <t>CL 46 S 24B 79</t>
  </si>
  <si>
    <t>PUNTO DE PAGO- PLATIK - INTER RAPIDISIMO BOSA ATALAYAS</t>
  </si>
  <si>
    <t>CR 100A 60 06 SUR</t>
  </si>
  <si>
    <t>PUNTO DE PAGO- PLATIK - LA MONTAÑITA</t>
  </si>
  <si>
    <t>CR 6 A 162 A 04</t>
  </si>
  <si>
    <t>PUNTO DE PAGO- PLATIK - VIDEO TIENDA</t>
  </si>
  <si>
    <t>CR 97B  61  98 S</t>
  </si>
  <si>
    <t>PUNTO DE PAGO- PLATIK - MULTISERVCIOS.UMA.RO</t>
  </si>
  <si>
    <t>CR 36A 52G 36 SUR</t>
  </si>
  <si>
    <t>PUNTO DE PAGO- PLATIK - DROGAS LA CRISTALINA</t>
  </si>
  <si>
    <t>CL 147 7C 69</t>
  </si>
  <si>
    <t>PUNTO DE PAGO- PLATIK - FAMICARI</t>
  </si>
  <si>
    <t>CL 59 S 52 24 T13 A101</t>
  </si>
  <si>
    <t>PUNTO DE PAGO- PLATIK - TELECOMUNICACIONES ESTEBAN</t>
  </si>
  <si>
    <t>CL 26 SUR  89 18</t>
  </si>
  <si>
    <t>PUNTO DE PAGO- PLATIK - LA PAPETERIE DE ANDRE</t>
  </si>
  <si>
    <t>CR 35 25 69</t>
  </si>
  <si>
    <t>PUNTO DE PAGO- PLATIK - COPIAS JCV</t>
  </si>
  <si>
    <t>CL 181  18 A 16</t>
  </si>
  <si>
    <t>PUNTO DE PAGO- PLATIK - DIMONEX</t>
  </si>
  <si>
    <t>CR 7 106 01</t>
  </si>
  <si>
    <t>PUNTO DE PAGO- PLATIK - DROGUERIA NUEVA KALIMA</t>
  </si>
  <si>
    <t>CR 7A 151 46</t>
  </si>
  <si>
    <t>PUNTO DE PAGO- PLATIK - EMY COMUNICACIONES LOMBARDIA</t>
  </si>
  <si>
    <t>CR 111B 142A 62 LC2</t>
  </si>
  <si>
    <t>PUNTO DE PAGO- PLATIK - DROGUERIA MARIELA</t>
  </si>
  <si>
    <t>CL 11A 78 D 11 L 3</t>
  </si>
  <si>
    <t>PUNTO DE PAGO- PLATIK - PAPELERIA LAR</t>
  </si>
  <si>
    <t>CL 69A BIS 87A 04</t>
  </si>
  <si>
    <t>PUNTO DE PAGO- PLATIK - MULTISERVICIOS PAGALO</t>
  </si>
  <si>
    <t>CALLE 83 95 29 LOCA 110</t>
  </si>
  <si>
    <t>PUNTO DE PAGO- PLATIK - SEBAS Y LEON</t>
  </si>
  <si>
    <t>CRA 16 ESTE  82 10 SUR</t>
  </si>
  <si>
    <t>PUNTO DE PAGO- PLATIK - PAGO EXITOSO</t>
  </si>
  <si>
    <t>CRA 97 B 56 H 33 SUR</t>
  </si>
  <si>
    <t>PUNTO DE PAGO- PLATIK - PAPELERIA JUANITO DYP</t>
  </si>
  <si>
    <t>CL 57 SUR  86F 53</t>
  </si>
  <si>
    <t>PUNTO DE PAGO- PLATIK - VARIEDDAES M&amp;M</t>
  </si>
  <si>
    <t>CR 82B  54  66 SUR</t>
  </si>
  <si>
    <t>PUNTO DE PAGO- PLATIK - PAPELERIA MAKANI</t>
  </si>
  <si>
    <t>CL 29 A SUR 25 02</t>
  </si>
  <si>
    <t>PUNTO DE PAGO- PLATIK - MULTISERVICIOS CYJ</t>
  </si>
  <si>
    <t>AV ROJAS  65 04</t>
  </si>
  <si>
    <t>PUNTO DE PAGO- PLATIK - LA NUEVA ERA STORE</t>
  </si>
  <si>
    <t>AV 1 DE MAYO 71D 17C CC FASHION PAZA LC 103</t>
  </si>
  <si>
    <t>PUNTO DE PAGO- PLATIK - INTERCONECTADOS MULTISERVICIOS</t>
  </si>
  <si>
    <t>CLL 45 SUR 72I 79</t>
  </si>
  <si>
    <t>PUNTO DE PAGO- PLATIK - CENTRO DE COPIADO VIRTUAL CENTER</t>
  </si>
  <si>
    <t>CL 48  9 79</t>
  </si>
  <si>
    <t>PUNTO DE PAGO- PLATIK - MISCELANEA Y PAPELERIA DONDE LUZ</t>
  </si>
  <si>
    <t>CL 69A  83 53</t>
  </si>
  <si>
    <t>PUNTO DE PAGO- PLATIK - SUPERMERCADO Y AUTOSERVICIO MERCOLOMBIA</t>
  </si>
  <si>
    <t>CLL 16H  98  15</t>
  </si>
  <si>
    <t>PUNTO DE PAGO- PLATIK - INTERNET OLGALU</t>
  </si>
  <si>
    <t>CL 69A 94 33</t>
  </si>
  <si>
    <t>PUNTO DE PAGO- PLATIK - DROGUERIA SAMANTINA</t>
  </si>
  <si>
    <t>CR 82 23F 09</t>
  </si>
  <si>
    <t>PUNTO DE PAGO- PLATIK - R JAQUELINE MARIN VARGAS</t>
  </si>
  <si>
    <t>CRA 64 123 12</t>
  </si>
  <si>
    <t>PUNTO DE PAGO- PLATIK - INTERNET AEC</t>
  </si>
  <si>
    <t>TV 113F 67B 17</t>
  </si>
  <si>
    <t>PUNTO DE PAGO- PLATIK - PAPELERIA SEBASTIAN</t>
  </si>
  <si>
    <t>CL 71  72A 83</t>
  </si>
  <si>
    <t>PUNTO DE PAGO- PLATIK - INTER LOGIST JC.</t>
  </si>
  <si>
    <t>CL 44 SUR 53 30</t>
  </si>
  <si>
    <t>PUNTO DE PAGO- PLATIK - PAPELERIA MERCATODO</t>
  </si>
  <si>
    <t>CL 54F S 93C 42 L 2P</t>
  </si>
  <si>
    <t>PUNTO DE PAGO- PLATIK - DROGUERIA BONAPAR2</t>
  </si>
  <si>
    <t>CR 27 17 02 SUR</t>
  </si>
  <si>
    <t>PUNTO DE PAGO- PLATIK - ALMACEN DEPORTIVO CROYSPORT</t>
  </si>
  <si>
    <t>TV94 80A 06</t>
  </si>
  <si>
    <t>PUNTO DE PAGO- PLATIK - SIPAGA SERVITECA</t>
  </si>
  <si>
    <t>CR 38 52 34 SUR</t>
  </si>
  <si>
    <t>PUNTO DE PAGO- PLATIK - PUNTO PUENTE ARANDA CAI YESID FONTECHA</t>
  </si>
  <si>
    <t>CL 15 55 35</t>
  </si>
  <si>
    <t>PUNTO DE PAGO- PLATIK - PAPELERIA LA CASCADA</t>
  </si>
  <si>
    <t>CL 2B  53A 08</t>
  </si>
  <si>
    <t>PUNTO DE PAGO- PLATIK - TU CARGA.COM</t>
  </si>
  <si>
    <t>CRA 88 C 50A 22 SUR</t>
  </si>
  <si>
    <t>PUNTO DE PAGO- PLATIK - TU ZONA 2 0</t>
  </si>
  <si>
    <t>CR 18Q 71B 24 SUR</t>
  </si>
  <si>
    <t>PUNTO DE PAGO- PLATIK - DROGUERIA ICOLFARMA AJ</t>
  </si>
  <si>
    <t>CL 40 SUR 99D 05</t>
  </si>
  <si>
    <t>PUNTO DE PAGO- PLATIK - INTERNET PAPELERIA PLASMA COM</t>
  </si>
  <si>
    <t>CR 23C 32B 17 S</t>
  </si>
  <si>
    <t>PUNTO DE PAGO- PLATIK - TELEMUNDO.COM2</t>
  </si>
  <si>
    <t>CL 70 SUR 87N 08</t>
  </si>
  <si>
    <t>PUNTO DE PAGO- PLATIK - INTERATIVA SOLUCIONES</t>
  </si>
  <si>
    <t>CL 67 B SUR 65 33</t>
  </si>
  <si>
    <t>PUNTO DE PAGO- PLATIK - VARIEDADES GUACAMAYAS</t>
  </si>
  <si>
    <t>CL 40A 1A  20 S</t>
  </si>
  <si>
    <t>PUNTO DE PAGO- PLATIK - MUNDO DIGITAL 4</t>
  </si>
  <si>
    <t>CL 57A S 78N 12</t>
  </si>
  <si>
    <t>PUNTO DE PAGO- PLATIK - TIENDA JSK</t>
  </si>
  <si>
    <t>CL 117 A SUR 1 25 ESTE</t>
  </si>
  <si>
    <t>PUNTO DE PAGO- PLATIK - PAPELERIA PAPELANDIA</t>
  </si>
  <si>
    <t>CL 92B S 2B 05</t>
  </si>
  <si>
    <t>PUNTO DE PAGO- PLATIK - CAPI CENTRO 1 ASESORI</t>
  </si>
  <si>
    <t>CL 45 SUR 72Q 52</t>
  </si>
  <si>
    <t>PUNTO DE PAGO- PLATIK - LABORATORIOS SILVA SAS</t>
  </si>
  <si>
    <t>CL 38 S 88 22</t>
  </si>
  <si>
    <t>PUNTO DE PAGO- PLATIK - DETALLES COCO 1</t>
  </si>
  <si>
    <t>CLL 182 7B 21</t>
  </si>
  <si>
    <t>PUNTO DE PAGO- PLATIK - SIPAGA VENECIA 01</t>
  </si>
  <si>
    <t>CL 44 SUR 68C 24</t>
  </si>
  <si>
    <t>PUNTO DE PAGO- PLATIK - HIPER DROGUERIA BETANIA A Y B</t>
  </si>
  <si>
    <t>CR 69BIS 3 43 SUR</t>
  </si>
  <si>
    <t>PUNTO DE PAGO- PLATIK - MISCELANEA Y PAPELERIA EL FUTURO MAYITA</t>
  </si>
  <si>
    <t>CL 49 SUR  10 84 E</t>
  </si>
  <si>
    <t>PUNTO DE PAGO- PLATIK - PAPELERIA Y MISCELANEA EL ARCA</t>
  </si>
  <si>
    <t>CL 81 109 27 L 1</t>
  </si>
  <si>
    <t>PUNTO DE PAGO- PLATIK - FARMACENTER ALTA VISTA</t>
  </si>
  <si>
    <t>CR 80G 6 19 L1</t>
  </si>
  <si>
    <t>PUNTO DE PAGO- PLATIK - FARMA S.O.S. 3</t>
  </si>
  <si>
    <t>CR 54 A 167 A 50</t>
  </si>
  <si>
    <t>PUNTO DE PAGO- PLATIK - MISCELANEA PAPELERIA ESTUDIANTIL</t>
  </si>
  <si>
    <t>CL 129    56B  59</t>
  </si>
  <si>
    <t>PUNTO DE PAGO- PLATIK - INTERRAPIDISMO LA VICTORIA</t>
  </si>
  <si>
    <t>TV 3CBIS E 41B 64 S</t>
  </si>
  <si>
    <t>PUNTO DE PAGO- PLATIK - DROGUERIA ICOLFARMA PATIO</t>
  </si>
  <si>
    <t>CALLE 40 SUR 97 A 05</t>
  </si>
  <si>
    <t>PUNTO DE PAGO- PLATIK - SIPAGA JAIME RODRIGUEZ</t>
  </si>
  <si>
    <t>CR 56 2A 17</t>
  </si>
  <si>
    <t>PUNTO DE PAGO- PLATIK - VARIEDADES FUCSIA</t>
  </si>
  <si>
    <t>CL 42C SUR 16B 97 ESTE</t>
  </si>
  <si>
    <t>PUNTO DE PAGO- PLATIK - DROGAS SUPERMAXIMO</t>
  </si>
  <si>
    <t>CR 80P  82B 31 SUR</t>
  </si>
  <si>
    <t>PUNTO DE PAGO- PLATIK - COMUNICACIONESIRIS.G</t>
  </si>
  <si>
    <t>DG 51A SUR 27 38</t>
  </si>
  <si>
    <t>PUNTO DE PAGO- PLATIK - CABINA SHADAY</t>
  </si>
  <si>
    <t>CL 36 1 35 SUR CASA 216</t>
  </si>
  <si>
    <t>PUNTO DE PAGO- PLATIK - DROGUERIA VYB</t>
  </si>
  <si>
    <t>CL 45 SUR 78 04</t>
  </si>
  <si>
    <t>PUNTO DE PAGO- PLATIK - INTERNET SMD</t>
  </si>
  <si>
    <t>CL 71D SUR 79  80</t>
  </si>
  <si>
    <t>PUNTO DE PAGO- PLATIK - MARTHA ESPERANZA CARDENAS</t>
  </si>
  <si>
    <t>CL 127B BIS 52A 69 LOCAL 114</t>
  </si>
  <si>
    <t>PUNTO DE PAGO- PLATIK - COMUNICACIONES VADY</t>
  </si>
  <si>
    <t>CR 7 E  36K 36 S</t>
  </si>
  <si>
    <t>PUNTO DE PAGO- PLATIK - TIENDA MARKET EXPRESS</t>
  </si>
  <si>
    <t>CL 106 54 15</t>
  </si>
  <si>
    <t>PUNTO DE PAGO- PLATIK - CA@D COMUNICACIONES</t>
  </si>
  <si>
    <t>CL 19 SUR  14 51</t>
  </si>
  <si>
    <t>PUNTO DE PAGO- PLATIK - PAPELERIA VARIEDADES LA SIERRA</t>
  </si>
  <si>
    <t>TV 73B  74  75 SUR</t>
  </si>
  <si>
    <t>PUNTO DE PAGO- PLATIK - DROGUERRIA CARMEN VILLANUEVA</t>
  </si>
  <si>
    <t>CR 68I 43 10 SUR</t>
  </si>
  <si>
    <t>PUNTO DE PAGO- PLATIK - DULFAY COMUNICACIONES</t>
  </si>
  <si>
    <t>CR 97 23B 80</t>
  </si>
  <si>
    <t>PUNTO DE PAGO- PLATIK - PAPELCO ESTUDIANTIL</t>
  </si>
  <si>
    <t>CR 68F 70A 31</t>
  </si>
  <si>
    <t>PUNTO DE PAGO- PLATIK - PAPELERIA Y MISCELANIA LA ESTUDIANTIL</t>
  </si>
  <si>
    <t>CR 5BIS  48Z  03 S</t>
  </si>
  <si>
    <t>PUNTO DE PAGO- PLATIK - DILAN,S</t>
  </si>
  <si>
    <t>CRA 112B 66 88</t>
  </si>
  <si>
    <t>PUNTO DE PAGO- PLATIK - FLORCHUR</t>
  </si>
  <si>
    <t>CLL 40 S 94 04</t>
  </si>
  <si>
    <t>PUNTO DE PAGO- PLATIK - PANALERIA DONDE HELLO</t>
  </si>
  <si>
    <t>CR 20 C 64 64 SUR</t>
  </si>
  <si>
    <t>PUNTO DE PAGO- PLATIK - CABINAS Y ALGO MAS</t>
  </si>
  <si>
    <t>CR 84 BIS 71 A 01</t>
  </si>
  <si>
    <t>PUNTO DE PAGO- PLATIK - ARTE UNAS JOHANNA</t>
  </si>
  <si>
    <t>CL 52A S  80 91</t>
  </si>
  <si>
    <t>PUNTO DE PAGO- PLATIK - HIPERDROGUERIA Y MINIMARKER 141</t>
  </si>
  <si>
    <t>CR 13 141  99</t>
  </si>
  <si>
    <t>PUNTO DE PAGO- PLATIK - JERD SOLUCIONES ALTERNATIVAS</t>
  </si>
  <si>
    <t>CLL 59 SUR 22B 65</t>
  </si>
  <si>
    <t>PUNTO DE PAGO- PLATIK - SANTIVARIEDADES</t>
  </si>
  <si>
    <t>CRA 9 EST 2 B 60</t>
  </si>
  <si>
    <t>PUNTO DE PAGO- PLATIK - FUSIONMV</t>
  </si>
  <si>
    <t>CL 146F BIS 76 06</t>
  </si>
  <si>
    <t>PUNTO DE PAGO- PLATIK - SERVIARIEL</t>
  </si>
  <si>
    <t>CL 44 7 41</t>
  </si>
  <si>
    <t>PUNTO DE PAGO- PLATIK - DETALLES COCO 2</t>
  </si>
  <si>
    <t>CR 8C 185B 15</t>
  </si>
  <si>
    <t>PUNTO DE PAGO- PLATIK - INTERRAPISDISIMO  LIZCANO</t>
  </si>
  <si>
    <t>CR 89A 58A 10 SUR</t>
  </si>
  <si>
    <t>PUNTO DE PAGO- PLATIK - COMERCIALIZADORA PAPELERA LA ESMERALDA</t>
  </si>
  <si>
    <t>CL 58K SUR 78N 49</t>
  </si>
  <si>
    <t>PUNTO DE PAGO- PLATIK - DROGUERIA ARV  EFA</t>
  </si>
  <si>
    <t>CL 67 B 60 39</t>
  </si>
  <si>
    <t>PUNTO DE PAGO- PLATIK - CRIXUS BARBER</t>
  </si>
  <si>
    <t>CL 10 24 17</t>
  </si>
  <si>
    <t>PUNTO DE PAGO- PLATIK - PAPELERIA OCCIDENTAL</t>
  </si>
  <si>
    <t>CR 82A  6B 30</t>
  </si>
  <si>
    <t>CL 74 72 60</t>
  </si>
  <si>
    <t>PUNTO DE PAGO- PLATIK - BOUTIQUE ELECTRONICS</t>
  </si>
  <si>
    <t>CR 10 19 53 S LC 10</t>
  </si>
  <si>
    <t>PUNTO DE PAGO- PLATIK - KALMAN PAPELERIA</t>
  </si>
  <si>
    <t>CL 22H 114 A 65</t>
  </si>
  <si>
    <t>PUNTO DE PAGO- PLATIK - LA PALMA D.C</t>
  </si>
  <si>
    <t>CL 24  75 86 IN. 4</t>
  </si>
  <si>
    <t>PUNTO DE PAGO- PLATIK - ALMACEN PUNTO EFEX</t>
  </si>
  <si>
    <t>CL 53B SUR 31 84</t>
  </si>
  <si>
    <t>AV CL 6 42 05</t>
  </si>
  <si>
    <t>PUNTO DE PAGO- PLATIK - ZONA WEB 3,1</t>
  </si>
  <si>
    <t>CL 139  140C    03</t>
  </si>
  <si>
    <t>PUNTO DE PAGO- PLATIK - CIBER COMUNICACIONES</t>
  </si>
  <si>
    <t>TV 18J BIS A 71 71 SUR</t>
  </si>
  <si>
    <t>PUNTO DE PAGO- PLATIK - MINIMERCADO HALY</t>
  </si>
  <si>
    <t>CL 57C S 81D 01</t>
  </si>
  <si>
    <t>PUNTO DE PAGO- PLATIK - COMPRAS ERMAR</t>
  </si>
  <si>
    <t>CR 78F  75A 06 SUR</t>
  </si>
  <si>
    <t>PUNTO DE PAGO- PLATIK - ANGIE PAOLA SARMIENTO GUTIERREZ</t>
  </si>
  <si>
    <t>DG 63 A SUR 73 F 86</t>
  </si>
  <si>
    <t>PUNTO DE PAGO- PLATIK - HIPERDROGUERIA FARMACOS SAS</t>
  </si>
  <si>
    <t>AV 28 39 32</t>
  </si>
  <si>
    <t>PUNTO DE PAGO- PLATIK - CIGARRERIA Y CAFETERIA PUNTO 80</t>
  </si>
  <si>
    <t>CR 69H 80 40 LC 10</t>
  </si>
  <si>
    <t>PUNTO DE PAGO- PLATIK - DROGUERIA HIPERSALUD 3</t>
  </si>
  <si>
    <t>CLL 45 14 67</t>
  </si>
  <si>
    <t>PUNTO DE PAGO- PLATIK - SIPAGA PTO AV.VILLAVICENCIO</t>
  </si>
  <si>
    <t>CL 43 SUR  78N 16</t>
  </si>
  <si>
    <t>PUNTO DE PAGO- PLATIK - CIBERCAFE.COM</t>
  </si>
  <si>
    <t>CL 81 108 16</t>
  </si>
  <si>
    <t>PUNTO DE PAGO- PLATIK - VARIEDADES LILIPOOH</t>
  </si>
  <si>
    <t>CR 5A 189 60 PISO2</t>
  </si>
  <si>
    <t>PUNTO DE PAGO- PLATIK - TIENDAS VECI</t>
  </si>
  <si>
    <t>CARRERA 3 #  50-12 SUR</t>
  </si>
  <si>
    <t>PUNTO DE PAGO- PLATIK - INTERRAPIDISIMO SAN JOSE</t>
  </si>
  <si>
    <t>CR 12 D 26 A 78 SUR</t>
  </si>
  <si>
    <t>PUNTO DE PAGO- PLATIK - SIPAGA CASINO</t>
  </si>
  <si>
    <t>CRA 79 41D 27</t>
  </si>
  <si>
    <t>PUNTO DE PAGO- PLATIK - DROGUERIA ESO ERA</t>
  </si>
  <si>
    <t>CR 78I 53 31 SUR</t>
  </si>
  <si>
    <t>PUNTO DE PAGO- PLATIK - VARIEDADES MAXI CALDAS LA ESTANCIA</t>
  </si>
  <si>
    <t>CR 75  58B 16 S</t>
  </si>
  <si>
    <t>PUNTO DE PAGO- PLATIK - SIPAGA SAN ANDRES</t>
  </si>
  <si>
    <t>CL 44 SUR 68I 44</t>
  </si>
  <si>
    <t>PUNTO DE PAGO- PLATIK - MISCELANEA LINDA</t>
  </si>
  <si>
    <t>TV 35 29 78 S</t>
  </si>
  <si>
    <t>PUNTO DE PAGO- PLATIK - DISEÑOS PERSONALIZACION E IMPRESIONES</t>
  </si>
  <si>
    <t>CR 23F 48 50 SUR</t>
  </si>
  <si>
    <t>PUNTO DE PAGO- PLATIK - PAPELERIA LOS ANDES</t>
  </si>
  <si>
    <t>CR 102  22G 57</t>
  </si>
  <si>
    <t>PUNTO DE PAGO- PLATIK - EL IMPERIO DE LA LICUADORA</t>
  </si>
  <si>
    <t>CL 21  9 43</t>
  </si>
  <si>
    <t>PUNTO DE PAGO- PLATIK - PARDOS BARBER</t>
  </si>
  <si>
    <t>CRA 7 ESTE 90A 70 SUR</t>
  </si>
  <si>
    <t>PUNTO DE PAGO- PLATIK - SUPERMAXI FBJ</t>
  </si>
  <si>
    <t>CR 16 E 36 96</t>
  </si>
  <si>
    <t>PUNTO DE PAGO- PLATIK - FERRETERIA GE GAS</t>
  </si>
  <si>
    <t>CR 32 9A 29 SUR</t>
  </si>
  <si>
    <t>PUNTO DE PAGO- PLATIK - PAPER.NET</t>
  </si>
  <si>
    <t>CRA 104 B 23 B 10</t>
  </si>
  <si>
    <t>PUNTO DE PAGO- PLATIK - ALMACEN EFEX</t>
  </si>
  <si>
    <t>CL 13 18G 15 T2 A103</t>
  </si>
  <si>
    <t>PUNTO DE PAGO- PLATIK - PAPELERIA PRIMERA IMPRESION</t>
  </si>
  <si>
    <t>DIAG 5A 37B  60</t>
  </si>
  <si>
    <t>PUNTO DE PAGO- PLATIK - SOLUCIONES OK</t>
  </si>
  <si>
    <t>CL 80 BIS A 94J 04</t>
  </si>
  <si>
    <t>PUNTO DE PAGO- PLATIK - EL BODEGON DE LAS AGUILAS</t>
  </si>
  <si>
    <t>DG 100A  3A   89 ESTE</t>
  </si>
  <si>
    <t>PUNTO DE PAGO- PLATIK - CAFE INTERNET COMUNICACIONES APRISSA 2</t>
  </si>
  <si>
    <t>AV 1 DE MAYO 40B 39 SUR</t>
  </si>
  <si>
    <t>PUNTO DE PAGO- PLATIK - VARIEDADES EBENEZER</t>
  </si>
  <si>
    <t>CL 16 SUR 25 58 ESTE</t>
  </si>
  <si>
    <t>PUNTO DE PAGO- PLATIK - COMUNICACIONES JAVIGON</t>
  </si>
  <si>
    <t>CR 26A  31A   28 SUR</t>
  </si>
  <si>
    <t>PUNTO DE PAGO- PLATIK - CAFÉ BAR PALOMA NEGRA</t>
  </si>
  <si>
    <t>CL 70   54  24</t>
  </si>
  <si>
    <t>PUNTO DE PAGO- PLATIK - ALITAS CO &amp; ALGO MÁS</t>
  </si>
  <si>
    <t>CL 69  17    21</t>
  </si>
  <si>
    <t>PUNTO DE PAGO- PLATIK - MI PEQUENO COMIENZO</t>
  </si>
  <si>
    <t>CL 5A 42  11</t>
  </si>
  <si>
    <t>PUNTO DE PAGO- PLATIK - EFECTY</t>
  </si>
  <si>
    <t>CL 42 A SUR 80 G 52</t>
  </si>
  <si>
    <t>PUNTO DE PAGO- PLATIK - VM FASHION</t>
  </si>
  <si>
    <t>CRA 69G 67 06</t>
  </si>
  <si>
    <t>PUNTO DE PAGO- PLATIK - DENNIS GABRIELA MONTOYA REYES</t>
  </si>
  <si>
    <t>CRA 24 31B  SUR  72</t>
  </si>
  <si>
    <t>PUNTO DE PAGO- PLATIK - INTERRAPIDISIMO CAI BELLAVISTA</t>
  </si>
  <si>
    <t>CR 94C 42 56 S</t>
  </si>
  <si>
    <t>PUNTO DE PAGO- PLATIK - ALEXANDER VALENCIA ALVIS</t>
  </si>
  <si>
    <t>CALLE 174 A NO. 51 A 26</t>
  </si>
  <si>
    <t>PUNTO DE PAGO- PLATIK - CYBERNELGIE 3</t>
  </si>
  <si>
    <t>DG 48 SUR 13K 28</t>
  </si>
  <si>
    <t>PUNTO DE PAGO- PLATIK - INTERNET SHEYLA</t>
  </si>
  <si>
    <t>CR 53B 4B 15</t>
  </si>
  <si>
    <t>PUNTO DE PAGO- PLATIK - SUPERMERCADOS LA PIRAMIDE LTDA</t>
  </si>
  <si>
    <t>CR 145 145 46</t>
  </si>
  <si>
    <t>PUNTO DE PAGO- PLATIK - TIENDA MARKET MAZUREN</t>
  </si>
  <si>
    <t>CR 54 150 27 LC4</t>
  </si>
  <si>
    <t>PUNTO DE PAGO- PLATIK - MISCELANEA Y PAPELERIA POCHOYRICHARD.COM</t>
  </si>
  <si>
    <t>CL48FSUR 5B 83E</t>
  </si>
  <si>
    <t>PUNTO DE PAGO- PLATIK - MARTHAS SOLUCIONES</t>
  </si>
  <si>
    <t>CRA 90 B 54 I 05 SUR</t>
  </si>
  <si>
    <t>PUNTO DE PAGO- PLATIK - GRAPHIQUE</t>
  </si>
  <si>
    <t>CL 138  55 53 LOCAL 131</t>
  </si>
  <si>
    <t>PUNTO DE PAGO- PLATIK - LA SUPERTIENDA DE LA 58</t>
  </si>
  <si>
    <t>CLL 129  57 41</t>
  </si>
  <si>
    <t>PUNTO DE PAGO- PLATIK - DROGUERIA FARMA SERVIR</t>
  </si>
  <si>
    <t>CR 87I 34A 32 SUR</t>
  </si>
  <si>
    <t>PUNTO DE PAGO- PLATIK - SERCOPIAS RYR</t>
  </si>
  <si>
    <t>CL 129 91A 05</t>
  </si>
  <si>
    <t>PUNTO DE PAGO- PLATIK - LUCY CAROLINA ROMERO AGUDELO</t>
  </si>
  <si>
    <t>CR 92  151  01 ROMI</t>
  </si>
  <si>
    <t>PUNTO DE PAGO- PLATIK - COMUNICACIONES NICOLE B G</t>
  </si>
  <si>
    <t>CL 72 72A 06</t>
  </si>
  <si>
    <t>PUNTO DE PAGO- PLATIK - PAPELERIA COSMOS</t>
  </si>
  <si>
    <t>CRA 94 B 40 05 SUR  PISO 2</t>
  </si>
  <si>
    <t>PUNTO DE PAGO- PLATIK -  PRINCESS MAKEUP</t>
  </si>
  <si>
    <t>CR 111A 78B 18</t>
  </si>
  <si>
    <t>PUNTO DE PAGO- PLATIK - LA NUEVA ERA SUCURSSL GRUPO M</t>
  </si>
  <si>
    <t>AC 72 70 43</t>
  </si>
  <si>
    <t>PUNTO DE PAGO- PLATIK - A.J.M PAPELERIA</t>
  </si>
  <si>
    <t>CL 37 D SUR 3 B 42 ESTE</t>
  </si>
  <si>
    <t>PUNTO DE PAGO- PLATIK - DOÑA ROSA</t>
  </si>
  <si>
    <t>KTO 20 VÍA A QUIBA</t>
  </si>
  <si>
    <t>PUNTO DE PAGO- PLATIK - VARIEDADES TATI</t>
  </si>
  <si>
    <t>CR 9B ESTE 25 63 SUR</t>
  </si>
  <si>
    <t>PUNTO DE PAGO- PLATIK - MISCELANEA DONDE GUSS</t>
  </si>
  <si>
    <t>CL 57 SUR 14 28 ESTE</t>
  </si>
  <si>
    <t>PUNTO DE PAGO- PLATIK - PAPELERIA RIGHTEC</t>
  </si>
  <si>
    <t>KR 70 22 45 MZ D LC 110</t>
  </si>
  <si>
    <t>PUNTO DE PAGO- PLATIK - TIENDAS V.E.C.I</t>
  </si>
  <si>
    <t>CL 48X SUR 05 18</t>
  </si>
  <si>
    <t>PUNTO DE PAGO- PLATIK - MISCELANEA Y PAPELERIA UNIVERSO CREATIVO</t>
  </si>
  <si>
    <t>CL 71 C NO. 110 F   03</t>
  </si>
  <si>
    <t>PUNTO DE PAGO- PLATIK - EDDY MARTIN NAVARRETE ORTIZ</t>
  </si>
  <si>
    <t>CL 166 46 73</t>
  </si>
  <si>
    <t>PUNTO DE PAGO- PLATIK - TIENDA MARKET SANTA BARBARA</t>
  </si>
  <si>
    <t>CL 118 19A 33</t>
  </si>
  <si>
    <t>PUNTO DE PAGO- PLATIK - GERTRU.NET</t>
  </si>
  <si>
    <t>CL 51 16 35</t>
  </si>
  <si>
    <t>PUNTO DE PAGO- PLATIK - PAPELERIA Y VARIEDADES SANYED</t>
  </si>
  <si>
    <t>CR78#78 97S MZ1 INT4</t>
  </si>
  <si>
    <t>PUNTO DE PAGO- PLATIK - MISCELANEA LA 72</t>
  </si>
  <si>
    <t>AV CL 72 110B 21</t>
  </si>
  <si>
    <t>PUNTO DE PAGO- PLATIK - TIENDA LA NUEVA ML</t>
  </si>
  <si>
    <t>CL 42 C SUR  89 C 81</t>
  </si>
  <si>
    <t>PUNTO DE PAGO- PLATIK - INTERLINE COMPANY</t>
  </si>
  <si>
    <t>CR 103 72 05</t>
  </si>
  <si>
    <t>PUNTO DE PAGO- PLATIK - PAPELERIA PLATINUM</t>
  </si>
  <si>
    <t>CLL 63 103 62</t>
  </si>
  <si>
    <t>PUNTO DE PAGO- PLATIK - PAPELERIA ZAJAR</t>
  </si>
  <si>
    <t>CR 33 49B 17 S</t>
  </si>
  <si>
    <t>PUNTO DE PAGO- PLATIK - TIENDA LA DESPENSA</t>
  </si>
  <si>
    <t>AV 1 DE MAYO 10 49 SUR</t>
  </si>
  <si>
    <t>PUNTO DE PAGO- PLATIK - PAPELERIA MILTON</t>
  </si>
  <si>
    <t>CL 51 SUR  80I 06</t>
  </si>
  <si>
    <t>CLL 150 45 35</t>
  </si>
  <si>
    <t>PUNTO DE PAGO- PLATIK - CAFETERIA PUNTO Y CLAVE LA CANNDELARIA</t>
  </si>
  <si>
    <t>CR 6  8 11</t>
  </si>
  <si>
    <t>PUNTO DE PAGO- PLATIK - DROGUERIA FARMACENTER ONTARIO</t>
  </si>
  <si>
    <t>AV CL 72 81A 03</t>
  </si>
  <si>
    <t>PUNTO DE PAGO- PLATIK - SIPAGA PTO VTA TECHO</t>
  </si>
  <si>
    <t>CR 28 11 65 LC114</t>
  </si>
  <si>
    <t>PUNTO DE PAGO- PLATIK - VARIEDADES SANTI AC</t>
  </si>
  <si>
    <t>CR 22 45B 54 LC 103</t>
  </si>
  <si>
    <t>PUNTO DE PAGO- PLATIK - ARTE UNAS JOHANNA 2</t>
  </si>
  <si>
    <t>CLL 47 SUR 80 52</t>
  </si>
  <si>
    <t>PUNTO DE PAGO- PLATIK - DONCE CECIS</t>
  </si>
  <si>
    <t>TRV 9 BIS ESTE 2 07</t>
  </si>
  <si>
    <t>PUNTO DE PAGO- PLATIK - COMERCIALIZADORA UNIVERSO</t>
  </si>
  <si>
    <t>CR 113 23D 16</t>
  </si>
  <si>
    <t>PUNTO DE PAGO- PLATIK - DE TODITO</t>
  </si>
  <si>
    <t>CL 38A S 52 05</t>
  </si>
  <si>
    <t>PUNTO DE PAGO- PLATIK - INTERNET OKLAHOMA</t>
  </si>
  <si>
    <t>CL 135A  108 38</t>
  </si>
  <si>
    <t>PUNTO DE PAGO- PLATIK - KADAC MULTISERVICIOS</t>
  </si>
  <si>
    <t>CL 161A 59 28 CASA 2</t>
  </si>
  <si>
    <t>PUNTO DE PAGO- PLATIK - PAPEL ARTE JYE</t>
  </si>
  <si>
    <t>TV 94L 84 09</t>
  </si>
  <si>
    <t>PUNTO DE PAGO- PLATIK - CIGARRERIA MEGAEXITO</t>
  </si>
  <si>
    <t>CL 142A  128B 90</t>
  </si>
  <si>
    <t>PUNTO DE PAGO- PLATIK - SEGURIDAD SOCIAL FUNPPLYF</t>
  </si>
  <si>
    <t>CR 57A 02 07</t>
  </si>
  <si>
    <t>PUNTO DE PAGO- PLATIK - DORADO DOC</t>
  </si>
  <si>
    <t>CR 72 49A 03</t>
  </si>
  <si>
    <t>PUNTO DE PAGO- PLATIK - DROGUERIA EL CARMEL</t>
  </si>
  <si>
    <t>CRA 54 152A 85 LC 15</t>
  </si>
  <si>
    <t>PUNTO DE PAGO- PLATIK - ACCESORIOS MARY</t>
  </si>
  <si>
    <t>CL 59 A BIS 75 L 40</t>
  </si>
  <si>
    <t>PUNTO DE PAGO- PLATIK - SERVIENTREGA EFECTY</t>
  </si>
  <si>
    <t>CR 33 25 26</t>
  </si>
  <si>
    <t>PUNTO DE PAGO- PLATIK - DROGUERIA Y MINIMARKET FARMA 24</t>
  </si>
  <si>
    <t>CR 9 104A 34</t>
  </si>
  <si>
    <t>PUNTO DE PAGO- PLATIK - VARIEDADES ARCOIRIS</t>
  </si>
  <si>
    <t>CLL79SUR-77L38</t>
  </si>
  <si>
    <t>PUNTO DE PAGO- PLATIK - RBS RACING BIKER SHOP</t>
  </si>
  <si>
    <t>CALLE 82 92 53</t>
  </si>
  <si>
    <t>PUNTO DE PAGO- PLATIK - MUNDO TRAMICARR</t>
  </si>
  <si>
    <t>CL 64G 90A 89</t>
  </si>
  <si>
    <t>PUNTO DE PAGO- PLATIK - SUPERMARKET ST. JUDE</t>
  </si>
  <si>
    <t>CL 169 49B 33</t>
  </si>
  <si>
    <t>PUNTO DE PAGO- PLATIK - GLOBAL SOLUCIONES E &amp; N</t>
  </si>
  <si>
    <t>CL 77A 65A 85</t>
  </si>
  <si>
    <t>PUNTO DE PAGO- PLATIK - CIGARRERIA JC</t>
  </si>
  <si>
    <t>CL 65 SUR 78B 03 L 3</t>
  </si>
  <si>
    <t>PUNTO DE PAGO- PLATIK - NANCY ROCIO PINEDA GARZON</t>
  </si>
  <si>
    <t>CR 73 D 37 29 SUR</t>
  </si>
  <si>
    <t>PUNTO DE PAGO- PLATIK - PAPELERÍA EL BOSQUE</t>
  </si>
  <si>
    <t>CR 89 127 05</t>
  </si>
  <si>
    <t>PUNTO DE PAGO- PLATIK - PTO WELCOME</t>
  </si>
  <si>
    <t>CRA 10 ESTE 27B 75SUR</t>
  </si>
  <si>
    <t>PUNTO DE PAGO- PLATIK - BARQUITOO LARA</t>
  </si>
  <si>
    <t xml:space="preserve">CR 105D 64C 21 </t>
  </si>
  <si>
    <t>PUNTO DE PAGO- PLATIK - SANTIS PAN</t>
  </si>
  <si>
    <t>CL 40 S 78J 17</t>
  </si>
  <si>
    <t>PUNTO DE PAGO- PLATIK - CIGARRERA TIENDA MARKET MARLEY</t>
  </si>
  <si>
    <t>CR 75  23B 57</t>
  </si>
  <si>
    <t>PUNTO DE PAGO- PLATIK - LA EMPRENDEDORA</t>
  </si>
  <si>
    <t>CR 7 ESTE  48A  09  SUR</t>
  </si>
  <si>
    <t>PUNTO DE PAGO- PLATIK - MISCELANEA Y PAPELERIA PILI</t>
  </si>
  <si>
    <t>DG 39 SUR 72F 29</t>
  </si>
  <si>
    <t>PUNTO DE PAGO- PLATIK - PANADERIA DELICIAS DEL TRIGO</t>
  </si>
  <si>
    <t>CR 24  25  41</t>
  </si>
  <si>
    <t>PUNTO DE PAGO- PLATIK - SOLOCIONES BERLIN</t>
  </si>
  <si>
    <t>CALLE 139 136A 11</t>
  </si>
  <si>
    <t>PUNTO DE PAGO- PLATIK - R LUZ DARY VARGAS RINCON</t>
  </si>
  <si>
    <t>CL 58A BIS 37 58</t>
  </si>
  <si>
    <t>PUNTO DE PAGO- PLATIK - SIPAGA JORGE BERRIO</t>
  </si>
  <si>
    <t>CR 100 23F 36 P2</t>
  </si>
  <si>
    <t>PUNTO DE PAGO- PLATIK - MI SALUD M Y M</t>
  </si>
  <si>
    <t>DG 49 SUR 87 09</t>
  </si>
  <si>
    <t>PUNTO DE PAGO- PLATIK - MARKET FAMILIA</t>
  </si>
  <si>
    <t>CL 58 SUR 15A 43 ESTE</t>
  </si>
  <si>
    <t>PUNTO DE PAGO- PLATIK - DETALLES MONITOS</t>
  </si>
  <si>
    <t>CLL 36 SUR 34 F 13</t>
  </si>
  <si>
    <t>PUNTO DE PAGO- PLATIK - AL CESAR LO QUE ES DEL CESAR</t>
  </si>
  <si>
    <t>DIG 68G BIS A SUR 48G 05</t>
  </si>
  <si>
    <t>PUNTO DE PAGO- PLATIK - R JOSE MILTON CUBIDES</t>
  </si>
  <si>
    <t>CR 31 A 6 92</t>
  </si>
  <si>
    <t>PUNTO DE PAGO- PLATIK - CIGARRERIA DONDE WILLY</t>
  </si>
  <si>
    <t>CL 32B S 34 D 05</t>
  </si>
  <si>
    <t>PUNTO DE PAGO- PLATIK - R DHARMA GRAFICO</t>
  </si>
  <si>
    <t>CL 37 13 25</t>
  </si>
  <si>
    <t>PUNTO DE PAGO- PLATIK - DIAZ CEDIEL MARTHA LUCIA</t>
  </si>
  <si>
    <t>CL 77 27 32</t>
  </si>
  <si>
    <t>PUNTO DE PAGO- PLATIK - EL PARADERO 104</t>
  </si>
  <si>
    <t>CR 104 78F 25</t>
  </si>
  <si>
    <t>PUNTO DE PAGO- PLATIK - CIGARRERIA HELEN COMUNICACIONES</t>
  </si>
  <si>
    <t>CR 109 68B 79</t>
  </si>
  <si>
    <t>PUNTO DE PAGO- PLATIK - PANALERA PANDITA</t>
  </si>
  <si>
    <t>TV 79D 73 21 SUR</t>
  </si>
  <si>
    <t>PUNTO DE PAGO- PLATIK - CENTRO DE PAGOS Y SERVICIOS DIE</t>
  </si>
  <si>
    <t>CL 35 S 93 82</t>
  </si>
  <si>
    <t>PUNTO DE PAGO- PLATIK - JARRINET.COM</t>
  </si>
  <si>
    <t>CR 135 16 16</t>
  </si>
  <si>
    <t>PUNTO DE PAGO- PLATIK - CYBERMATE</t>
  </si>
  <si>
    <t>CRA 64 65 19 S</t>
  </si>
  <si>
    <t>PUNTO DE PAGO- PLATIK - EDITH YURANY MARTINEZ AYA</t>
  </si>
  <si>
    <t>CL 81 SUR 18D 96</t>
  </si>
  <si>
    <t>PUNTO DE PAGO- PLATIK - ZONA TE</t>
  </si>
  <si>
    <t>CLL72 70 35 CC LG7</t>
  </si>
  <si>
    <t>PUNTO DE PAGO- PLATIK - FELIPE RODRIGUEZ RYR</t>
  </si>
  <si>
    <t>CL 48Q BIS S 1  69</t>
  </si>
  <si>
    <t>PUNTO DE PAGO- PLATIK - @CELCENTER</t>
  </si>
  <si>
    <t>CRA 90 69A 90</t>
  </si>
  <si>
    <t>PUNTO DE PAGO- PLATIK - TIENDA DE COLORES</t>
  </si>
  <si>
    <t>CALLE 80 69K 73</t>
  </si>
  <si>
    <t>PUNTO DE PAGO- PLATIK - JENNIFER YERITZA PARRA</t>
  </si>
  <si>
    <t>CL 51 SUR 12B 39</t>
  </si>
  <si>
    <t>PUNTO DE PAGO- PLATIK - CABINAS CANO</t>
  </si>
  <si>
    <t>AV 19 25 02</t>
  </si>
  <si>
    <t>PUNTO DE PAGO- PLATIK - PANADERIA Y CAFETERIA RICO PAN EYA</t>
  </si>
  <si>
    <t>CR 74 163 74 LOC 5</t>
  </si>
  <si>
    <t>PUNTO DE PAGO- PLATIK - FERREVIDRIOS LA ESQUINA</t>
  </si>
  <si>
    <t>CR 12J 33A 59 S</t>
  </si>
  <si>
    <t>PUNTO DE PAGO- PLATIK - VARIEDADES EMANUEL</t>
  </si>
  <si>
    <t>CR 24C ESTE 14A 14 SUR</t>
  </si>
  <si>
    <t>PUNTO DE PAGO- PLATIK - MIS ENANOS PAPELERIA MISCELANEA RECARGAS Y ALGO MAS</t>
  </si>
  <si>
    <t>CR 6 15 84 S LC 5</t>
  </si>
  <si>
    <t>PUNTO DE PAGO- PLATIK - EL MUNDO DE LAS COMUNICACIONES</t>
  </si>
  <si>
    <t>CR 79  49C 14 SUR</t>
  </si>
  <si>
    <t>PUNTO DE PAGO- PLATIK - SIPAGA LAURA MARTIN</t>
  </si>
  <si>
    <t>CR. 8 SUR 68 51</t>
  </si>
  <si>
    <t>PUNTO DE PAGO- PLATIK - DROGUERIA MAS SALUD PARA TODOS 2</t>
  </si>
  <si>
    <t>CL 1  4 38</t>
  </si>
  <si>
    <t>PUNTO DE PAGO- PLATIK - SUPERSERVIYA II</t>
  </si>
  <si>
    <t>CL 35 35 27 TORRE 13 APTO 301</t>
  </si>
  <si>
    <t>PUNTO DE PAGO- PLATIK - VARIEDADES MOVIL</t>
  </si>
  <si>
    <t>CR 18A 162 65</t>
  </si>
  <si>
    <t>PUNTO DE PAGO- PLATIK - MISCELANEA Y PAPELERIA FAMILIA DE COLORES</t>
  </si>
  <si>
    <t>CRA 87L BIS 59C 47 S</t>
  </si>
  <si>
    <t>PUNTO DE PAGO- PLATIK - MANUFACTURAS KAIROS DIMAI</t>
  </si>
  <si>
    <t>CL 9 9 69</t>
  </si>
  <si>
    <t>PUNTO DE PAGO- PLATIK - PAPELERIA</t>
  </si>
  <si>
    <t>CARRERA 69 61 69</t>
  </si>
  <si>
    <t>PUNTO DE PAGO- PLATIK - MISCELANEA PAPELERIA VARIEDADES EL BUEN SAMARITANO</t>
  </si>
  <si>
    <t>CALL 169 51 07</t>
  </si>
  <si>
    <t>PUNTO DE PAGO- PLATIK - VARIEDADES ANY</t>
  </si>
  <si>
    <t>CL 64C 69F 36</t>
  </si>
  <si>
    <t>PUNTO DE PAGO- PLATIK - PAPILOS MISCELANEA Y PAPELERIA OSCAR PENA</t>
  </si>
  <si>
    <t>CR 86A 90 09</t>
  </si>
  <si>
    <t>PUNTO DE PAGO- PLATIK - SERVICIO INTEGRAL FARMACEUTICO</t>
  </si>
  <si>
    <t>CR 18 10 B 06 SUR</t>
  </si>
  <si>
    <t>PUNTO DE PAGO- PLATIK - CALCOMANIAS LEO</t>
  </si>
  <si>
    <t>CRA78C 72C 29</t>
  </si>
  <si>
    <t>PUNTO DE PAGO- PLATIK - SXLAR</t>
  </si>
  <si>
    <t>CR 70 BIS 72 26 L 1</t>
  </si>
  <si>
    <t>PUNTO DE PAGO- PLATIK - LA NUBE SERVICIOS Y PAPELERIA</t>
  </si>
  <si>
    <t>CL 165 48 85</t>
  </si>
  <si>
    <t>PUNTO DE PAGO- PLATIK - PAPELERIA Y MISCELANEA LOS MINIONS</t>
  </si>
  <si>
    <t>DG 49A 52C 24 S</t>
  </si>
  <si>
    <t>PUNTO DE PAGO- PLATIK - LA DIVERTIENDA DE SHARAY</t>
  </si>
  <si>
    <t>CR 23 46A 15 SUR LC 2</t>
  </si>
  <si>
    <t>PUNTO DE PAGO- PLATIK - CIGARRERIA EL ROLO</t>
  </si>
  <si>
    <t>CL 48X S 5A  09</t>
  </si>
  <si>
    <t>PUNTO DE PAGO- PLATIK - TIENDA MARKET COLINA</t>
  </si>
  <si>
    <t>CR 58C 145 54</t>
  </si>
  <si>
    <t>PUNTO DE PAGO- PLATIK - DROGUERIA PHARMA AHORRO PLUS</t>
  </si>
  <si>
    <t>CRA 72F BIS 39D 12 S</t>
  </si>
  <si>
    <t>PUNTO DE PAGO- PLATIK - DROGUERIA GRAN DESCUENTOS</t>
  </si>
  <si>
    <t>CL 15 02 03 ESTE SOACHA</t>
  </si>
  <si>
    <t>PUNTO DE PAGO- PLATIK - CELU VANS LIMITADA</t>
  </si>
  <si>
    <t>CRA 80 J 73 A 06 SUR</t>
  </si>
  <si>
    <t>PUNTO DE PAGO- PLATIK - VARIEDADES CRYLUMIS</t>
  </si>
  <si>
    <t>CL 127 119A 27 LOCAL2</t>
  </si>
  <si>
    <t>PUNTO DE PAGO- PLATIK - PAPELERIA NELSON</t>
  </si>
  <si>
    <t>CL144C 141A 82 BLQ5 C1</t>
  </si>
  <si>
    <t>PUNTO DE PAGO- PLATIK - INTER RAPIDISIMO PLAZA</t>
  </si>
  <si>
    <t>CRA.70C 80 48 L 1</t>
  </si>
  <si>
    <t>PUNTO DE PAGO- PLATIK - SIPAGA BOSA 01</t>
  </si>
  <si>
    <t>CL 65F SUR 78C 15</t>
  </si>
  <si>
    <t>PUNTO DE PAGO- PLATIK - MISCELÁNEA LA CUMBRE CRA 18</t>
  </si>
  <si>
    <t>TV 18H 78C 90 SUR</t>
  </si>
  <si>
    <t>PUNTO DE PAGO- PLATIK - LENCERIA MENCHO</t>
  </si>
  <si>
    <t>CR 69 73 27</t>
  </si>
  <si>
    <t>PUNTO DE PAGO- PLATIK - LOCAL TAT PAGATODO</t>
  </si>
  <si>
    <t>DG 43A SUR 29 73</t>
  </si>
  <si>
    <t>PUNTO DE PAGO- PLATIK - ASESORIAS LEGALES ALV S.A.S</t>
  </si>
  <si>
    <t>CL 24 BIS  48 61</t>
  </si>
  <si>
    <t>PUNTO DE PAGO- PLATIK - PAPELERIA Y MISCELANEA AULA ESCOLAR</t>
  </si>
  <si>
    <t>CL 5 A 71 G 30 LC 7</t>
  </si>
  <si>
    <t>PUNTO DE PAGO- PLATIK - SOLUCIONADOS</t>
  </si>
  <si>
    <t>CRA 106 131A 30</t>
  </si>
  <si>
    <t>PUNTO DE PAGO- PLATIK - GABRIEL CORTES CASTANO</t>
  </si>
  <si>
    <t>CL 151 C 107 10</t>
  </si>
  <si>
    <t>PUNTO DE PAGO- PLATIK - TUGUIMERCADOS</t>
  </si>
  <si>
    <t>CRA 75A 69A 48</t>
  </si>
  <si>
    <t>PUNTO DE PAGO- PLATIK - LOS ANGELES LAUNDRY</t>
  </si>
  <si>
    <t>CR 99 68A 42</t>
  </si>
  <si>
    <t>PUNTO DE PAGO- PLATIK - HAYDEE YANID MENDOZA GONZALEZ</t>
  </si>
  <si>
    <t>CR 48  176 29</t>
  </si>
  <si>
    <t>PUNTO DE PAGO- PLATIK - MISCELANEA Y PAPELERIA  EL TRIUNFO</t>
  </si>
  <si>
    <t>CL 51 C 80 I 02</t>
  </si>
  <si>
    <t>PUNTO DE PAGO- PLATIK - R MARIA ASTRID HERRERA HUERTAS</t>
  </si>
  <si>
    <t>CR 84 77 25</t>
  </si>
  <si>
    <t>PUNTO DE PAGO- PLATIK - ANGLO. COM</t>
  </si>
  <si>
    <t>CRA 88C 49C 22 SUR</t>
  </si>
  <si>
    <t>PUNTO DE PAGO- PLATIK - R TUCELLKD</t>
  </si>
  <si>
    <t>CRA 100B 76B 27</t>
  </si>
  <si>
    <t>PUNTO DE PAGO- PLATIK - SERVIFARMA SALUD Y BIENESTAR</t>
  </si>
  <si>
    <t>CL  74 BIS  83 04</t>
  </si>
  <si>
    <t>PUNTO DE PAGO- PLATIK - VARIEDADES ABEDUL</t>
  </si>
  <si>
    <t>CR 32 13 226</t>
  </si>
  <si>
    <t>PUNTO DE PAGO- PLATIK - TRIPLEDOBLEU CAFE-COMUNICACIONES</t>
  </si>
  <si>
    <t>TV 78N BIS SUR 51  34 P1</t>
  </si>
  <si>
    <t>PUNTO DE PAGO- PLATIK - INTERNET CALLS HEARD</t>
  </si>
  <si>
    <t>CL 69D SUR 45C 10</t>
  </si>
  <si>
    <t>PUNTO DE PAGO- PLATIK - MISCELÁNEA LA HORMIGUITA</t>
  </si>
  <si>
    <t>CR 60 3 25 L 16</t>
  </si>
  <si>
    <t>PUNTO DE PAGO- PLATIK - DROGUERIA  FARMACENTREE</t>
  </si>
  <si>
    <t>CR 16 G 27 08 SUR</t>
  </si>
  <si>
    <t>PUNTO DE PAGO- PLATIK - DROGUERÍA MONSERRAT</t>
  </si>
  <si>
    <t>CRA 36  17 293 L 101</t>
  </si>
  <si>
    <t>PUNTO DE PAGO- PLATIK - INNOVATEC GV</t>
  </si>
  <si>
    <t>CL 63A SUR 70G  68</t>
  </si>
  <si>
    <t>PUNTO DE PAGO- PLATIK - ONE EASY STOP</t>
  </si>
  <si>
    <t>CL 15 112 09 LC 8 IN 2</t>
  </si>
  <si>
    <t>PUNTO DE PAGO- PLATIK - DROGUERIA BOSQUES DEL RECREO</t>
  </si>
  <si>
    <t>CR 100A  73  90 S</t>
  </si>
  <si>
    <t>PUNTO DE PAGO- PLATIK - CABINAS HBAT</t>
  </si>
  <si>
    <t>DG 45 S 24B 17</t>
  </si>
  <si>
    <t>PUNTO DE PAGO- PLATIK - MENSAJERIA TATIANITA</t>
  </si>
  <si>
    <t>CR 81H 46 08 SUR</t>
  </si>
  <si>
    <t>PUNTO DE PAGO- PLATIK - R KELLY JOHANA LARA GUERRERO</t>
  </si>
  <si>
    <t>CR 2 ESTE 31B 19 SUR</t>
  </si>
  <si>
    <t>PUNTO DE PAGO- PLATIK - LA CAJA DE PANDORA</t>
  </si>
  <si>
    <t>KR 102 77B 75</t>
  </si>
  <si>
    <t>PUNTO DE PAGO- PLATIK - SURTIFRUVER  PARQUES DE PRIMAVERA</t>
  </si>
  <si>
    <t>CL4B 39B-90 T3 A101</t>
  </si>
  <si>
    <t>PUNTO DE PAGO- PLATIK - VARIEDADES DANY</t>
  </si>
  <si>
    <t>CR 23C 32A 67 SUR</t>
  </si>
  <si>
    <t>PUNTO DE PAGO- PLATIK - DULCERIA XIAN</t>
  </si>
  <si>
    <t>CL 195 21 30</t>
  </si>
  <si>
    <t>PUNTO DE PAGO- PLATIK - BELLEZA Y MAS</t>
  </si>
  <si>
    <t>CR 87J 78 27 SUR</t>
  </si>
  <si>
    <t>PUNTO DE PAGO- PLATIK - LA BARAKA DE DAVID</t>
  </si>
  <si>
    <t>CL 152B 106B 52 L2</t>
  </si>
  <si>
    <t>PUNTO DE PAGO- PLATIK - R MERCEDES RODRIGUEZ TORRES</t>
  </si>
  <si>
    <t>CR 41 1G 39</t>
  </si>
  <si>
    <t>PUNTO DE PAGO- PLATIK - VARIEDADES PATYMAO</t>
  </si>
  <si>
    <t>CL 29 SUR 27 76</t>
  </si>
  <si>
    <t>FUSAGASUGÁ</t>
  </si>
  <si>
    <t>PUNTO DE PAGO- PLATIK - TERMINAL DE TRANSPORTES DE FUSAGASUGA</t>
  </si>
  <si>
    <t>TV 27 3 49</t>
  </si>
  <si>
    <t>PUNTO DE PAGO- PLATIK - PAPELERIA MALU</t>
  </si>
  <si>
    <t>CL 67 A BIS B SUR 5 59</t>
  </si>
  <si>
    <t>PUNTO DE PAGO- PLATIK - REDES DE GESTION SAS</t>
  </si>
  <si>
    <t>CL 13 42A 79</t>
  </si>
  <si>
    <t>PUNTO DE PAGO- PLATIK - PANALERA BABY SHAWER</t>
  </si>
  <si>
    <t>CR 18F  93 10 S</t>
  </si>
  <si>
    <t>PUNTO DE PAGO- PLATIK - CAFÉ INTERNET DAMI</t>
  </si>
  <si>
    <t>CLL 73A SUR 18B 14</t>
  </si>
  <si>
    <t>PUNTO DE PAGO- PLATIK - PAPELERIA Y MISCELANEA LIMAFER</t>
  </si>
  <si>
    <t>CL 65 SUR  102 51 CS 11</t>
  </si>
  <si>
    <t>PUNTO DE PAGO- PLATIK - PUNTO PAGO CAMPO HERRERA</t>
  </si>
  <si>
    <t>K 94B 56F 27S</t>
  </si>
  <si>
    <t>PUNTO DE PAGO- PLATIK - JAIRO MARTIN</t>
  </si>
  <si>
    <t>CARRERA 69 B 19-16 SUR</t>
  </si>
  <si>
    <t>PUNTO DE PAGO- PLATIK - CLAUDIA LOPEZ CASTELLANOS</t>
  </si>
  <si>
    <t>CR 7 32 35 LC 109</t>
  </si>
  <si>
    <t>PUNTO DE PAGO- PLATIK - TIENDA FLORECITA</t>
  </si>
  <si>
    <t>CL 34 28 19</t>
  </si>
  <si>
    <t>PUNTO DE PAGO- PLATIK - PRINTER OWL</t>
  </si>
  <si>
    <t>CR 5 22A 07 SUR</t>
  </si>
  <si>
    <t>PUNTO DE PAGO- PLATIK - CIGARRERIA BLV</t>
  </si>
  <si>
    <t>CL 88 95F 27 INT 102</t>
  </si>
  <si>
    <t>PUNTO DE PAGO- PLATIK - EFECTY NUEVA DELY</t>
  </si>
  <si>
    <t>CL 60D S 13A ESTE 28</t>
  </si>
  <si>
    <t>PUNTO DE PAGO- PLATIK - LADY ANDREA ROMERO VILLALOBOS</t>
  </si>
  <si>
    <t>CL34ASUR 89C 47</t>
  </si>
  <si>
    <t>PUNTO DE PAGO- PLATIK - DISTRIBUIDORA ROMA</t>
  </si>
  <si>
    <t>TV 106 74 A 37</t>
  </si>
  <si>
    <t>PUNTO DE PAGO- PLATIK - LICORERIA LA PANDEMIA</t>
  </si>
  <si>
    <t>CLL 76B 120A 27</t>
  </si>
  <si>
    <t>PUNTO DE PAGO- PLATIK - CIGARRERIA MOE</t>
  </si>
  <si>
    <t>CR  27F  71K   03 SUR</t>
  </si>
  <si>
    <t>PUNTO DE PAGO- PLATIK - G.NET CR</t>
  </si>
  <si>
    <t>CR 84  51A 07 S</t>
  </si>
  <si>
    <t>PUNTO DE PAGO- PLATIK - DTODITO R.J</t>
  </si>
  <si>
    <t>DG 30 S 5 08</t>
  </si>
  <si>
    <t>PUNTO DE PAGO- PLATIK - CIGARRERIA DONDE SAMI</t>
  </si>
  <si>
    <t>CR 98A 62A 27 SUR</t>
  </si>
  <si>
    <t>PUNTO DE PAGO- PLATIK - DROGUERIA CITYPHARMA</t>
  </si>
  <si>
    <t>CR 2 ESTE 06 51 SUR</t>
  </si>
  <si>
    <t>PUNTO DE PAGO- PLATIK - HACIENDA FLORAL</t>
  </si>
  <si>
    <t>CLL 180 11 20 LC 7</t>
  </si>
  <si>
    <t>PUNTO DE PAGO- PLATIK - LA CAJA MAGICA</t>
  </si>
  <si>
    <t>CRA 68B 22A 71 LC 2</t>
  </si>
  <si>
    <t>PUNTO DE PAGO- PLATIK - VARIEDADES LA ESTRELLA DE DAVID 2</t>
  </si>
  <si>
    <t>CRA 84A 75 BIS 09</t>
  </si>
  <si>
    <t>PUNTO DE PAGO- PLATIK - MISCELÁNEA PAPELERÍA LOS PIOLINES</t>
  </si>
  <si>
    <t>CRA 15A 8 43</t>
  </si>
  <si>
    <t>PUNTO DE PAGO- PLATIK - MINUTOS  FOTOCOPIAS</t>
  </si>
  <si>
    <t>CR 23F 48 86 SUR</t>
  </si>
  <si>
    <t>FUNZA</t>
  </si>
  <si>
    <t>PUNTO DE PAGO- PLATIK - RFABIAN ANDRES AQUITE</t>
  </si>
  <si>
    <t>CL 18 11B 08</t>
  </si>
  <si>
    <t>PUNTO DE PAGO- PLATIK - PAPELERIA Y VARIEDADES MUNDO CREATIVO</t>
  </si>
  <si>
    <t>CL 146 81B 26</t>
  </si>
  <si>
    <t>PUNTO DE PAGO- PLATIK - MERK - EXPRESS</t>
  </si>
  <si>
    <t>CL 22 BIS 48 34 L1</t>
  </si>
  <si>
    <t>PUNTO DE PAGO- PLATIK - POMPEY COMUNICACIONES</t>
  </si>
  <si>
    <t>AV CL80 93 18</t>
  </si>
  <si>
    <t>PUNTO DE PAGO- PLATIK - LA CASA DE BELLEZA INGRID</t>
  </si>
  <si>
    <t>CL 47 S  9 53</t>
  </si>
  <si>
    <t>PUNTO DE PAGO- PLATIK - PAPELERIA EL LUCERO</t>
  </si>
  <si>
    <t>CR 17 M SUR 69 05</t>
  </si>
  <si>
    <t>PUNTO DE PAGO- PLATIK - VIDEO TIENDA ORION</t>
  </si>
  <si>
    <t>CL 64 S 91 59</t>
  </si>
  <si>
    <t>PUNTO DE PAGO- PLATIK - DROGUERIAS Y MARKETING MONSERRAT</t>
  </si>
  <si>
    <t>CLL 30 3 112 SAN MATEO</t>
  </si>
  <si>
    <t>PUNTO DE PAGO- PLATIK - CIGARRERIA CAFETERIA Y DULCERIA LOS CATIRES</t>
  </si>
  <si>
    <t>CR 13 24 17</t>
  </si>
  <si>
    <t>PUNTO DE PAGO- PLATIK - CONEXIÓN COMUNICACIONES</t>
  </si>
  <si>
    <t>CL 1F 29 12</t>
  </si>
  <si>
    <t>PUNTO DE PAGO- PLATIK - PAELERIA Y VARIEDADES DISEB</t>
  </si>
  <si>
    <t>CR 7  25 35 SUR</t>
  </si>
  <si>
    <t>PUNTO DE PAGO- PLATIK - MARIA CLARA DEL SOCORRO RAMON</t>
  </si>
  <si>
    <t>CL 74 62 73</t>
  </si>
  <si>
    <t>PUNTO DE PAGO- PLATIK - MISCELANEA Y PAPELERIA CHAVELA</t>
  </si>
  <si>
    <t>CR 78F 58M 42 SUR</t>
  </si>
  <si>
    <t>PUNTO DE PAGO- PLATIK - MISCELANEA LA ESQUINA</t>
  </si>
  <si>
    <t>CL 70 SUR 18G 04</t>
  </si>
  <si>
    <t>PUNTO DE PAGO- PLATIK - ZONA ACTIVA TE CONECTA</t>
  </si>
  <si>
    <t>CR 24 51 08</t>
  </si>
  <si>
    <t>PUNTO DE PAGO- PLATIK - COMUNICACIONES DWAYN</t>
  </si>
  <si>
    <t>CLL 167 65 63</t>
  </si>
  <si>
    <t>PUNTO DE PAGO- PLATIK - FARMA S.O.S. DROGUERÍA</t>
  </si>
  <si>
    <t>CR 56 159 81</t>
  </si>
  <si>
    <t>PUNTO DE PAGO- PLATIK - ZENAIDA MARIN ENRIQUEZ</t>
  </si>
  <si>
    <t>CL 14 24 04</t>
  </si>
  <si>
    <t>PUNTO DE PAGO- PLATIK - ACCESORIOS Y PAPELERIA MAYI</t>
  </si>
  <si>
    <t>CL 71P SUR 27B 22</t>
  </si>
  <si>
    <t>PUNTO DE PAGO- PLATIK - PAGOS AL MINUTO</t>
  </si>
  <si>
    <t>DG83  75 27</t>
  </si>
  <si>
    <t>PUNTO DE PAGO- PLATIK - PAPELERIA EINTERNETEVACOM 2</t>
  </si>
  <si>
    <t>CR 123 14B 46</t>
  </si>
  <si>
    <t>PUNTO DE PAGO- PLATIK - COMERCIALIZADORA BIZTATO</t>
  </si>
  <si>
    <t>CL 143 A  128  51</t>
  </si>
  <si>
    <t>PUNTO DE PAGO- PLATIK - SIPAGA PTO VENTA ABASTOS</t>
  </si>
  <si>
    <t>CL 6 1 77 OFI 202</t>
  </si>
  <si>
    <t>PUNTO DE PAGO- PLATIK - LATINOAMERICA</t>
  </si>
  <si>
    <t>CR 18  78 40 OF 601</t>
  </si>
  <si>
    <t>PUNTO DE PAGO- PLATIK - MULTISERVICIOS JIREH</t>
  </si>
  <si>
    <t>KR 15 31 05 SUR</t>
  </si>
  <si>
    <t>PUNTO DE PAGO- PLATIK - SIPAGA LOCALCENTRO 01</t>
  </si>
  <si>
    <t>CR 10 23 40</t>
  </si>
  <si>
    <t>PUNTO DE PAGO- PLATIK - SIPAGA DIANA AROLLAVE</t>
  </si>
  <si>
    <t>CR 76G 90 14</t>
  </si>
  <si>
    <t>PUNTO DE PAGO- PLATIK - INTERNET GARIUZ</t>
  </si>
  <si>
    <t>KM 20 VIA QUIBA CASA 8</t>
  </si>
  <si>
    <t>PUNTO DE PAGO- PLATIK - DROGUERIAS HEALTH FM</t>
  </si>
  <si>
    <t>AK 19 148 13</t>
  </si>
  <si>
    <t>PUNTO DE PAGO- PLATIK - COGUA PAPELERIA DAYLU</t>
  </si>
  <si>
    <t>CR 12 NO 71  - 55</t>
  </si>
  <si>
    <t>PUNTO DE PAGO- PLATIK - SIPAGA  MADELENA</t>
  </si>
  <si>
    <t>PUNTO DE PAGO- PLATIK - PAPELERIA VARIEDADES SALOME</t>
  </si>
  <si>
    <t>AK 45  183A 86 LC 67</t>
  </si>
  <si>
    <t>PUNTO DE PAGO- PLATIK - COGUA SERVICIOS LYH</t>
  </si>
  <si>
    <t>TV 87C 58D 04 SUR</t>
  </si>
  <si>
    <t>PUNTO DE PAGO- PLATIK - PAPELERIA Y MISCELANEA HADAS CREATIVAS</t>
  </si>
  <si>
    <t>CR 21 195 41 LC F1</t>
  </si>
  <si>
    <t>GACHANCIPÁ</t>
  </si>
  <si>
    <t>PUNTO DE PAGO- PLATIK - PAPELERÍA ACUARIO 2</t>
  </si>
  <si>
    <t>CR 5 3 93</t>
  </si>
  <si>
    <t>PUNTO DE PAGO- PLATIK - ANA MAGDALENA ARDILA AGUDELO</t>
  </si>
  <si>
    <t>AC CALI 17 10</t>
  </si>
  <si>
    <t>PUNTO DE PAGO- PLATIK - RECAUDO BOGOTA SAS</t>
  </si>
  <si>
    <t>CL 72A 22 07</t>
  </si>
  <si>
    <t>PUNTO DE PAGO- PLATIK - MISCELANEA MYS</t>
  </si>
  <si>
    <t>CRA 25 47 A 31 SUR</t>
  </si>
  <si>
    <t>PUNTO DE PAGO- PLATIK - MISCELANEA PINGUINITOS</t>
  </si>
  <si>
    <t>AK 50 1 42</t>
  </si>
  <si>
    <t>PUNTO DE PAGO- PLATIK - R PAPELERIA EL PINAR</t>
  </si>
  <si>
    <t>CL 147 7B 17</t>
  </si>
  <si>
    <t>PUNTO DE PAGO- PLATIK - VARIEDADES DONDE SOFI</t>
  </si>
  <si>
    <t>CL 57 Z SUR  75 D 67</t>
  </si>
  <si>
    <t>PUNTO DE PAGO- PLATIK - SIPAGA PTO SAN CRISTOBAL</t>
  </si>
  <si>
    <t>CR 8 D 162 54 LOCAL.1</t>
  </si>
  <si>
    <t>PUNTO DE PAGO- PLATIK - TIENDA HD</t>
  </si>
  <si>
    <t>KR 78  3A 11</t>
  </si>
  <si>
    <t>PUNTO DE PAGO- PLATIK - CASA TODO MARLEN</t>
  </si>
  <si>
    <t>CR 13  140 21</t>
  </si>
  <si>
    <t>PUNTO DE PAGO- PLATIK - SALSAMENTARIA SAN JOSE</t>
  </si>
  <si>
    <t>CR 70B 2A 06</t>
  </si>
  <si>
    <t>PUNTO DE PAGO- PLATIK - MISCELANEA LA SERAFINA</t>
  </si>
  <si>
    <t>CL 30 C  5 A  03</t>
  </si>
  <si>
    <t>PUNTO DE PAGO- PLATIK - CIGARRERIA MIREYA</t>
  </si>
  <si>
    <t>CRR 107 B 132 44</t>
  </si>
  <si>
    <t>PUNTO DE PAGO- PLATIK - DROGUERIA MAXIDESCUENTOS 81</t>
  </si>
  <si>
    <t>CR 81 63 05 SUR</t>
  </si>
  <si>
    <t>PUNTO DE PAGO- PLATIK - DIANA CAROLINA PEÑA PALOMO</t>
  </si>
  <si>
    <t>CR 86 13B 80 LC6</t>
  </si>
  <si>
    <t>PUNTO DE PAGO- PLATIK - DROGUERIA PROMEDIC ARGELIA</t>
  </si>
  <si>
    <t>CL 63 SUR  81D 16</t>
  </si>
  <si>
    <t>PUNTO DE PAGO- PLATIK - MISCELANEA JULIAN</t>
  </si>
  <si>
    <t>DG 62SUR 20A 42</t>
  </si>
  <si>
    <t>PUNTO DE PAGO- PLATIK - AUTOS DE CONDUCIR 2</t>
  </si>
  <si>
    <t>CR 15 6A 07</t>
  </si>
  <si>
    <t>PUNTO DE PAGO- PLATIK - PAPELERIA Y ACCESORIOS J.A</t>
  </si>
  <si>
    <t>CL 59 SUR 100 A 04</t>
  </si>
  <si>
    <t>PUNTO DE PAGO- PLATIK - PAPELERIA JUDICIAL</t>
  </si>
  <si>
    <t>CL.42 G SUR  74 A  55 L 3</t>
  </si>
  <si>
    <t>PUNTO DE PAGO- PLATIK - INFINITUMCOVA</t>
  </si>
  <si>
    <t>CR 99A 42F 53 SUR</t>
  </si>
  <si>
    <t>PUNTO DE PAGO- PLATIK - DROGUERIA COLPORVENIR</t>
  </si>
  <si>
    <t>CR 3 27 04</t>
  </si>
  <si>
    <t>PUNTO DE PAGO- PLATIK - HSE COLOMBIA SAS</t>
  </si>
  <si>
    <t>CL 80A  S 01 ES 62</t>
  </si>
  <si>
    <t>AK 19 136A 14</t>
  </si>
  <si>
    <t>PUNTO DE PAGO- PLATIK - DIAMANTE DEL SOL</t>
  </si>
  <si>
    <t>DG 150 141 A 85</t>
  </si>
  <si>
    <t>AK 19 136A 34</t>
  </si>
  <si>
    <t>PUNTO DE PAGO- PLATIK - DROGUERIA CARIMAGUA CH</t>
  </si>
  <si>
    <t>KRA 78 P 42 04 SUR</t>
  </si>
  <si>
    <t>PUNTO DE PAGO- PLATIK - R DAVID MELO BURBANO</t>
  </si>
  <si>
    <t>CR 75 25C 21</t>
  </si>
  <si>
    <t>PUNTO DE PAGO- PLATIK - DROGUERIA  BIOMEDICAPS</t>
  </si>
  <si>
    <t>CR 69H 80 40 LOCAL 8</t>
  </si>
  <si>
    <t>PUNTO DE PAGO- PLATIK - PAPELERIA Y MISCELANEA J Y S</t>
  </si>
  <si>
    <t>CL 42B 72H 55 SUR</t>
  </si>
  <si>
    <t>PUNTO DE PAGO- PLATIK - PAPELERIA HIGH CLASS</t>
  </si>
  <si>
    <t>CR 7 A 127 33</t>
  </si>
  <si>
    <t>PUNTO DE PAGO- PLATIK - CAFE INTERNET NAOM</t>
  </si>
  <si>
    <t>CL 75 94 08</t>
  </si>
  <si>
    <t>MADRID</t>
  </si>
  <si>
    <t>PUNTO DE PAGO- PLATIK - VARIEDADES MANGEL</t>
  </si>
  <si>
    <t>CR 22 5-45 L 1</t>
  </si>
  <si>
    <t>PUNTO DE PAGO- PLATIK - EDWIN ALEXADER FORERO PIZA</t>
  </si>
  <si>
    <t>CR 98 17 53</t>
  </si>
  <si>
    <t>CL 147 7 70 MODULO 1</t>
  </si>
  <si>
    <t>PUNTO DE PAGO- PLATIK - DETALLES Y SORPRESAS HELLY</t>
  </si>
  <si>
    <t>CLL 14 SUR 18A 30</t>
  </si>
  <si>
    <t>PUNTO DE PAGO- PLATIK - MULTISERVICIOS EL CARVAJAL</t>
  </si>
  <si>
    <t>AV 1 DE MAYO 69B 22 SUR</t>
  </si>
  <si>
    <t>PUNTO DE PAGO- PLATIK - COMUNICACIONES MAJUALE</t>
  </si>
  <si>
    <t>TRV 40 69 I 80 SUR</t>
  </si>
  <si>
    <t>PUNTO DE PAGO- PLATIK - XTREME</t>
  </si>
  <si>
    <t>KR.93 B CL 34 BIS SUR</t>
  </si>
  <si>
    <t>PUNTO DE PAGO- PLATIK - R MISCELANEA Y PAPELERIA Y DECORACION LA 6</t>
  </si>
  <si>
    <t>CR 6  14 31</t>
  </si>
  <si>
    <t>CL 142 13 23</t>
  </si>
  <si>
    <t>PUNTO DE PAGO- PLATIK - DROGUERIA SAN MARTIN PLUS N1</t>
  </si>
  <si>
    <t>CR 9 24 18</t>
  </si>
  <si>
    <t>PUNTO DE PAGO- PLATIK - COMUNICARED</t>
  </si>
  <si>
    <t>TV 77  84A 23</t>
  </si>
  <si>
    <t>PUNTO DE PAGO- PLATIK - USATEL COMUNICACIONES</t>
  </si>
  <si>
    <t>CR 82  23D  12</t>
  </si>
  <si>
    <t>PUNTO DE PAGO- PLATIK - KITTSUNE SAS</t>
  </si>
  <si>
    <t>CL 28 S 13K 21</t>
  </si>
  <si>
    <t>PUNTO DE PAGO- PLATIK - PAPELERIA MULTISERVICIOS</t>
  </si>
  <si>
    <t>CL 72C 110D 20</t>
  </si>
  <si>
    <t>PUNTO DE PAGO- PLATIK - MULTISERVICIOS HG</t>
  </si>
  <si>
    <t>AV BOYACA39B 15SURL2</t>
  </si>
  <si>
    <t>PUNTO DE PAGO- PLATIK - PAPELERIA Y MICELANEA JANNA</t>
  </si>
  <si>
    <t>CL 40 I SUR  74 07</t>
  </si>
  <si>
    <t>PUNTO DE PAGO- PLATIK - COMUNICACIONES SYD</t>
  </si>
  <si>
    <t>CR 3 ESTE 22C 57 S</t>
  </si>
  <si>
    <t>PUNTO DE PAGO- PLATIK - PAPELERIA Y MISCELANEA TOMMY</t>
  </si>
  <si>
    <t>CRA 100 16 H 10</t>
  </si>
  <si>
    <t>PUNTO DE PAGO- PLATIK - TELECOMUNICACIONES Y ALTA  TECNOLOGIA</t>
  </si>
  <si>
    <t>CL 38 SUR 87 10 LC1</t>
  </si>
  <si>
    <t>PUNTO DE PAGO- PLATIK - CIGARRERIA EMISOF</t>
  </si>
  <si>
    <t>CALLE 55 SUR 19 17</t>
  </si>
  <si>
    <t>PUNTO DE PAGO- PLATIK - DROGUERIA HEALT</t>
  </si>
  <si>
    <t>CR 80J  74A 63 SUR</t>
  </si>
  <si>
    <t>PUNTO DE PAGO- PLATIK - PHARMA VIDA JAM</t>
  </si>
  <si>
    <t>CR 87 J 78 03 SUR</t>
  </si>
  <si>
    <t>PUNTO DE PAGO- PLATIK - OFRA TECHNOLOGY SAS</t>
  </si>
  <si>
    <t>CR 2 10 57</t>
  </si>
  <si>
    <t>PUNTO DE PAGO- PLATIK - COMUNICACIONES GENESIS ACT</t>
  </si>
  <si>
    <t>CLL 91 SUR 9 16</t>
  </si>
  <si>
    <t>PUNTO DE PAGO- PLATIK - MISCELANEA Y PAPELERIA MIS ANGELITOS</t>
  </si>
  <si>
    <t>CL 128 C BIS 94 27</t>
  </si>
  <si>
    <t>PUNTO DE PAGO- PLATIK - ALFEGATORRESC MULTISERVICIOS</t>
  </si>
  <si>
    <t>AV CL3 51 28</t>
  </si>
  <si>
    <t>PUNTO DE PAGO- PLATIK - COFFEE ZONE NORMANDIA</t>
  </si>
  <si>
    <t>CR 72  51  35</t>
  </si>
  <si>
    <t>PUNTO DE PAGO- PLATIK - CIGARRERIA JM 126</t>
  </si>
  <si>
    <t>CR 7 126 07</t>
  </si>
  <si>
    <t>PUNTO DE PAGO- PLATIK - ANDERSON JULIAN VELASCO RAMIREZ</t>
  </si>
  <si>
    <t>CR 9A  48D 02 SUR</t>
  </si>
  <si>
    <t>PUNTO DE PAGO- PLATIK - PAPELERIA Y MISCELANEA GINGER</t>
  </si>
  <si>
    <t>CRA 91C 2 55</t>
  </si>
  <si>
    <t>PUNTO DE PAGO- PLATIK - SIPAGA SUBA 01</t>
  </si>
  <si>
    <t>CL 146B 91 59 LC 102</t>
  </si>
  <si>
    <t>PUNTO DE PAGO- PLATIK - COCOSITAS</t>
  </si>
  <si>
    <t>CALLE 10 26 36</t>
  </si>
  <si>
    <t>PUNTO DE PAGO- PLATIK - EL MUNDO DEL ASEO PACA</t>
  </si>
  <si>
    <t>CL 53 50 51</t>
  </si>
  <si>
    <t>PUNTO DE PAGO- PLATIK - LETS GO GRANOS 100 COLOMBIANO</t>
  </si>
  <si>
    <t>CR 79 42 C 66 SUR</t>
  </si>
  <si>
    <t>PUNTO DE PAGO- PLATIK - DROGUERIA SERVIDINAMIC</t>
  </si>
  <si>
    <t>CR 89 A 71 B 25 SUR</t>
  </si>
  <si>
    <t>PUNTO DE PAGO- PLATIK - VARIEDADES  COMUNICACIONES DANNA</t>
  </si>
  <si>
    <t>CL 71 BIS 27 B 18 SUR</t>
  </si>
  <si>
    <t>PUNTO DE PAGO- PLATIK - ESTACION RM</t>
  </si>
  <si>
    <t>CR 74 25 F 39</t>
  </si>
  <si>
    <t>PUNTO DE PAGO- PLATIK - CIGARRERIA LAS TRES JJJ</t>
  </si>
  <si>
    <t>CL 187B 5 12</t>
  </si>
  <si>
    <t>PUNTO DE PAGO- PLATIK - R LUZ STELLA PARRA JIMENEZ</t>
  </si>
  <si>
    <t>TV 6B BIS 48I 56 SUR</t>
  </si>
  <si>
    <t>PUNTO DE PAGO- PLATIK - CIGARRERIA Y LICORES EL BOSQUE</t>
  </si>
  <si>
    <t>AV ROJAS 63 A 54</t>
  </si>
  <si>
    <t>PUNTO DE PAGO- PLATIK -  PABLO ESTEBAN SIERRA CASTILLO</t>
  </si>
  <si>
    <t>CR 95B 56F 45 SUR</t>
  </si>
  <si>
    <t>PUNTO DE PAGO- PLATIK - PAPELERIA ABC (EFECTY)</t>
  </si>
  <si>
    <t>CL 139 B 118 03</t>
  </si>
  <si>
    <t>PUNTO DE PAGO- PLATIK - CONEXIONMARGARITAS ES</t>
  </si>
  <si>
    <t>CL 49 S 89  21</t>
  </si>
  <si>
    <t>PUNTO DE PAGO- PLATIK - PAPELERIA DOÑO CLEME</t>
  </si>
  <si>
    <t>CL 4B 39 B 90</t>
  </si>
  <si>
    <t>PUNTO DE PAGO- PLATIK - LA ESTACION DEL DULCE</t>
  </si>
  <si>
    <t>CL 7 A BIS C 78 05</t>
  </si>
  <si>
    <t>PUNTO DE PAGO- PLATIK - EXCEL ELT</t>
  </si>
  <si>
    <t>CRA 42 0 13</t>
  </si>
  <si>
    <t>PUNTO DE PAGO- PLATIK - MISCELANEA Y PAPELERIA MARIAK</t>
  </si>
  <si>
    <t>TV 35  65 56 SUR</t>
  </si>
  <si>
    <t>PUNTO DE PAGO- PLATIK - REDSISF</t>
  </si>
  <si>
    <t>CR 74 44B 28 S</t>
  </si>
  <si>
    <t>PUNTO DE PAGO- PLATIK - VARIEDADES PROVIDENCIA SUR</t>
  </si>
  <si>
    <t>CR 79G BIS 45 16 SUR</t>
  </si>
  <si>
    <t>PUNTO DE PAGO- PLATIK - ANSEB MATIC</t>
  </si>
  <si>
    <t>CR 78A 84B  55 SUR CS229</t>
  </si>
  <si>
    <t>PUNTO DE PAGO- PLATIK - TEAM SHADDAI</t>
  </si>
  <si>
    <t>CL 8C 92 72</t>
  </si>
  <si>
    <t>PUNTO DE PAGO- PLATIK - BODEGON UNIABASTOS 2</t>
  </si>
  <si>
    <t>CR 72 K 38 A 11 SUR</t>
  </si>
  <si>
    <t>PUNTO DE PAGO- PLATIK - MISCELANEA SHIRLEY ALEJANDRA</t>
  </si>
  <si>
    <t>CR 7 19 19 SOACHA</t>
  </si>
  <si>
    <t>PUNTO DE PAGO- PLATIK - MISCELANEA Y PAPELERIA LUDARCA</t>
  </si>
  <si>
    <t>CR 12 72A 31 SUR</t>
  </si>
  <si>
    <t>PUNTO DE PAGO- PLATIK - VARIEDADES 2225</t>
  </si>
  <si>
    <t>CL2 93D30 T4 AP104</t>
  </si>
  <si>
    <t>PUNTO DE PAGO- PLATIK - CIGARRERIA DONDE NICO</t>
  </si>
  <si>
    <t>CR 91 71C 33</t>
  </si>
  <si>
    <t>PUNTO DE PAGO- PLATIK - CAFETERIA CIGARRERIA VINO TINTO</t>
  </si>
  <si>
    <t>CL 53 6 04</t>
  </si>
  <si>
    <t>PUNTO DE PAGO- PLATIK - BLES ACCESORIOS</t>
  </si>
  <si>
    <t>CR 2A 127B 18</t>
  </si>
  <si>
    <t>PUNTO DE PAGO- PLATIK - DISTRIBUIDORA DE PRODUCTOS DE BELLEZA LUZ</t>
  </si>
  <si>
    <t>CL 43 BIS B S 73A 21</t>
  </si>
  <si>
    <t>PUNTO DE PAGO- PLATIK - MICELANIA Y PAPELERIA LUPITA</t>
  </si>
  <si>
    <t>CL 56 SUR 77H 95</t>
  </si>
  <si>
    <t>PUNTO DE PAGO- PLATIK - PAPELERIA LA 136</t>
  </si>
  <si>
    <t>CL 124 15 15</t>
  </si>
  <si>
    <t>ATLÁNTICO</t>
  </si>
  <si>
    <t>BARRANQUILLA</t>
  </si>
  <si>
    <t>PUNTO DE PAGO- PLATIK - NATURAL FOOD DISTRIBUTOR</t>
  </si>
  <si>
    <t>CRA 4 N 38 36</t>
  </si>
  <si>
    <t>PUNTO DE PAGO- PLATIK - MAFALDA PAPELERIA 52</t>
  </si>
  <si>
    <t>CL 52 7 58</t>
  </si>
  <si>
    <t>PUNTO DE PAGO- PLATIK - SUPERTIENDA DE LA 162</t>
  </si>
  <si>
    <t>CR7 162 27</t>
  </si>
  <si>
    <t>PUNTO DE PAGO- PLATIK - DROGUERIA FARMA MODERNA 2</t>
  </si>
  <si>
    <t>CLL 162 7 91</t>
  </si>
  <si>
    <t>PUNTO DE PAGO- PLATIK - SERVIPAGOS TAMACOP</t>
  </si>
  <si>
    <t>CR 72 H 41A 26 SUR</t>
  </si>
  <si>
    <t>CL 140 12B 61 LC 31</t>
  </si>
  <si>
    <t>PUNTO DE PAGO- PLATIK - DISTRIBUIDRA DE BELLEZA SARA NICOL</t>
  </si>
  <si>
    <t>CARRERA 88C 130D-31</t>
  </si>
  <si>
    <t>PUNTO DE PAGO- PLATIK -  PAPELERIA ANDREW NET</t>
  </si>
  <si>
    <t>CR 88G  70  34 S</t>
  </si>
  <si>
    <t>PUNTO DE PAGO- PLATIK - DEEP CLEANING AG</t>
  </si>
  <si>
    <t>CL 136A 111 28</t>
  </si>
  <si>
    <t>PUNTO DE PAGO- PLATIK - JHOAN .S.C</t>
  </si>
  <si>
    <t>CR 111A 22D 44</t>
  </si>
  <si>
    <t>PUNTO DE PAGO- PLATIK - GRAFI Y PUNTO SAS</t>
  </si>
  <si>
    <t>CL 74 13 26</t>
  </si>
  <si>
    <t>PUNTO DE PAGO- PLATIK - VARIEDADES V  G</t>
  </si>
  <si>
    <t>CR 5L 49C 40 SUR</t>
  </si>
  <si>
    <t>PUNTO DE PAGO- PLATIK - COMUCINACIONES KEVIN</t>
  </si>
  <si>
    <t>CR 84 73A 05 SUR</t>
  </si>
  <si>
    <t>PUNTO DE PAGO- PLATIK - LUISA FERNANDA ZULUAGA CASTANO</t>
  </si>
  <si>
    <t>CL 32 SUR 20 16</t>
  </si>
  <si>
    <t>PUNTO DE PAGO- PLATIK - GIROS EL TREBOL</t>
  </si>
  <si>
    <t>CRA 5 ESTE 25 F 08</t>
  </si>
  <si>
    <t>PUNTO DE PAGO- PLATIK - COSMOS IGUALDAD</t>
  </si>
  <si>
    <t>CRA 69 B 2 18</t>
  </si>
  <si>
    <t>PUNTO DE PAGO- PLATIK - PAPER  PRINT SHOP</t>
  </si>
  <si>
    <t>CL 150 17 16</t>
  </si>
  <si>
    <t>PUNTO DE PAGO- PLATIK - CAFÉ INTERNET SARAY@COMUNICACIONES</t>
  </si>
  <si>
    <t>CL 66 SUR 19F 21</t>
  </si>
  <si>
    <t>PUNTO DE PAGO- PLATIK - R SIERVO ANTONIO ORTIZ QUINONES</t>
  </si>
  <si>
    <t>CL 165 7 73</t>
  </si>
  <si>
    <t>PUNTO DE PAGO- PLATIK - TIENDA DORIS</t>
  </si>
  <si>
    <t>CR 79D  2 33</t>
  </si>
  <si>
    <t>PUNTO DE PAGO- PLATIK - MISCELÁNEA Y FOTOCOPIAS PACHOS</t>
  </si>
  <si>
    <t>AV. 1 MAYO  40B 53 SUR</t>
  </si>
  <si>
    <t>PUNTO DE PAGO- PLATIK - SIPAGA FONTIBON</t>
  </si>
  <si>
    <t>CR 100 17 56</t>
  </si>
  <si>
    <t>PUNTO DE PAGO- PLATIK - MISCELANEA MAYUYIS</t>
  </si>
  <si>
    <t>CR 68B 67A 14</t>
  </si>
  <si>
    <t>PUNTO DE PAGO- PLATIK - GINA ESPERANZA VEGA CASTILLO</t>
  </si>
  <si>
    <t>CR 2C 49 65 S</t>
  </si>
  <si>
    <t>PUNTO DE PAGO- PLATIK - ARTESANIAS RINCON WAYUU</t>
  </si>
  <si>
    <t>CLL 54 A SUR 71 B 14</t>
  </si>
  <si>
    <t>PUNTO DE PAGO- PLATIK - PAPELERIA Y PINATERIA JERONIMO</t>
  </si>
  <si>
    <t>CL 49 B 91 D 24</t>
  </si>
  <si>
    <t>PUNTO DE PAGO- PLATIK - GASTRO BAR DON VARGUITAS</t>
  </si>
  <si>
    <t>CR 3 ESTE 6C 37</t>
  </si>
  <si>
    <t>PUNTO DE PAGO- PLATIK - MINIMERCADO SAMY</t>
  </si>
  <si>
    <t>TRV 6B 87 B 10 SUR</t>
  </si>
  <si>
    <t>PUNTO DE PAGO- PLATIK - LA POMENA</t>
  </si>
  <si>
    <t>CLL 130 C 94 A 28</t>
  </si>
  <si>
    <t>PUNTO DE PAGO- PLATIK - DROGUERÍA NEUROFARMA MYA</t>
  </si>
  <si>
    <t>CR 89 58A 61 SUR</t>
  </si>
  <si>
    <t>PUNTO DE PAGO- PLATIK - DROGUERIA PHARMACITY</t>
  </si>
  <si>
    <t>CL7A SUR 02 38 LC2</t>
  </si>
  <si>
    <t>PUNTO DE PAGO- PLATIK - MISCELANEA SAMUEL</t>
  </si>
  <si>
    <t>CLL 38 C SUR 78 B 46</t>
  </si>
  <si>
    <t>PUNTO DE PAGO- PLATIK - PAPELERIA ELCY</t>
  </si>
  <si>
    <t>CL 64 H 69P 05</t>
  </si>
  <si>
    <t>PUNTO DE PAGO- PLATIK - SUPERMERCADO DIA A DIA</t>
  </si>
  <si>
    <t>CR 108A 140 61</t>
  </si>
  <si>
    <t>PUNTO DE PAGO- PLATIK - MODAS ECKAR</t>
  </si>
  <si>
    <t>CL 3 12A 11</t>
  </si>
  <si>
    <t>PUNTO DE PAGO- PLATIK - DELIVERY EXPRESS BOGOTA SAS</t>
  </si>
  <si>
    <t>CL 57 B SUR 72 A 18</t>
  </si>
  <si>
    <t>PUNTO DE PAGO- PLATIK - ONE EASY STOP SAN JOSE</t>
  </si>
  <si>
    <t>CR 20 9 04 LC 211</t>
  </si>
  <si>
    <t>PUNTO DE PAGO- PLATIK - GUSTOSO</t>
  </si>
  <si>
    <t>CL 72 62 38</t>
  </si>
  <si>
    <t>PUNTO DE PAGO- PLATIK - HIPERDROGUERIA MODELO</t>
  </si>
  <si>
    <t>CL 66 58 07</t>
  </si>
  <si>
    <t>PUNTO DE PAGO- PLATIK - SERVICOPIAS FELIX</t>
  </si>
  <si>
    <t>CR 7 179   03</t>
  </si>
  <si>
    <t>PUNTO DE PAGO- PLATIK - INBOLILARIA COMPARTIR</t>
  </si>
  <si>
    <t>CLL 20S 10F 60</t>
  </si>
  <si>
    <t>PUNTO DE PAGO- PLATIK - CENTRO DE PAGOS ARORUA</t>
  </si>
  <si>
    <t>CL 69 19 06</t>
  </si>
  <si>
    <t>PUNTO DE PAGO- PLATIK - R PAPELERIA SOFIA</t>
  </si>
  <si>
    <t>CRA 89C 26 SUR  03</t>
  </si>
  <si>
    <t>PUNTO DE PAGO- PLATIK - VIRTUAL GAME 1</t>
  </si>
  <si>
    <t>CL 57A SUR 80 41</t>
  </si>
  <si>
    <t>PUNTO DE PAGO- PLATIK - DISTRIPLASTICOS XS</t>
  </si>
  <si>
    <t>CRA 22 2 55</t>
  </si>
  <si>
    <t>COTA</t>
  </si>
  <si>
    <t>PUNTO DE PAGO- PLATIK - EL GUACARI EXPRESS</t>
  </si>
  <si>
    <t>CL 13 5 42 LOCAL 102</t>
  </si>
  <si>
    <t>PUNTO DE PAGO- PLATIK - JIREH COMUNICACIONES NISSI</t>
  </si>
  <si>
    <t>TV 36 58C 90 SUR</t>
  </si>
  <si>
    <t>PUNTO DE PAGO- PLATIK - R PAPELERIA Y COPIAS FENIX</t>
  </si>
  <si>
    <t>CL 24 9 31 LC144</t>
  </si>
  <si>
    <t>PUNTO DE PAGO- PLATIK - PAPELERIA Y MISCELANEA SANDRA</t>
  </si>
  <si>
    <t>CLL 58 SUR  78K 06</t>
  </si>
  <si>
    <t>PUNTO DE PAGO- PLATIK - SUMIACCESORIOS LIMEPRINT EU</t>
  </si>
  <si>
    <t>CL 88 112G 24</t>
  </si>
  <si>
    <t>PACHO</t>
  </si>
  <si>
    <t>PUNTO DE PAGO- PLATIK - EL MANDADO YA SAS</t>
  </si>
  <si>
    <t>CR 17 8 21</t>
  </si>
  <si>
    <t>PUNTO DE PAGO- PLATIK - VARIEDADES JULYS</t>
  </si>
  <si>
    <t>AV BOYACA 40 28 SUR</t>
  </si>
  <si>
    <t>PUNTO DE PAGO- PLATIK - PAPELERIA Y MESCELANEA AMERICAN EXPRESS</t>
  </si>
  <si>
    <t>KRA 12 B 73 B 46 SUR</t>
  </si>
  <si>
    <t>PUNTO DE PAGO- PLATIK - ANA LUCIA LOPEZ</t>
  </si>
  <si>
    <t>CR 4B G 59 A 51 SUR</t>
  </si>
  <si>
    <t>PUNTO DE PAGO- PLATIK - ELOHIM</t>
  </si>
  <si>
    <t>CLL 63 SUR 74 F 11</t>
  </si>
  <si>
    <t>PUNTO DE PAGO- PLATIK - DROGUERIA LAUFE</t>
  </si>
  <si>
    <t>CR 17F 71A 95 S</t>
  </si>
  <si>
    <t>PUNTO DE PAGO- PLATIK - CAFE INTERNET ISABELLA</t>
  </si>
  <si>
    <t>CR  4 SUR  0 36</t>
  </si>
  <si>
    <t>PUNTO DE PAGO- PLATIK - LA MONIQUIRENA</t>
  </si>
  <si>
    <t>CR 79G 42D 80 SUR</t>
  </si>
  <si>
    <t>PUNTO DE PAGO- PLATIK - PAPELERIA SARAMAGO</t>
  </si>
  <si>
    <t>CL 56A S 79B 23 PS1</t>
  </si>
  <si>
    <t>PUNTO DE PAGO- PLATIK - ECODROGAS EXPRESS</t>
  </si>
  <si>
    <t>DG 64A BIS SUR 17G 43</t>
  </si>
  <si>
    <t>PUNTO DE PAGO- PLATIK - MAIRA ALEJANDRA ALVARADO AVILA</t>
  </si>
  <si>
    <t>CL 68B SUR 80N 87</t>
  </si>
  <si>
    <t>PUNTO DE PAGO- PLATIK - DROGAS MEDICAMENTOS FARMA</t>
  </si>
  <si>
    <t>CL 67 118B 20</t>
  </si>
  <si>
    <t>PUNTO DE PAGO- PLATIK - VARIEDADES ALEJA 2008</t>
  </si>
  <si>
    <t>DG 73 SUR 78 I 70</t>
  </si>
  <si>
    <t>PUNTO DE PAGO- PLATIK - FARMAHIGÍA</t>
  </si>
  <si>
    <t>CR 60  160 32</t>
  </si>
  <si>
    <t>PUNTO DE PAGO- PLATIK - MISCELANEA MR</t>
  </si>
  <si>
    <t>CR  28 74 55</t>
  </si>
  <si>
    <t>PUNTO DE PAGO- PLATIK - MEGANET 2</t>
  </si>
  <si>
    <t>CL 57 SUR 80 41</t>
  </si>
  <si>
    <t>PUNTO DE PAGO- PLATIK - PAPELERIA Y ACCESORIOS NICOL</t>
  </si>
  <si>
    <t>CL 86 A 55 52 SUR LC 2</t>
  </si>
  <si>
    <t>PUNTO DE PAGO- PLATIK - DROGUERIA DAVID.Q</t>
  </si>
  <si>
    <t>CL 68A SUR 80K 58</t>
  </si>
  <si>
    <t>PUNTO DE PAGO- PLATIK - CIGARRERIA LA 9° PARADA</t>
  </si>
  <si>
    <t>CRA 98 B #73-15 SUR</t>
  </si>
  <si>
    <t>PUNTO DE PAGO- PLATIK - MUNDO GSM PLUS</t>
  </si>
  <si>
    <t>CL 53 SUR 42A 06</t>
  </si>
  <si>
    <t>PUNTO DE PAGO- PLATIK - SERVICOMUNICACIONES AM.CO,</t>
  </si>
  <si>
    <t>CL 130 C  89 49</t>
  </si>
  <si>
    <t>PUNTO DE PAGO- PLATIK - SUPERTIENDA DE LA 58</t>
  </si>
  <si>
    <t>CR 58B 129A-02</t>
  </si>
  <si>
    <t>PUNTO DE PAGO- PLATIK - @RR NET</t>
  </si>
  <si>
    <t>CL 27 25 64</t>
  </si>
  <si>
    <t>PUNTO DE PAGO- PLATIK - DULCERIA EL GOLOSITO</t>
  </si>
  <si>
    <t>CL 56 S 3D 17</t>
  </si>
  <si>
    <t>PUNTO DE PAGO- PLATIK - FERREAUTOS</t>
  </si>
  <si>
    <t>CR 40D  1B  29</t>
  </si>
  <si>
    <t>PUNTO DE PAGO- PLATIK - PHARMAREBAJAS SAS</t>
  </si>
  <si>
    <t>CALLE 174A N 52 12</t>
  </si>
  <si>
    <t>PUNTO DE PAGO- PLATIK - MULTSERVICIOS BOLONIA</t>
  </si>
  <si>
    <t>CR 9 E  81 S 20 BQ I CASA 9</t>
  </si>
  <si>
    <t>PUNTO DE PAGO- PLATIK - COMUNIKT</t>
  </si>
  <si>
    <t>CRA 7F 155A 48</t>
  </si>
  <si>
    <t>PUNTO DE PAGO- PLATIK - PAPELERIAS ARCES</t>
  </si>
  <si>
    <t>CL 8  72 B 09</t>
  </si>
  <si>
    <t>PUNTO DE PAGO- PLATIK - MINIMARKET J &amp; B</t>
  </si>
  <si>
    <t>CL 64F  72A  11</t>
  </si>
  <si>
    <t>PUNTO DE PAGO- PLATIK - VARIEDADES JOSUE</t>
  </si>
  <si>
    <t>CL 27 SUR 12H95</t>
  </si>
  <si>
    <t>PUNTO DE PAGO- PLATIK - PAPELERIA Y PAGA TODO</t>
  </si>
  <si>
    <t>CALLE 79 112F 31</t>
  </si>
  <si>
    <t>PUNTO DE PAGO- PLATIK - HEXAGONO PAPELERIA</t>
  </si>
  <si>
    <t>CR87 49A 39 SUR</t>
  </si>
  <si>
    <t>PUNTO DE PAGO- PLATIK - INTERRAPIDISIMO CIUDAD ALSACIA</t>
  </si>
  <si>
    <t>CL 12 BIS 71D 67</t>
  </si>
  <si>
    <t>PUNTO DE PAGO- PLATIK - TELECOMUNICACIONES LUKAS.NT</t>
  </si>
  <si>
    <t>AC 60 G SUR 17 65</t>
  </si>
  <si>
    <t>PUNTO DE PAGO- PLATIK - GENTE ACTIVA DAYANA</t>
  </si>
  <si>
    <t>DG 56 C 81 J 52</t>
  </si>
  <si>
    <t>PUNTO DE PAGO- PLATIK - LAS RICURAS DE JOVA</t>
  </si>
  <si>
    <t>CR 24 9A 05 S</t>
  </si>
  <si>
    <t>PUNTO DE PAGO- PLATIK - PAPELERIA TINTAL</t>
  </si>
  <si>
    <t>CL 8C 92 72 MANZ 5 LT1</t>
  </si>
  <si>
    <t>PUNTO DE PAGO- PLATIK - CIBER CHICO</t>
  </si>
  <si>
    <t>CL17 C134 70</t>
  </si>
  <si>
    <t>PUNTO DE PAGO- PLATIK - MISCELANE Y CORRESPONSAL JR</t>
  </si>
  <si>
    <t>CR 102 S 72 47 C 27</t>
  </si>
  <si>
    <t>PUNTO DE PAGO- PLATIK - CHANCE PAGATODO</t>
  </si>
  <si>
    <t>CR91 132 43</t>
  </si>
  <si>
    <t>PUNTO DE PAGO- PLATIK - CONSULTORIA E INVERCIONES MN</t>
  </si>
  <si>
    <t>CL 48 SUR 86 60</t>
  </si>
  <si>
    <t>PUNTO DE PAGO- PLATIK - EMPRESARIAL EFECTIVO</t>
  </si>
  <si>
    <t>CR 31 A ESTE 37 139 SUR</t>
  </si>
  <si>
    <t>PUNTO DE PAGO- PLATIK - NELSON GABRIEL FAJARDO SANCHEZ</t>
  </si>
  <si>
    <t>CL 51 16  15</t>
  </si>
  <si>
    <t>PUNTO DE PAGO- PLATIK - TIENDA DE ASEO BURBUJAS</t>
  </si>
  <si>
    <t>CRA 97 S 26 71 CS 381</t>
  </si>
  <si>
    <t>PUNTO DE PAGO- PLATIK - CARLOS DANIEL NAVARRO</t>
  </si>
  <si>
    <t>CL 63B 119C 15</t>
  </si>
  <si>
    <t>PUNTO DE PAGO- PLATIK - CYM PAPELERIA Y DETALLES</t>
  </si>
  <si>
    <t>CR 88 68 B SUR 58</t>
  </si>
  <si>
    <t>PUNTO DE PAGO- PLATIK - FARMA FUTURO SAS</t>
  </si>
  <si>
    <t>CLL 116 9 34</t>
  </si>
  <si>
    <t>PUNTO DE PAGO- PLATIK - INVERSIONES ABAD</t>
  </si>
  <si>
    <t>CRA 101 72A 36</t>
  </si>
  <si>
    <t>PUNTO DE PAGO- PLATIK - NANCY PATRICIA ROJAS SANABRIA</t>
  </si>
  <si>
    <t>CL 37 BIS A S 2 07 ESTE</t>
  </si>
  <si>
    <t>PUNTO DE PAGO- PLATIK - MISCELANEA DULCERIA HB</t>
  </si>
  <si>
    <t>CR 68G BIS 30 36 SUR</t>
  </si>
  <si>
    <t>PUNTO DE PAGO- PLATIK -  H&amp;E SPORTS</t>
  </si>
  <si>
    <t>CL 187 18 26</t>
  </si>
  <si>
    <t>PUNTO DE PAGO- PLATIK - SIPAGA 20 DE JULIO</t>
  </si>
  <si>
    <t>CR 5A 27 SUR 06 L3</t>
  </si>
  <si>
    <t>PUNTO DE PAGO- PLATIK - RILIVAN.NET</t>
  </si>
  <si>
    <t>CL 65 SUR 102 51</t>
  </si>
  <si>
    <t>PUNTO DE PAGO- PLATIK - DROGUERIA ALCAPARROS</t>
  </si>
  <si>
    <t>CL 9 8 04 L 4</t>
  </si>
  <si>
    <t>MOSQUERA</t>
  </si>
  <si>
    <t>PUNTO DE PAGO- PLATIK - PAGO AL INSTANTE</t>
  </si>
  <si>
    <t>CR 9 E 16 A 16</t>
  </si>
  <si>
    <t>PUNTO DE PAGO- PLATIK - ALDENUR VALERO HERNANDEZ</t>
  </si>
  <si>
    <t>CL 7 3 84</t>
  </si>
  <si>
    <t>SANTANDER</t>
  </si>
  <si>
    <t>BARRANCABERMEJA</t>
  </si>
  <si>
    <t>PUNTO DE PAGO- PLATIK - MAJU TRANS</t>
  </si>
  <si>
    <t>CRA18A 62 36</t>
  </si>
  <si>
    <t>PUNTO DE PAGO- PLATIK - PUNTO DE PAGO RUBI</t>
  </si>
  <si>
    <t>CR 11ESTE 19B 36</t>
  </si>
  <si>
    <t>TOCANCIPÁ</t>
  </si>
  <si>
    <t>PUNTO DE PAGO- PLATIK - PAPELERIA ACUARIO</t>
  </si>
  <si>
    <t>CR 4E 15 38</t>
  </si>
  <si>
    <t>PUNTO DE PAGO- PLATIK - COMERCIO LIBRE 2</t>
  </si>
  <si>
    <t>CR 19 5-23</t>
  </si>
  <si>
    <t>PUNTO DE PAGO- PLATIK - PAPELERIA STKERS</t>
  </si>
  <si>
    <t>CL 15 2 30</t>
  </si>
  <si>
    <t>PUNTO DE PAGO- PLATIK - DROGUERIA FARMADRID SALUD</t>
  </si>
  <si>
    <t>CL 7  2 25 LC 101</t>
  </si>
  <si>
    <t>PUNTO DE PAGO- PLATIK - LAVASECO SPRING</t>
  </si>
  <si>
    <t>CL 17 5 ESTE 12</t>
  </si>
  <si>
    <t>SUCRE</t>
  </si>
  <si>
    <t>SINCELEJO</t>
  </si>
  <si>
    <t>PUNTO DE PAGO- PLATIK - JORGE MARIO ANNAYA CANCHILA</t>
  </si>
  <si>
    <t>CL 23  16 20</t>
  </si>
  <si>
    <t>CÓRDOBA</t>
  </si>
  <si>
    <t>MONTERÍA</t>
  </si>
  <si>
    <t>PUNTO DE PAGO- PLATIK - LIBRERIA Y PAPELERIA MACONDO</t>
  </si>
  <si>
    <t>CRA 5 34 94</t>
  </si>
  <si>
    <t>PUNTO DE PAGO- PLATIK - TIENDA ALEJANDRIA</t>
  </si>
  <si>
    <t>CL 24 11 10</t>
  </si>
  <si>
    <t>PUNTO DE PAGO- PLATIK - LUBRI REPUESTOS NIÑO</t>
  </si>
  <si>
    <t>CR 10 6 31</t>
  </si>
  <si>
    <t>PUNTO DE PAGO- PLATIK - CANELA.COM</t>
  </si>
  <si>
    <t>CRA 6  16 63</t>
  </si>
  <si>
    <t>PUNTO DE PAGO- PLATIK - MIS HUELLITAS CONSENTIDAS Y ALGO MAS</t>
  </si>
  <si>
    <t>CLL 7 1 03</t>
  </si>
  <si>
    <t>FACATATIVÁ</t>
  </si>
  <si>
    <t>PUNTO DE PAGO- PLATIK - LA WEB O NADA JH</t>
  </si>
  <si>
    <t>CLL 8 10 05</t>
  </si>
  <si>
    <t>PUNTO DE PAGO- PLATIK - PINCELADAS</t>
  </si>
  <si>
    <t>CL 10 8 07</t>
  </si>
  <si>
    <t>SOLEDAD</t>
  </si>
  <si>
    <t>PUNTO DE PAGO- PLATIK - VARIEDADES MELYM</t>
  </si>
  <si>
    <t>CALLE 46 N 10C 25</t>
  </si>
  <si>
    <t>PUNTO DE PAGO- PLATIK - ALMACEN J Y Z  LAS ESTRELLAS</t>
  </si>
  <si>
    <t>CRA 38 100 67</t>
  </si>
  <si>
    <t>PUNTO DE PAGO- PLATIK - CIBER COLOMBIA NET</t>
  </si>
  <si>
    <t>CALLE 26 20 30</t>
  </si>
  <si>
    <t>PUNTO DE PAGO- PLATIK - ALMACEN J &amp; Z BOULEVAR</t>
  </si>
  <si>
    <t>CALLE 19  6B 34</t>
  </si>
  <si>
    <t>PUNTO DE PAGO- PLATIK - ALMACEN J &amp; Z LAS ESTRELLAS</t>
  </si>
  <si>
    <t>PUNTO DE PAGO- PLATIK - NOVEDADES CAMAR</t>
  </si>
  <si>
    <t>CRA 4 N 37D 51</t>
  </si>
  <si>
    <t>PUNTO DE PAGO- PLATIK - DROGUERIA STOKOLMO S.A.S</t>
  </si>
  <si>
    <t>CALLE 70B 41 210</t>
  </si>
  <si>
    <t>PUNTO DE PAGO- PLATIK - INVERSIONES MINA JR</t>
  </si>
  <si>
    <t>CALLE 70 18 9</t>
  </si>
  <si>
    <t>PUNTO DE PAGO- PLATIK - CONSTRU MART</t>
  </si>
  <si>
    <t>CRA 51 75 145</t>
  </si>
  <si>
    <t>PUNTO DE PAGO- PLATIK - DISTRUBUIDORA Y DROGUERIA LA POPULAR SJ.S</t>
  </si>
  <si>
    <t>CALLE 21 15 10</t>
  </si>
  <si>
    <t>PUNTO DE PAGO- PLATIK - ALMACEN J Y Z EL PAISA</t>
  </si>
  <si>
    <t>CALLE 30 NO 38 05</t>
  </si>
  <si>
    <t>PUNTO DE PAGO- PLATIK - DROGUERIA LUZ MAR N.G</t>
  </si>
  <si>
    <t>CALLE 74 18 05</t>
  </si>
  <si>
    <t>PUNTO DE PAGO- PLATIK - ALMACEN J Y Z LOS ROBLES</t>
  </si>
  <si>
    <t>CALLE 77 23F 16</t>
  </si>
  <si>
    <t>PUNTO DE PAGO- PLATIK - TODOFER DISTRIBUCIONES SAS</t>
  </si>
  <si>
    <t>CRA 38 74 392</t>
  </si>
  <si>
    <t>PUNTO DE PAGO- PLATIK - ALMACEN J Y Z SUPERIOR NO 2</t>
  </si>
  <si>
    <t>CALLE 76  48 41</t>
  </si>
  <si>
    <t>PUNTO DE PAGO- PLATIK - FERRETERIA CONSTRU CEM DEL NORTE  SAS</t>
  </si>
  <si>
    <t>CLL 77 66 80</t>
  </si>
  <si>
    <t>PUNTO DE PAGO- PLATIK - DISTRIBUCIONES SHEL</t>
  </si>
  <si>
    <t>CL45 1 85 LC1</t>
  </si>
  <si>
    <t>PUNTO DE PAGO- PLATIK - TOUCH POINT DE COLOMBIA</t>
  </si>
  <si>
    <t>CRA 6  2 40 PISA</t>
  </si>
  <si>
    <t>PUNTO DE PAGO- PLATIK - ALMACEN J &amp; Z LA MONEDA</t>
  </si>
  <si>
    <t>CRA 41 39 17</t>
  </si>
  <si>
    <t>PUNTO DE PAGO- PLATIK - ALMACÉN J Y Z FREDONIA</t>
  </si>
  <si>
    <t>CLLE 32B  8045</t>
  </si>
  <si>
    <t>PUNTO DE PAGO- PLATIK - SOLO PARA TI BAQ</t>
  </si>
  <si>
    <t>CRA 45 60 18</t>
  </si>
  <si>
    <t>PUNTO DE PAGO- PLATIK - TIENDAS Y NOVEDADES PERSAL</t>
  </si>
  <si>
    <t>KR 52 15 39</t>
  </si>
  <si>
    <t>ZIPAQUIRÁ</t>
  </si>
  <si>
    <t>PUNTO DE PAGO- PLATIK - DROGUERIA Y MINIMARKET FARMA 24 ZIPAQUIRA</t>
  </si>
  <si>
    <t>CL 13 11 15</t>
  </si>
  <si>
    <t>PUNTO DE PAGO- PLATIK - POLIZAS Y SEGUROS ANDINOS</t>
  </si>
  <si>
    <t>CL 10 7 64 TOCANCIPA</t>
  </si>
  <si>
    <t>PUNTO DE PAGO- PLATIK - CAFE INTERNET MICKEY MOUSE</t>
  </si>
  <si>
    <t>CL 75 SUR 18G 21</t>
  </si>
  <si>
    <t>PUNTO DE PAGO- PLATIK - RUTH MARY LOZADA BERNAL</t>
  </si>
  <si>
    <t>CL 33 S 41 50 LC4</t>
  </si>
  <si>
    <t>PUNTO DE PAGO- PLATIK - RED.MUÑOZ</t>
  </si>
  <si>
    <t>CR 78 H SUR 40 03</t>
  </si>
  <si>
    <t>PUNTO DE PAGO- PLATIK - PRONTO EVENTOS Y COMUNICACIONES</t>
  </si>
  <si>
    <t>CL 11 A 72 B 17</t>
  </si>
  <si>
    <t>PUNTO DE PAGO- PLATIK - ALMACÉN J Y Z LA SUPERIOR</t>
  </si>
  <si>
    <t>CALLE 76 45 26</t>
  </si>
  <si>
    <t>PUNTO DE PAGO- PLATIK - CIGARRERIA Y VARIEDADES LOS MORENO</t>
  </si>
  <si>
    <t>TR14B E57B30 S</t>
  </si>
  <si>
    <t>PUNTO DE PAGO- PLATIK - SV WARRIOR</t>
  </si>
  <si>
    <t>CR 58 4D 10 LC 102</t>
  </si>
  <si>
    <t>PUNTO DE PAGO- PLATIK - TIENDA ISABEL MANZANARES</t>
  </si>
  <si>
    <t>CL75B BIS SUR 8 15</t>
  </si>
  <si>
    <t>PUNTO DE PAGO- PLATIK - ALMACÉN J Y Z SAN BLAS</t>
  </si>
  <si>
    <t>CALLE 45 26 129</t>
  </si>
  <si>
    <t>PUNTO DE PAGO- PLATIK - VARIEDADES SAN NICOLAS</t>
  </si>
  <si>
    <t>DG 45 SUR 5J 36 CASA 32</t>
  </si>
  <si>
    <t>PUNTO DE PAGO- PLATIK - RIGOBERTO VARGAS CASTILLO</t>
  </si>
  <si>
    <t>CR 72D 54C SUR 04</t>
  </si>
  <si>
    <t>PUNTO DE PAGO- PLATIK - PAPELERÍA GRISMEL</t>
  </si>
  <si>
    <t>CL 9 5 25</t>
  </si>
  <si>
    <t>PUNTO DE PAGO- PLATIK - CYBER.COM</t>
  </si>
  <si>
    <t>CL 42 87G 10 SUR</t>
  </si>
  <si>
    <t>PUNTO DE PAGO- PLATIK - INTERNET Y PAPELERÍA SAN GOOGLE</t>
  </si>
  <si>
    <t>CL 45 SUR 78G 22</t>
  </si>
  <si>
    <t>PUNTO DE PAGO- PLATIK - AL DETALLE LOS GARCIA</t>
  </si>
  <si>
    <t>CARRERA 2C 7 31</t>
  </si>
  <si>
    <t>PUNTO DE PAGO- PLATIK - PAPELERÍA  GRISMEL</t>
  </si>
  <si>
    <t>CL 15  17A 45</t>
  </si>
  <si>
    <t>PUNTO DE PAGO- PLATIK - PAGARED SAS</t>
  </si>
  <si>
    <t>CL 93B  19  35</t>
  </si>
  <si>
    <t>PUNTO DE PAGO- PLATIK - DROGUERIA SALUD PHARMA 2</t>
  </si>
  <si>
    <t>CRA 87I 42 11 SUR</t>
  </si>
  <si>
    <t>PUNTO DE PAGO- PLATIK - PAPELERIA OSBLAGU</t>
  </si>
  <si>
    <t>CL 132D 149C 13</t>
  </si>
  <si>
    <t>PUNTO DE PAGO- PLATIK - PUNTO PAGO VILLA MARCELA</t>
  </si>
  <si>
    <t>CL 10 12B 04</t>
  </si>
  <si>
    <t>PUNTO DE PAGO- PLATIK - VARIEDADES PATTY</t>
  </si>
  <si>
    <t>CR 124 131 A 07</t>
  </si>
  <si>
    <t>PUNTO DE PAGO- PLATIK - MONICA MARIA CAROLINA GONZALEZ</t>
  </si>
  <si>
    <t>CL 143 127A 17</t>
  </si>
  <si>
    <t>BOLÍVAR</t>
  </si>
  <si>
    <t>CARTAGENA DE INDIAS</t>
  </si>
  <si>
    <t xml:space="preserve">PUNTO DE PAGO- PLATIK - ALMACÉN J Y Z SAN FERNANDO  </t>
  </si>
  <si>
    <t>CALLE 52 62 06</t>
  </si>
  <si>
    <t>PUNTO DE PAGO- PLATIK - INVERSIONES Y SERVICIOS GENERALES P&amp;P S.A.S</t>
  </si>
  <si>
    <t>AV CL 72 102 38</t>
  </si>
  <si>
    <t>PUNTO DE PAGO- PLATIK - PANGO SPORT</t>
  </si>
  <si>
    <t>CLL 26 14 13</t>
  </si>
  <si>
    <t>PUNTO DE PAGO- PLATIK - PRODUCTOS Y SERVICIOS MANGEL</t>
  </si>
  <si>
    <t>CR 22 7  110 S</t>
  </si>
  <si>
    <t>PUNTO DE PAGO- PLATIK - DROGUERIA DAR SALUD  G.T</t>
  </si>
  <si>
    <t>CR 105C 64B 23</t>
  </si>
  <si>
    <t>PUNTO DE PAGO- PLATIK - VARIEDADES PEDRO PATO</t>
  </si>
  <si>
    <t>CR 108 18 34</t>
  </si>
  <si>
    <t>PUNTO DE PAGO- PLATIK - DROGUERIA CONDOMINIO SUBA</t>
  </si>
  <si>
    <t>CL 131 126 95</t>
  </si>
  <si>
    <t>PUNTO DE PAGO- PLATIK - PAPIROMANIAS  II</t>
  </si>
  <si>
    <t>DIG 86A 103D 29</t>
  </si>
  <si>
    <t>PUNTO DE PAGO- PLATIK - MISCELANEA Y VARIEDADES LULU</t>
  </si>
  <si>
    <t>DG 100D SUR 6 36 ESTE</t>
  </si>
  <si>
    <t>PUNTO DE PAGO- PLATIK - MISCELANEA LUCCIANA</t>
  </si>
  <si>
    <t>CR 123 14 61</t>
  </si>
  <si>
    <t>PUNTO DE PAGO- PLATIK - PAPER AND PENCIL</t>
  </si>
  <si>
    <t>CR 107 79A 35 L 2</t>
  </si>
  <si>
    <t>PUNTO DE PAGO- PLATIK - PAPELERIA Y MISCELANEA SALOME</t>
  </si>
  <si>
    <t>CL 101 A S 14 05</t>
  </si>
  <si>
    <t>PUNTO DE PAGO- PLATIK - RED COMUNICACIONES 113</t>
  </si>
  <si>
    <t>CL 81  113  08</t>
  </si>
  <si>
    <t>PUNTO DE PAGO- PLATIK - MENSAJERIA PAPERINCON</t>
  </si>
  <si>
    <t>CR 95 A 127 C 18</t>
  </si>
  <si>
    <t>PUNTO DE PAGO- PLATIK - DROGUERIA SANTA HELENA 1</t>
  </si>
  <si>
    <t>CR 87C 74 15 SUR</t>
  </si>
  <si>
    <t>PUNTO DE PAGO- PLATIK - MARLUBER COMESTIBLES</t>
  </si>
  <si>
    <t>CL 153  134 16</t>
  </si>
  <si>
    <t>PUNTO DE PAGO- PLATIK - CARLOS AUGUSTO MOLINA BENITEZ</t>
  </si>
  <si>
    <t>TR 106 77B 16</t>
  </si>
  <si>
    <t>PUNTO DE PAGO- PLATIK - PAPELERIA S Y M</t>
  </si>
  <si>
    <t>KR 1 C 49 A 7 SUR</t>
  </si>
  <si>
    <t>TOLIMA</t>
  </si>
  <si>
    <t>ICONONZO</t>
  </si>
  <si>
    <t>PUNTO DE PAGO- PLATIK - RANCHO OCAMPO</t>
  </si>
  <si>
    <t>LOTE 4 C EL REFUGIO</t>
  </si>
  <si>
    <t>PUNTO DE PAGO- PLATIK - PAPELERIA Y MISCELANEA EL BOSQUE</t>
  </si>
  <si>
    <t>DG 50 SUR 60 75</t>
  </si>
  <si>
    <t>PUNTO DE PAGO- PLATIK - BUSINESS SPORT</t>
  </si>
  <si>
    <t>CL 68 52 36</t>
  </si>
  <si>
    <t>PUNTO DE PAGO- PLATIK - REMATES Y PROMOCIONES LA ROCA</t>
  </si>
  <si>
    <t>CL 87 SUR 3 16</t>
  </si>
  <si>
    <t>PUNTO DE PAGO- PLATIK - ANGUIES.COM</t>
  </si>
  <si>
    <t>CL  135A 93 16</t>
  </si>
  <si>
    <t>PUNTO DE PAGO- PLATIK - LUZBELL ACESORIAS</t>
  </si>
  <si>
    <t>CRA 5 ESTE 18 16 LC 102</t>
  </si>
  <si>
    <t>PUNTO DE PAGO- PLATIK - EDWERD ASOCIADOS</t>
  </si>
  <si>
    <t>CL 15 2A 44</t>
  </si>
  <si>
    <t>PUNTO DE PAGO- PLATIK - MULTI-SERVICIOS RED FACIL</t>
  </si>
  <si>
    <t>CR 1 BIS 43A 02 SUR</t>
  </si>
  <si>
    <t>PUNTO DE PAGO- PLATIK - ALMACÉN J Y Z SAN BLAS N2</t>
  </si>
  <si>
    <t>CRA 27 45 40</t>
  </si>
  <si>
    <t>PUNTO DE PAGO- PLATIK - EFECTY PROVIVIENDA</t>
  </si>
  <si>
    <t>CRA 6 23 60</t>
  </si>
  <si>
    <t>PUNTO DE PAGO- PLATIK - SAMARKANDA</t>
  </si>
  <si>
    <t>PUNTO DE PAGO- PLATIK -MOSQUERA CENTRO</t>
  </si>
  <si>
    <t>CL 2  2 32</t>
  </si>
  <si>
    <t>PUNTO DE PAGO- PLATIK - YONATHAN MUNOZ</t>
  </si>
  <si>
    <t>CARRERA 2 23 21</t>
  </si>
  <si>
    <t>PUNTO DE PAGO- PLATIK - SIPAGA SANTAROSA</t>
  </si>
  <si>
    <t>CL 75A 94 13</t>
  </si>
  <si>
    <t>PUNTO DE PAGO- PLATIK - ALMACEN J Y Z SUPERIOR N2</t>
  </si>
  <si>
    <t>CALLE 30  21 194</t>
  </si>
  <si>
    <t>PUNTO DE PAGO- PLATIK - ARCESIO ROZO RAMIREZ</t>
  </si>
  <si>
    <t>AV CRA 9 14  87</t>
  </si>
  <si>
    <t>PUNTO DE PAGO- PLATIK - ALMACEN J Y Z 13 DE JUNIO</t>
  </si>
  <si>
    <t>AVENIDA 13 DE JUNIO DIAG 32 69 40</t>
  </si>
  <si>
    <t>PUNTO DE PAGO- PLATIK - ALMACÉN J Y Z VILLA ESTRELLA</t>
  </si>
  <si>
    <t>CRA 92  36 31 APTO 1</t>
  </si>
  <si>
    <t>PUNTO DE PAGO- PLATIK - ALMACÉN J Y Z TERMINAL</t>
  </si>
  <si>
    <t>Reten Doña Manuela Transversal 54A No. 95-70 Local 2</t>
  </si>
  <si>
    <t>PUNTO DE PAGO- PLATIK - DROGUERIA GAMUL 163</t>
  </si>
  <si>
    <t>CR 17 163A 96</t>
  </si>
  <si>
    <t>PUNTO DE PAGO- PLATIK - AATC 1</t>
  </si>
  <si>
    <t>CL 138 150A 12</t>
  </si>
  <si>
    <t>PUNTO DE PAGO- PLATIK - CIGARRERIA MEGAEXITO 1</t>
  </si>
  <si>
    <t>CL 142B 128B 91</t>
  </si>
  <si>
    <t>TENJO</t>
  </si>
  <si>
    <t>PUNTO DE PAGO- PLATIK - INTERB@EZ</t>
  </si>
  <si>
    <t>VR CRUZ BONZA</t>
  </si>
  <si>
    <t>PUNTO DE PAGO- PLATIK - MIS MASCOTAS</t>
  </si>
  <si>
    <t>CL 3 39 12</t>
  </si>
  <si>
    <t>PUNTO DE PAGO- PLATIK - MISCELANEA YASE IMAGEN</t>
  </si>
  <si>
    <t>CL7 94 79 CASA 275</t>
  </si>
  <si>
    <t>PUNTO DE PAGO- PLATIK - ALFA Y OMEGA PAPELERIA</t>
  </si>
  <si>
    <t>CR 97 C  69 A 08 S</t>
  </si>
  <si>
    <t>PUNTO DE PAGO- PLATIK - SERVIENTREGA VILLA LA TORRE</t>
  </si>
  <si>
    <t>CRA 81 D 42 A 15 S</t>
  </si>
  <si>
    <t>PUNTO DE PAGO- PLATIK - DROGUERIA IPHARMA</t>
  </si>
  <si>
    <t>CL 12 SUR N 0 50</t>
  </si>
  <si>
    <t>PUNTO DE PAGO- PLATIK - CAFE INTERNET OVAL.NET</t>
  </si>
  <si>
    <t>CL 57D SUR 78J 08</t>
  </si>
  <si>
    <t>PUNTO DE PAGO- PLATIK -  MISCELANEA Y PAPELERIA IKER</t>
  </si>
  <si>
    <t>AV CRA50 18 56</t>
  </si>
  <si>
    <t>PUNTO DE PAGO- PLATIK - TIENDAMANIA J&amp;K</t>
  </si>
  <si>
    <t>CL 56 D S 87  04</t>
  </si>
  <si>
    <t>PUNTO DE PAGO- PLATIK - DIGITAL PLATFORMS COLOMBIA SAS</t>
  </si>
  <si>
    <t>CR 47 A 91 98</t>
  </si>
  <si>
    <t>PUNTO DE PAGO- PLATIK - GRUPO EMPRESARIAL LA MONTAÑA SAS</t>
  </si>
  <si>
    <t>CR 3 13 12  LC51</t>
  </si>
  <si>
    <t>TOCAIMA</t>
  </si>
  <si>
    <t>PUNTO DE PAGO- PLATIK - COMPUNETWOR</t>
  </si>
  <si>
    <t>CR 9  3 42</t>
  </si>
  <si>
    <t>PUNTO DE PAGO- PLATIK - ALMACÉN J Y Z LA CONQUISTA</t>
  </si>
  <si>
    <t>CR 41 No 39 - 17 LO 17</t>
  </si>
  <si>
    <t>PUNTO DE PAGO- PLATIK - CAFFE SYSTEM</t>
  </si>
  <si>
    <t>CR 8 24 05</t>
  </si>
  <si>
    <t>PUNTO DE PAGO- PLATIK - J&amp;Z SAS</t>
  </si>
  <si>
    <t>PUNTO DE PAGO- PLATIK - SURED MULTIPAGOS</t>
  </si>
  <si>
    <t>CLL 156 92 64</t>
  </si>
  <si>
    <t>PUNTO DE PAGO- PLATIK - PRACTISISTEMAS SAS</t>
  </si>
  <si>
    <t>CARRERA 10 6 90</t>
  </si>
  <si>
    <t>PUNTO DE PAGO- PLATIK - SUPER PAGOS S.A.S.</t>
  </si>
  <si>
    <t>CRA 7 19 48 ED  P 6</t>
  </si>
  <si>
    <t>ANTIOQUIA</t>
  </si>
  <si>
    <t>DABEIBA</t>
  </si>
  <si>
    <t>PUNTO DE PAGO- PLATIK - DANNICEL COMUNICACIONES</t>
  </si>
  <si>
    <t>CALLE PPAL LLORENTE</t>
  </si>
  <si>
    <t>CASANARE</t>
  </si>
  <si>
    <t>AGUAZUL</t>
  </si>
  <si>
    <t>PUNTO DE PAGO- PLATIK - EL SALON PRODUCTOS DE BELLEZA</t>
  </si>
  <si>
    <t>CLL 24 22A 04</t>
  </si>
  <si>
    <t>PUNTO DE PAGO- PLATIK - PAPELERIA FANTASIA</t>
  </si>
  <si>
    <t>DG 50 54 26 S</t>
  </si>
  <si>
    <t>PUNTO DE PAGO- PLATIK - DRIVER CAR SERVICES</t>
  </si>
  <si>
    <t>CL17  55  10</t>
  </si>
  <si>
    <t>PUNTO DE PAGO- PLATIK - DAYKOC INMOBILIARIA  &amp; MULTISERVICIOS</t>
  </si>
  <si>
    <t>CRA 10B 39 17</t>
  </si>
  <si>
    <t>PUNTO DE PAGO- PLATIK - GRUPOPHONE IV</t>
  </si>
  <si>
    <t>CLL 42 7 05</t>
  </si>
  <si>
    <t>PUNTO DE PAGO- PLATIK - SERVICIOS LYH</t>
  </si>
  <si>
    <t>TR 87C 58D 04</t>
  </si>
  <si>
    <t>PUNTO DE PAGO- PLATIK - LA WEB</t>
  </si>
  <si>
    <t>CL 138 51C 23</t>
  </si>
  <si>
    <t>PUNTO DE PAGO- PLATIK - LILITEL</t>
  </si>
  <si>
    <t>CL 22S 52 20 IN16 L1</t>
  </si>
  <si>
    <t>PUNTO DE PAGO- PLATIK - CIGARRERIA DONDE LEO</t>
  </si>
  <si>
    <t>CL 50A S 32 07</t>
  </si>
  <si>
    <t>PUNTO DE PAGO- PLATIK - KYK VIDEOJUEGOS Y VARIEDADES</t>
  </si>
  <si>
    <t>CR 141A BIS  143B 10</t>
  </si>
  <si>
    <t>PUNTO DE PAGO- PLATIK -  ACUARELA DA</t>
  </si>
  <si>
    <t>CALLE 72 SUR 13 26</t>
  </si>
  <si>
    <t>PUNTO DE PAGO- PLATIK - MOVIL COM J A</t>
  </si>
  <si>
    <t>CRA 100  22 G 16</t>
  </si>
  <si>
    <t>PUNTO DE PAGO- PLATIK - MERCADO TRIPLE A</t>
  </si>
  <si>
    <t>CR 11 N 185A 18</t>
  </si>
  <si>
    <t>PUNTO DE PAGO- PLATIK - NELLY CAROLINA OLMOS HERNANDEZ</t>
  </si>
  <si>
    <t>TR 8 A ESTE 45 35</t>
  </si>
  <si>
    <t>PUNTO DE PAGO- PLATIK - LLUVIA DE BENDICIONES NP</t>
  </si>
  <si>
    <t>CL 3A 3B 44</t>
  </si>
  <si>
    <t>PUNTO DE PAGO- PLATIK - PAPELERIA VEA PUES</t>
  </si>
  <si>
    <t>CL 54 C SUR 98 B 05</t>
  </si>
  <si>
    <t>PUNTO DE PAGO- PLATIK - RICO CAMPO</t>
  </si>
  <si>
    <t>CL 40 SUR N 19 34</t>
  </si>
  <si>
    <t>PUNTO DE PAGO- PLATIK - GOMIS G&amp;Y</t>
  </si>
  <si>
    <t>CL 71P SUR 27I 16</t>
  </si>
  <si>
    <t>PUNTO DE PAGO- PLATIK - DROGUERIA CONFARMA TC</t>
  </si>
  <si>
    <t>AV CL 80 74 11</t>
  </si>
  <si>
    <t>PUNTO DE PAGO- PLATIK - CAFE INTERNET MANA MANA</t>
  </si>
  <si>
    <t>CL 69 69M 24</t>
  </si>
  <si>
    <t>PUNTO DE PAGO- PLATIK - INTERNET DARCY JHOANA</t>
  </si>
  <si>
    <t>CL 68 SUR 81 D 25</t>
  </si>
  <si>
    <t>PUNTO DE PAGO- PLATIK - PAY HOME</t>
  </si>
  <si>
    <t>CL 75 D S 5 39</t>
  </si>
  <si>
    <t>PUNTO DE PAGO- PLATIK - PAGATODO</t>
  </si>
  <si>
    <t>DG 73A SUR 27C 57</t>
  </si>
  <si>
    <t>PUNTO DE PAGO- PLATIK - S&amp;LY PLASTICOS Y DESECHABLES</t>
  </si>
  <si>
    <t>KR 16 181B 12</t>
  </si>
  <si>
    <t>PUNTO DE PAGO- PLATIK - PAGATODO MARGOTH</t>
  </si>
  <si>
    <t>CRA 77 J 69 B 84 SUR</t>
  </si>
  <si>
    <t>PUNTO DE PAGO- PLATIK - PAPELERIA Y NISCELANEA ALESTE</t>
  </si>
  <si>
    <t>CR 114 145 93</t>
  </si>
  <si>
    <t>PUNTO DE PAGO- PLATIK - MISCELÁNEA Y PAPELERÍA LOS ANGELES</t>
  </si>
  <si>
    <t>DG 68 SUR 37 69</t>
  </si>
  <si>
    <t>PUNTO DE PAGO- PLATIK - VENTANILLA DOBLE A</t>
  </si>
  <si>
    <t>CR 17 61 18</t>
  </si>
  <si>
    <t>PUNTO DE PAGO- PLATIK - MULTISERVICIOS EYM PAGATODO</t>
  </si>
  <si>
    <t>CALLE 11A 73A 82</t>
  </si>
  <si>
    <t>PUNTO DE PAGO- PLATIK - VARIEDADES VERSATIL</t>
  </si>
  <si>
    <t>CALLE 71 A 68F 07</t>
  </si>
  <si>
    <t>PUNTO DE PAGO- PLATIK - HIPERDROGUERIA RAMIREZ 168</t>
  </si>
  <si>
    <t>CL145 7B 29</t>
  </si>
  <si>
    <t>PUNTO DE PAGO- PLATIK - PAPELERIA MAXIEXPRESION</t>
  </si>
  <si>
    <t>CRA 118A 67 38</t>
  </si>
  <si>
    <t>PUNTO DE PAGO- PLATIK - CIGARRERIA DE LA SABANA</t>
  </si>
  <si>
    <t>DG 77  120 A  68  LOCAL 252</t>
  </si>
  <si>
    <t>PUNTO DE PAGO- PLATIK - TJF</t>
  </si>
  <si>
    <t>CL 86 94H 06</t>
  </si>
  <si>
    <t>PUNTO DE PAGO- PLATIK - MISCELANEA Y PAPELERIA BUCHIS</t>
  </si>
  <si>
    <t>CL 8A BIS 94 2 CS 352</t>
  </si>
  <si>
    <t>PUNTO DE PAGO- PLATIK - CARLOS ARTURO BERMUDEZ CARRILLO</t>
  </si>
  <si>
    <t>CL 35B SUR 26F 27</t>
  </si>
  <si>
    <t>PUNTO DE PAGO- PLATIK - PAPELERIA Y MISCELANEA SAINT GERMEN</t>
  </si>
  <si>
    <t>CL 46 01 55 CONJ LAS ACACIAS</t>
  </si>
  <si>
    <t>PUNTO DE PAGO- PLATIK - BRIAN EDILBERTO CASTANO HERNANDEZ</t>
  </si>
  <si>
    <t>CR 26A 62 55</t>
  </si>
  <si>
    <t>PUNTO DE PAGO- PLATIK - JUAN EASY STOP</t>
  </si>
  <si>
    <t>CRA 51A 127B 53</t>
  </si>
  <si>
    <t>PUNTO DE PAGO- PLATIK - AMERICATEL NET</t>
  </si>
  <si>
    <t>CRA 110 72 30</t>
  </si>
  <si>
    <t>PUNTO DE PAGO- PLATIK - DROGUERIA ALCOSTO 140</t>
  </si>
  <si>
    <t>CR 11 140 84</t>
  </si>
  <si>
    <t>PUNTO DE PAGO- PLATIK - ABC PAPELERA 73</t>
  </si>
  <si>
    <t>CRA 68 G 73 88</t>
  </si>
  <si>
    <t>PUNTO DE PAGO- PLATIK - PAPELERIA EN TESORO</t>
  </si>
  <si>
    <t>CR 18A BIS 73 38 SUR</t>
  </si>
  <si>
    <t>PUNTO DE PAGO- PLATIK - PAPELERÍA EL TESORO 2</t>
  </si>
  <si>
    <t>DG 77A 18G 12</t>
  </si>
  <si>
    <t>PUNTO DE PAGO- PLATIK - CONEXION@.ES</t>
  </si>
  <si>
    <t>CR 89 49 A 04 SUR</t>
  </si>
  <si>
    <t>PUNTO DE PAGO- PLATIK - COMUNICACIONES Y VARIEDADES THOMAS</t>
  </si>
  <si>
    <t>TV14B_ESTE_57B30 S</t>
  </si>
  <si>
    <t>PUNTO DE PAGO- PLATIK - INTERCENTRO</t>
  </si>
  <si>
    <t>CR 10 23 47 LC 121</t>
  </si>
  <si>
    <t>PUNTO DE PAGO- PLATIK - TRANSMILENIO CR13</t>
  </si>
  <si>
    <t>CR13 13 57 LCL 105</t>
  </si>
  <si>
    <t>PUNTO DE PAGO- PLATIK - VIVERES EL SENDERO</t>
  </si>
  <si>
    <t>CR79F 45 57 B12 A112</t>
  </si>
  <si>
    <t>PUNTO DE PAGO- PLATIK - ENVIOS Y GIROS SAN ANTONIO DE LA 111</t>
  </si>
  <si>
    <t>CRA 111 64 F 23</t>
  </si>
  <si>
    <t>PUNTO DE PAGO- PLATIK - PAPELERIA MISCELANEA SAN DIEGO</t>
  </si>
  <si>
    <t>CL 1B 52B 08</t>
  </si>
  <si>
    <t>PUNTO DE PAGO- PLATIK - ALMACÉN J Y Z LOS CARACOLES</t>
  </si>
  <si>
    <t xml:space="preserve">CRA 43 N 99 50 </t>
  </si>
  <si>
    <t>PUNTO DE PAGO- PLATIK - MISCELANEA DAMD</t>
  </si>
  <si>
    <t>CL 79 SUR 88I 16</t>
  </si>
  <si>
    <t>PUNTO DE PAGO- PLATIK - MR BLUE</t>
  </si>
  <si>
    <t>CL 91 SUR 1D 04 ESTE</t>
  </si>
  <si>
    <t>PUNTO DE PAGO- PLATIK - COMUNICACIONES SANTANDER TE</t>
  </si>
  <si>
    <t>CR 123 64C 27</t>
  </si>
  <si>
    <t>PUNTO DE PAGO- PLATIK - JS VALLES</t>
  </si>
  <si>
    <t>KR 9 ESTE 29 S 56 AP100</t>
  </si>
  <si>
    <t>PUNTO DE PAGO- PLATIK - PAGASERVI 2021</t>
  </si>
  <si>
    <t>CRA 10 ESTE 54 A 48 SUR</t>
  </si>
  <si>
    <t>PUNTO DE PAGO- PLATIK - SORPRESAS Y REGALOS LIA</t>
  </si>
  <si>
    <t>CL 16F 103 03</t>
  </si>
  <si>
    <t>PUNTO DE PAGO- PLATIK - BODEGUITA</t>
  </si>
  <si>
    <t>CR 81B 6B 40 CASA 113</t>
  </si>
  <si>
    <t>PUNTO DE PAGO- PLATIK - UNIVERCITY</t>
  </si>
  <si>
    <t>CRA 112 A 77A 45</t>
  </si>
  <si>
    <t>PUNTO DE PAGO- PLATIK - TEXTILES Y RETAZO NICOLLE</t>
  </si>
  <si>
    <t>CL 55 SUR 103 49</t>
  </si>
  <si>
    <t>PUNTO DE PAGO- PLATIK - MERCADO MERKOPOLIS</t>
  </si>
  <si>
    <t>CL 22 B  91 13</t>
  </si>
  <si>
    <t>PUNTO DE PAGO- PLATIK - RECAUDOS T&amp;C</t>
  </si>
  <si>
    <t>CL 129B 94C</t>
  </si>
  <si>
    <t>PUNTO DE PAGO- PLATIK - VIOLETMOON</t>
  </si>
  <si>
    <t>CR 128 146 29</t>
  </si>
  <si>
    <t>PUNTO DE PAGO- PLATIK - PAPELERIA DG PRISMA</t>
  </si>
  <si>
    <t>TV 120A 129D 27 L 25</t>
  </si>
  <si>
    <t>PUNTO DE PAGO- PLATIK - TELECOMUNICACIONES MAJO</t>
  </si>
  <si>
    <t>CL 80A 18B 30 SUR</t>
  </si>
  <si>
    <t>PUNTO DE PAGO- PLATIK - SERVÍ VARIEDADES</t>
  </si>
  <si>
    <t>CL 76 A SUR  8D 28</t>
  </si>
  <si>
    <t>PUNTO DE PAGO- PLATIK - PAPELERIA WIFI RALPH</t>
  </si>
  <si>
    <t>CR 131 132 B 38</t>
  </si>
  <si>
    <t>PUNTO DE PAGO- PLATIK - DROGUERIA MARCO FIDEL SUAREZ</t>
  </si>
  <si>
    <t>DG 46 SUR 13C 34</t>
  </si>
  <si>
    <t>PUNTO DE PAGO- PLATIK - PAPELERÍA VINCENT</t>
  </si>
  <si>
    <t>CR 6 23 70</t>
  </si>
  <si>
    <t>PUNTO DE PAGO- PLATIK - PAPELERIA Y MISCELANEA EL INGLES</t>
  </si>
  <si>
    <t>CL 41 S 25B 26</t>
  </si>
  <si>
    <t>PUNTO DE PAGO- PLATIK - VARIEDADES LA VICTORIA</t>
  </si>
  <si>
    <t>TV 3C BIS ESTE 41B 15 S</t>
  </si>
  <si>
    <t>PUNTO DE PAGO- PLATIK - VARIEDADES Y DETALLES LUNITA CENTRO DE COPIADO</t>
  </si>
  <si>
    <t>DG 68 S 37A 49 LC 11</t>
  </si>
  <si>
    <t>PUNTO DE PAGO- PLATIK - DROGUERIA LA MISERICORDIA 2</t>
  </si>
  <si>
    <t>CR 13A 1C 08</t>
  </si>
  <si>
    <t>PUNTO DE PAGO- PLATIK - CERRAJERIA LSB</t>
  </si>
  <si>
    <t>CR 50B 182 3</t>
  </si>
  <si>
    <t>PUNTO DE PAGO- PLATIK - PAPELERIA NICOLE</t>
  </si>
  <si>
    <t>CLL 143 128 02 LC 101 TRR 32</t>
  </si>
  <si>
    <t>PUNTO DE PAGO- PLATIK - PAPELERIA DONDE KONNY</t>
  </si>
  <si>
    <t>CR 9 7 04</t>
  </si>
  <si>
    <t>PUNTO DE PAGO- PLATIK - PAPELERIA MULTITRABAJOS RJ</t>
  </si>
  <si>
    <t>CALLE 24 12A 08</t>
  </si>
  <si>
    <t>PUNTO DE PAGO- PLATIK - CELU VARIEDADES JMC</t>
  </si>
  <si>
    <t>CR 22 CL 12  71</t>
  </si>
  <si>
    <t>PUNTO DE PAGO- PLATIK - SERVIENTREGA GIROS Y ENVIOS CC MULTIPLAZA</t>
  </si>
  <si>
    <t>CL19A 72 57</t>
  </si>
  <si>
    <t>PUNTO DE PAGO- PLATIK - SERVIENTREGA GIROS Y ENVIOS CC EL EDEN</t>
  </si>
  <si>
    <t>AV BOYACA 12B 18</t>
  </si>
  <si>
    <t>PUNTO DE PAGO- PLATIK - TIENDA MILU</t>
  </si>
  <si>
    <t>CR 19 ESTE 49 18</t>
  </si>
  <si>
    <t>PUNTO DE PAGO- PLATIK - VARIEDADES JHONATAN ARGELIA</t>
  </si>
  <si>
    <t>PLATEADO PRINCIPAL</t>
  </si>
  <si>
    <t>PUNTO DE PAGO- PLATIK - LA GRAN EXPANSIÓN</t>
  </si>
  <si>
    <t>CR 121 70 15</t>
  </si>
  <si>
    <t>PUNTO DE PAGO- PLATIK - MISCELANEA GYG</t>
  </si>
  <si>
    <t>KR 89A  45A 33 SUR</t>
  </si>
  <si>
    <t>PUNTO DE PAGO- PLATIK - TIENDA ZAFIRO</t>
  </si>
  <si>
    <t>CL 100B SUR 7 45 APTO 101</t>
  </si>
  <si>
    <t>PUNTO DE PAGO- PLATIK - NACHO MOTOS</t>
  </si>
  <si>
    <t>CR 2 ESTE 22 SUR 36</t>
  </si>
  <si>
    <t>PUNTO DE PAGO- PLATIK - MISCELÁNEA Y PAPELERÍA KENDOZ</t>
  </si>
  <si>
    <t>CR 44 70C 09 SUR</t>
  </si>
  <si>
    <t>PUNTO DE PAGO- PLATIK - CIGARRERIA DANNY</t>
  </si>
  <si>
    <t>DG 91 C SUR 18 G 11</t>
  </si>
  <si>
    <t>PUNTO DE PAGO- PLATIK - MASIVOS DINDALITO</t>
  </si>
  <si>
    <t>CL 42B SUR 89C 88</t>
  </si>
  <si>
    <t>PUNTO DE PAGO- PLATIK - CIGARRERÍA EL PARAISO</t>
  </si>
  <si>
    <t>CRA 128 142D 96</t>
  </si>
  <si>
    <t>PUNTO DE PAGO- PLATIK - MISCELANEA Y ACCESORIOS ML</t>
  </si>
  <si>
    <t>CL 129D 104D  34</t>
  </si>
  <si>
    <t>PUNTO DE PAGO- PLATIK - PAPELERIA SHALOM</t>
  </si>
  <si>
    <t>CR 19 D SUR 64 99</t>
  </si>
  <si>
    <t>QUINDIO</t>
  </si>
  <si>
    <t>MONTENEGRO</t>
  </si>
  <si>
    <t>PUNTO DE PAGO- PLATIK - PAPELERIA CASA GRANDE</t>
  </si>
  <si>
    <t>CL 16 5 13</t>
  </si>
  <si>
    <t>PUNTO DE PAGO- PLATIK - TIENDA Y MISCELANEA LOS PAISAS</t>
  </si>
  <si>
    <t>CR 9 ESTE 96 55</t>
  </si>
  <si>
    <t>PUNTO DE PAGO- PLATIK - DROGUERIA FACA SALUD</t>
  </si>
  <si>
    <t>CR 5  3   36</t>
  </si>
  <si>
    <t>PUNTO DE PAGO- PLATIK - DROGUERIA HISPANA</t>
  </si>
  <si>
    <t>CL 17 D 137 22</t>
  </si>
  <si>
    <t>PUNTO DE PAGO- PLATIK - MANI@COMUNICA</t>
  </si>
  <si>
    <t>CALLE 22 96 C 38</t>
  </si>
  <si>
    <t>CESAR</t>
  </si>
  <si>
    <t>VALLEDUPAR</t>
  </si>
  <si>
    <t>PUNTO DE PAGO- PLATIK - VARIEDADES MARIAPAZ ROJAS</t>
  </si>
  <si>
    <t>CRTO RIO DE ORO CESAR</t>
  </si>
  <si>
    <t>CHÍA</t>
  </si>
  <si>
    <t>PUNTO DE PAGO- PLATIK - MULTISERVICIOS DON DINERO</t>
  </si>
  <si>
    <t>AV PRADILLA 2 ESTE 71 L 1-94</t>
  </si>
  <si>
    <t>PUNTO DE PAGO- PLATIK - PAPELERIA MISCELANEA LA PLAYITA</t>
  </si>
  <si>
    <t>DG 69D SUR 14U 66</t>
  </si>
  <si>
    <t>PUNTO DE PAGO- PLATIK - DONDE SAMI PAPELERIA Y PAÑALERA</t>
  </si>
  <si>
    <t>CRA 114 139C 16</t>
  </si>
  <si>
    <t>PUNTO DE PAGO- PLATIK - ACCESORIOS JIREH ACOSTA</t>
  </si>
  <si>
    <t>CR 14 106C 18 S</t>
  </si>
  <si>
    <t>CL 72 27B 08</t>
  </si>
  <si>
    <t>PUNTO DE PAGO- PLATIK - OMITEL.NET</t>
  </si>
  <si>
    <t>CR 22G 59 A 38 SUR</t>
  </si>
  <si>
    <t>PUNTO DE PAGO- PLATIK - IMPORTECNOLOGY</t>
  </si>
  <si>
    <t>CL 56 SUR 4P 26</t>
  </si>
  <si>
    <t>PUNTO DE PAGO- PLATIK - PALADARES SABOR IRRESISTIBE</t>
  </si>
  <si>
    <t>PUNTO DE PAGO- PLATIK - YOSEDA.COM</t>
  </si>
  <si>
    <t>CL 143 151G 21</t>
  </si>
  <si>
    <t>PUNTO DE PAGO- PLATIK - TECN-MARKET</t>
  </si>
  <si>
    <t>CRA 94 76 05</t>
  </si>
  <si>
    <t>PUNTO DE PAGO- PLATIK - MISCELANEA Y PAPELERIA SHALOM BF</t>
  </si>
  <si>
    <t>CR 93C 54C 26 SUR</t>
  </si>
  <si>
    <t>PUNTO DE PAGO- PLATIK - JYS PAPELERIA</t>
  </si>
  <si>
    <t>CR100 50B45S T10</t>
  </si>
  <si>
    <t>PUNTO DE PAGO- PLATIK - ANA ELSA COPETE BARBOSA</t>
  </si>
  <si>
    <t>PUNTO DE PAGO- PLATIK - PAPELERIA SUZAKU</t>
  </si>
  <si>
    <t>PUNTO DE PAGO- PLATIK - BETHEL</t>
  </si>
  <si>
    <t>CL 105 SUR 7 ESTE 10</t>
  </si>
  <si>
    <t>PUNTO DE PAGO- PLATIK - MISCELÁNEA LOLITA</t>
  </si>
  <si>
    <t>CR 111 157 30</t>
  </si>
  <si>
    <t>PUNTO DE PAGO- PLATIK - OMNITEL SOLUCIONES 2</t>
  </si>
  <si>
    <t>CL 59 B 22G 19</t>
  </si>
  <si>
    <t>PUNTO DE PAGO- PLATIK - MISCELANEA Y BAUL</t>
  </si>
  <si>
    <t>CL 79 40 10 SUR</t>
  </si>
  <si>
    <t>PUNTO DE PAGO- PLATIK - PAPELERIA LA 33</t>
  </si>
  <si>
    <t>CR 33 48C 20 S</t>
  </si>
  <si>
    <t>PUNTO DE PAGO- PLATIK - COMUNICACIONES GODESH</t>
  </si>
  <si>
    <t>CL 106 B SUR 5 B 04</t>
  </si>
  <si>
    <t>PUNTO DE PAGO- PLATIK - INTERRAPIDISMO LA 17</t>
  </si>
  <si>
    <t>CL 17 S 8A 05</t>
  </si>
  <si>
    <t>PUNTO DE PAGO- PLATIK - PAPELERIA DJ</t>
  </si>
  <si>
    <t>CL 64G 98A 29</t>
  </si>
  <si>
    <t>PUNTO DE PAGO- PLATIK - PAPELERIA Y VARIEDADES REAL DREAM</t>
  </si>
  <si>
    <t>AC 43 S 79 21</t>
  </si>
  <si>
    <t>PUNTO DE PAGO- PLATIK - DROGUERÍA FHARMATELLEZ</t>
  </si>
  <si>
    <t>CL 74 62 04</t>
  </si>
  <si>
    <t>PUNTO DE PAGO- PLATIK - PAPELERIA QUINTAS</t>
  </si>
  <si>
    <t>CRA 1E 66A 88 SUR</t>
  </si>
  <si>
    <t>PUNTO DE PAGO- PLATIK - DROGUERIA LOS ELISEOS</t>
  </si>
  <si>
    <t>CL 167 54D 93 L 2</t>
  </si>
  <si>
    <t>PUNTO DE PAGO- PLATIK - DROGUERIA FARMA ANGEL</t>
  </si>
  <si>
    <t>CL 77F SUR 27P 11</t>
  </si>
  <si>
    <t>PUNTO DE PAGO- PLATIK - MI PAPELERIA Y MAS</t>
  </si>
  <si>
    <t>CL 143 B 145 16</t>
  </si>
  <si>
    <t>PUNTO DE PAGO- PLATIK - CIELO TEJADA DE DAZA</t>
  </si>
  <si>
    <t>CR 105  64B  16</t>
  </si>
  <si>
    <t>PUNTO DE PAGO- PLATIK - PAPELERIA CAPRI SUR</t>
  </si>
  <si>
    <t>TV 18I 67C 04 SUR</t>
  </si>
  <si>
    <t>PUNTO DE PAGO- PLATIK - BABY CLAU SAS</t>
  </si>
  <si>
    <t>CL128C 104 59</t>
  </si>
  <si>
    <t>PUNTO DE PAGO- PLATIK - DROGUERIA LUR</t>
  </si>
  <si>
    <t>CR 105  64D  05</t>
  </si>
  <si>
    <t>PUNTO DE PAGO- PLATIK - CAPRICHOS MAFALDA</t>
  </si>
  <si>
    <t>CL 76 S  9A   09</t>
  </si>
  <si>
    <t>CL 51 S 38 59</t>
  </si>
  <si>
    <t>PUNTO DE PAGO- PLATIK - SERVIFLEXORG</t>
  </si>
  <si>
    <t>CR14I 136A 30SUR</t>
  </si>
  <si>
    <t>PUNTO DE PAGO- PLATIK - PRINTBULLL PUBLICIDAD SAS</t>
  </si>
  <si>
    <t>AV CARACAS 21 15 SUR</t>
  </si>
  <si>
    <t>PUNTO DE PAGO- PLATIK - JHON ALEXANDER LINARES BARRAGAN</t>
  </si>
  <si>
    <t>CR 20C 62 11 SUR</t>
  </si>
  <si>
    <t>PUNTO DE PAGO- PLATIK - VARIEDADES DAME</t>
  </si>
  <si>
    <t>AK 14 1 05</t>
  </si>
  <si>
    <t>PUNTO DE PAGO- PLATIK - HENIUX_NET</t>
  </si>
  <si>
    <t>PUNTO DE PAGO- PLATIK - DISTRYDULCES</t>
  </si>
  <si>
    <t>CL 77B 14 03 SUR</t>
  </si>
  <si>
    <t>PUNTO DE PAGO- PLATIK - MINIMERCADO EL PROGRESO DIARIO</t>
  </si>
  <si>
    <t>CL 33 SUR 50A 96</t>
  </si>
  <si>
    <t>PUNTO DE PAGO- PLATIK - VARIEDADES ISA</t>
  </si>
  <si>
    <t>CL 66 SUR 17A 24</t>
  </si>
  <si>
    <t>PUNTO DE PAGO- PLATIK - DROGUERIA UNICFARMA</t>
  </si>
  <si>
    <t>CRA 114 139 10</t>
  </si>
  <si>
    <t>PUNTO DE PAGO- PLATIK - RAPISUERTE</t>
  </si>
  <si>
    <t>CR 24 41B 32 S</t>
  </si>
  <si>
    <t>PUNTO DE PAGO- PLATIK - VISA EXPRESS</t>
  </si>
  <si>
    <t>CR 70 52 77</t>
  </si>
  <si>
    <t>PUNTO DE PAGO- PLATIK - EL PALACIO DEL PELUQUERO RC</t>
  </si>
  <si>
    <t>CR 82 24A 10</t>
  </si>
  <si>
    <t>META</t>
  </si>
  <si>
    <t>CUMARAL</t>
  </si>
  <si>
    <t>PUNTO DE PAGO- PLATIK - DROGUERÍA SANDINO</t>
  </si>
  <si>
    <t>CR 97 9 57</t>
  </si>
  <si>
    <t>DG 42A BIS SUR 4 ESTE 7</t>
  </si>
  <si>
    <t>CL 64D 110B 02</t>
  </si>
  <si>
    <t>PUNTO DE PAGO- PLATIK - VOLARE TOURS</t>
  </si>
  <si>
    <t>CR 99B 75 36</t>
  </si>
  <si>
    <t>PUNTO DE PAGO- PLATIK - CAFE INTERNET SIN FRONTERAS</t>
  </si>
  <si>
    <t>CL 34 28A 19</t>
  </si>
  <si>
    <t>PUNTO DE PAGO- PLATIK - ALMACEN J Y Z LA SUPERIOR</t>
  </si>
  <si>
    <t>Calle 76 45 26</t>
  </si>
  <si>
    <t>CR 41 39 17 LC 17</t>
  </si>
  <si>
    <t>PUNTO DE PAGO- PLATIK - ALMACEN J Y Z BOULEVAR</t>
  </si>
  <si>
    <t>CALLE 19 6B 34</t>
  </si>
  <si>
    <t>PUNTO DE PAGO- PLATIK - ALMACEN J Y Z SAN BLAS</t>
  </si>
  <si>
    <t>CL. 45  26  129</t>
  </si>
  <si>
    <t>NORTE DE SANTANDER</t>
  </si>
  <si>
    <t>SILOS</t>
  </si>
  <si>
    <t>PUNTO DE PAGO- PLATIK - PUNTO  DELRINCON</t>
  </si>
  <si>
    <t>KDX 30 SILOS</t>
  </si>
  <si>
    <t>PUNTO DE PAGO- PLATIK - BACATA FARMA DROGUERIA</t>
  </si>
  <si>
    <t>CL 43D 68B 85 SUR</t>
  </si>
  <si>
    <t>PUNTO DE PAGO- PLATIK - RECARGAMOS</t>
  </si>
  <si>
    <t>CL 23 14 54 OF 301</t>
  </si>
  <si>
    <t>PUNTO DE PAGO- PLATIK - PAPELERIA ROSYS</t>
  </si>
  <si>
    <t>CL 140 112 C 02</t>
  </si>
  <si>
    <t>PUNTO DE PAGO- PLATIK - CALLE 26 EFECTY</t>
  </si>
  <si>
    <t>CL 26 69 76 TR1 LC1</t>
  </si>
  <si>
    <t>PUNTO DE PAGO- PLATIK - LAVASECO UNIR PLUS</t>
  </si>
  <si>
    <t>CL 34A S  89C  17</t>
  </si>
  <si>
    <t>PUNTO DE PAGO- PLATIK - FARMAROSITA</t>
  </si>
  <si>
    <t>CLL 75 92  28 LC 2</t>
  </si>
  <si>
    <t>PUNTO DE PAGO- PLATIK - PAPELERIA VARIEDADES JULIETH</t>
  </si>
  <si>
    <t>CR 87 57A 15 SUR</t>
  </si>
  <si>
    <t>CAJICÁ</t>
  </si>
  <si>
    <t>PUNTO DE PAGO- PLATIK - SOLUCIONES TECNOLOGICAS AP SAS</t>
  </si>
  <si>
    <t>CR 6 0 101</t>
  </si>
  <si>
    <t>PUNTO DE PAGO- PLATIK - TELEWORLD COMUNICACIONES</t>
  </si>
  <si>
    <t>CR 73D   35B 31 SUR</t>
  </si>
  <si>
    <t>PUNTO DE PAGO- PLATIK - TIENDA DE BELLEZA REGALOS Y PAPELERIA ANGELES</t>
  </si>
  <si>
    <t>CL 72  99A 17</t>
  </si>
  <si>
    <t>PUNTO DE PAGO- PLATIK - PAPELERÍA Y REGALOS LAPISLÁZULI</t>
  </si>
  <si>
    <t>CR 15 63 91 L 1</t>
  </si>
  <si>
    <t>PUNTO DE PAGO- PLATIK - KEIZEN ASESORES SAS</t>
  </si>
  <si>
    <t>TV 14 ESTE 57 61 SUR</t>
  </si>
  <si>
    <t>PUNTO DE PAGO- PLATIK -DON PAGO BONAVISTA 1</t>
  </si>
  <si>
    <t>CL 63S 70B 40 P 1 LC 6</t>
  </si>
  <si>
    <t>PUNTO DE PAGO- PLATIK - CIGARRERIA SAN ROQUE</t>
  </si>
  <si>
    <t>CL 145 128 40 L 18</t>
  </si>
  <si>
    <t>PUNTO DE PAGO- PLATIK - CHIQUIS PAPER</t>
  </si>
  <si>
    <t>CLL 81 SUR 96 24</t>
  </si>
  <si>
    <t>PUNTO DE PAGO- PLATIK - PAGATODO PARA TODOS</t>
  </si>
  <si>
    <t>CLL 65 F SUR 80 D 04</t>
  </si>
  <si>
    <t>PUNTO DE PAGO- PLATIK - JOHN JAIRO MORENO SANCHEZ</t>
  </si>
  <si>
    <t>CL 43 11A 22 S</t>
  </si>
  <si>
    <t>PUNTO DE PAGO- PLATIK - MERCAFULL CM</t>
  </si>
  <si>
    <t>CR 68D 36 15 SUR</t>
  </si>
  <si>
    <t>PUNTO DE PAGO- PLATIK - ERIK JOHAN RAMÍREZ</t>
  </si>
  <si>
    <t>CLL 75D SUR 73H 10</t>
  </si>
  <si>
    <t>PUNTO DE PAGO- PLATIK - TECH CORP</t>
  </si>
  <si>
    <t>CL 129 56A 04</t>
  </si>
  <si>
    <t>PUNTO DE PAGO- PLATIK - DROGUERIA MEDIMAS</t>
  </si>
  <si>
    <t>CR 8C 168 64</t>
  </si>
  <si>
    <t>PUNTO DE PAGO- PLATIK - DROGUERIA HENGAR</t>
  </si>
  <si>
    <t>CL 134A 145 63</t>
  </si>
  <si>
    <t>LA CEJA</t>
  </si>
  <si>
    <t>PUNTO DE PAGO- PLATIK - PROCESADORA ACO IRIS</t>
  </si>
  <si>
    <t>CL31 27A21 SET 4</t>
  </si>
  <si>
    <t>PUNTO DE PAGO- PLATIK - DELIVERY TIME SAS</t>
  </si>
  <si>
    <t>CR 105 64 A  11</t>
  </si>
  <si>
    <t>PUNTO DE PAGO- PLATIK - VARIEDADES VALEMANUEL</t>
  </si>
  <si>
    <t>DG 19 19 24</t>
  </si>
  <si>
    <t>PUNTO DE PAGO- PLATIK - DROGUERIA RESERVA DE SALITRE</t>
  </si>
  <si>
    <t>CR 70 22D 95 L 104</t>
  </si>
  <si>
    <t>PUNTO DE PAGO- PLATIK - TELECOMUNICACIONES JT</t>
  </si>
  <si>
    <t>KR37 SUR  50  45</t>
  </si>
  <si>
    <t>PUNTO DE PAGO- PLATIK - DONDE ALBERTO</t>
  </si>
  <si>
    <t>CL 27 SUR 51F 19</t>
  </si>
  <si>
    <t>PUNTO DE PAGO- PLATIK - MISCELANEA BERNIS</t>
  </si>
  <si>
    <t>CL 8 BIS 94 2. CASA 352</t>
  </si>
  <si>
    <t>PUNTO DE PAGO- PLATIK - PAPELERIA LILI</t>
  </si>
  <si>
    <t>CR 106A 69C 10</t>
  </si>
  <si>
    <t>PUNTO DE PAGO- PLATIK - PAPELERÍA SALOJP</t>
  </si>
  <si>
    <t>CL 43 A SUR 72 16</t>
  </si>
  <si>
    <t>PUNTO DE PAGO- PLATIK - COMUNICACIONES JACV</t>
  </si>
  <si>
    <t>CL 51D 82B 47 S</t>
  </si>
  <si>
    <t>PUNTO DE PAGO- PLATIK - MISCELANEA ARCANGEL</t>
  </si>
  <si>
    <t>CR 10B 76A 48 SUR</t>
  </si>
  <si>
    <t>PUNTO DE PAGO- PLATIK - PAPELERÍA DEVS</t>
  </si>
  <si>
    <t>CR 7 F ESTE 87 28 SUR</t>
  </si>
  <si>
    <t>PUNTO DE PAGO- PLATIK - PAGOS INGLES</t>
  </si>
  <si>
    <t>KR 28 A 40 01 SUR</t>
  </si>
  <si>
    <t>PUNTO DE PAGO- PLATIK - PAPELERIA Y CIGARRERIA CHAVEZ</t>
  </si>
  <si>
    <t>CL 64A SUR  72  64</t>
  </si>
  <si>
    <t>PUNTO DE PAGO- PLATIK - COPYMAY</t>
  </si>
  <si>
    <t>CR 19 80 16</t>
  </si>
  <si>
    <t>IBAGUÉ</t>
  </si>
  <si>
    <t>PUNTO DE PAGO- PLATIK - MARISAVIC</t>
  </si>
  <si>
    <t>MZ 1 CS 11 5 ETAPA</t>
  </si>
  <si>
    <t>PUNTO DE PAGO- PLATIK - CHOCOLATES Y DETALLES</t>
  </si>
  <si>
    <t>CR 27B 63 18</t>
  </si>
  <si>
    <t>PUNTO DE PAGO- PLATIK - VARIEDADES LA ESPERANZA 2</t>
  </si>
  <si>
    <t>CR 26 70 F SUR 62</t>
  </si>
  <si>
    <t>PUNTO DE PAGO- PLATIK - MISCELANEA Y PAPELERIA SANTI</t>
  </si>
  <si>
    <t>CL 9  37A  62 LC 2009</t>
  </si>
  <si>
    <t>PUNTO DE PAGO- PLATIK - MARÍA ISABEL MESA MORENO</t>
  </si>
  <si>
    <t>CR 57B 68 46</t>
  </si>
  <si>
    <t>PUNTO DE PAGO- PLATIK - MISCELANEA Y PAPELERIA SEILYN</t>
  </si>
  <si>
    <t>CR 80 SUR 40C 06</t>
  </si>
  <si>
    <t>PUNTO DE PAGO- PLATIK - XPRESATE DETALLES Y PAPELERIA</t>
  </si>
  <si>
    <t>CL 62 A 68 02 SUR</t>
  </si>
  <si>
    <t>PUNTO DE PAGO- PLATIK - MINIMARKET Y SALSAMENTARIA HEXAGONOS</t>
  </si>
  <si>
    <t>CL 56A SUR 79G 17</t>
  </si>
  <si>
    <t>PUNTO DE PAGO- PLATIK - INTERPAPELERIA AMERICAS</t>
  </si>
  <si>
    <t>CRA 60 5C 54</t>
  </si>
  <si>
    <t>PUNTO DE PAGO- PLATIK - INTERRAPIDISIMO PLAZUELAS DEL VIRREY</t>
  </si>
  <si>
    <t>CRA 106 71A  76</t>
  </si>
  <si>
    <t>PUNTO DE PAGO- PLATIK - MEGANET COMUNICACIONES J</t>
  </si>
  <si>
    <t>CL 83 95D 71</t>
  </si>
  <si>
    <t>PUNTO DE PAGO- PLATIK - PAPELERIA ISAMAR</t>
  </si>
  <si>
    <t>CRA 15 93A  53</t>
  </si>
  <si>
    <t>CR 26 1F 24</t>
  </si>
  <si>
    <t>PUNTO DE PAGO- PLATIK - FESTIBALLON</t>
  </si>
  <si>
    <t>CR 7 138 33 L102</t>
  </si>
  <si>
    <t>CÚCUTA</t>
  </si>
  <si>
    <t>PUNTO DE PAGO- PLATIK - COGUASIMALES SERVICE SAS.</t>
  </si>
  <si>
    <t>CLL 11 5 83</t>
  </si>
  <si>
    <t>PUNTO DE PAGO- PLATIK - SIPAGA RESTREPO</t>
  </si>
  <si>
    <t>CL 16 SUR 16 82 LC 106</t>
  </si>
  <si>
    <t>PUNTO DE PAGO- PLATIK - H.A COMPUTERS</t>
  </si>
  <si>
    <t>CL 39 SUR 68G 89</t>
  </si>
  <si>
    <t>PUNTO DE PAGO- PLATIK - IFOOD</t>
  </si>
  <si>
    <t>CR 51B 80 58 OF 602</t>
  </si>
  <si>
    <t>PUNTO DE PAGO- PLATIK - PAGOS Y SOLUCIONES LA ESQUINITA</t>
  </si>
  <si>
    <t>CLL 3A 71 36</t>
  </si>
  <si>
    <t>PUNTO DE PAGO- PLATIK - SALSAMENTARIA LA UNIDAD</t>
  </si>
  <si>
    <t>CL 56 A SUR 77K 52</t>
  </si>
  <si>
    <t>PUNTO DE PAGO- PLATIK - VARIEDADES Y PAPELERIA EL VISO</t>
  </si>
  <si>
    <t>TRONCAL KM48</t>
  </si>
  <si>
    <t>PUNTO DE PAGO- PLATIK -MICELANEA CACHARRERIA JIMMYTA</t>
  </si>
  <si>
    <t>CR 106 A  70 D 15</t>
  </si>
  <si>
    <t>PUNTO DE PAGO- PLATIK - MAKRO POINT SERVICIOS</t>
  </si>
  <si>
    <t>CL 55 SUR 4F 34</t>
  </si>
  <si>
    <t>PUNTO DE PAGO- PLATIK - VARIEDADES DOÑA EVITA</t>
  </si>
  <si>
    <t>CR 90 34A 02 SUR</t>
  </si>
  <si>
    <t>PUNTO DE PAGO- PLATIK - YHUDYS YHADIRA SIGUA</t>
  </si>
  <si>
    <t>CR 19B  60B 11 SUR</t>
  </si>
  <si>
    <t>PUNTO DE PAGO- PLATIK - MISCELANEA Y PAPELERIA LA ALQUERIA</t>
  </si>
  <si>
    <t>CL 38F SUR 68 C 39</t>
  </si>
  <si>
    <t>PUNTO DE PAGO- PLATIK - METRO MILENIUN</t>
  </si>
  <si>
    <t>CL 42 S 78 D 13</t>
  </si>
  <si>
    <t>PUNTO DE PAGO- PLATIK - CURVAS DE PAPEL 5G</t>
  </si>
  <si>
    <t>CL 33 SUR 87 07</t>
  </si>
  <si>
    <t>PUNTO DE PAGO- PLATIK - MISCELANEA Y PAPELERIA ANYELUZ</t>
  </si>
  <si>
    <t>CR 81A 57G 24 S</t>
  </si>
  <si>
    <t>PUNTO DE PAGO- PLATIK - PAPELERIA Y MISCELANEA ALASKA</t>
  </si>
  <si>
    <t>CL 46 SUR 22B 49</t>
  </si>
  <si>
    <t>PUNTO DE PAGO- PLATIK - MUNDOSERVICIOS 73</t>
  </si>
  <si>
    <t>CL 73A  70 32</t>
  </si>
  <si>
    <t>PUNTO DE PAGO- PLATIK - VARIEDADES ISABELLA</t>
  </si>
  <si>
    <t>CL 26 SUR  52B 14</t>
  </si>
  <si>
    <t>PUNTO DE PAGO- PLATIK - RED MUNDIAL</t>
  </si>
  <si>
    <t>CR 81G 42G 24 SUR</t>
  </si>
  <si>
    <t>PUNTO DE PAGO- PLATIK - MISCELÁNEA PARÍS</t>
  </si>
  <si>
    <t>CR 19D 61A 27 SUR</t>
  </si>
  <si>
    <t>PUNTO DE PAGO- PLATIK - ISIS TECH STORE</t>
  </si>
  <si>
    <t>CL 38 A SUR 72I 54</t>
  </si>
  <si>
    <t>PUNTO DE PAGO- PLATIK - FARMACIA NATURISTA FE Y SALUD</t>
  </si>
  <si>
    <t>KR 78K 35 A 13 SUR</t>
  </si>
  <si>
    <t>PUNTO DE PAGO- PLATIK - COMUNICACIONES MARIA I</t>
  </si>
  <si>
    <t>CLL 59 C SUR 87 J 22</t>
  </si>
  <si>
    <t>PUNTO DE PAGO- PLATIK - EL@COMP</t>
  </si>
  <si>
    <t>CL 76 92 23</t>
  </si>
  <si>
    <t>PUNTO DE PAGO- PLATIK - CYBER LA ZONA CORALES</t>
  </si>
  <si>
    <t>MZNA F LT 18 PISO 1 LC</t>
  </si>
  <si>
    <t>PUNTO DE PAGO- PLATIK - LA OFICINA CENTRO DE SERVICIOS</t>
  </si>
  <si>
    <t>CR 37  25B 87</t>
  </si>
  <si>
    <t>PUNTO DE PAGO- PLATIK - GATITOS PAPELERIA</t>
  </si>
  <si>
    <t>CR 141A 144 58</t>
  </si>
  <si>
    <t>PUNTO DE PAGO- PLATIK - SERVICELL SM</t>
  </si>
  <si>
    <t>CLL 57 SUR 88F 73</t>
  </si>
  <si>
    <t>PUNTO DE PAGO- PLATIK - TIISO TECHNOLOGY</t>
  </si>
  <si>
    <t>CRA 106 131B 69</t>
  </si>
  <si>
    <t>PUNTO DE PAGO- PLATIK - TU RED MAYORISTASAS</t>
  </si>
  <si>
    <t>CRA 45 24B 09</t>
  </si>
  <si>
    <t>PUNTO DE PAGO- PLATIK - SUPERMERCADO DE TODO Y PARA TODOS</t>
  </si>
  <si>
    <t>CRA 81 H 59 K 29 SUR</t>
  </si>
  <si>
    <t>PUNTO DE PAGO- PLATIK - PAPELERIA HOREB</t>
  </si>
  <si>
    <t>CR 5A ESTE 91 28 SUR</t>
  </si>
  <si>
    <t>PUNTO DE PAGO- PLATIK - CAROS RIVERA</t>
  </si>
  <si>
    <t>CR 7A 2 94 S  T5  AP 102</t>
  </si>
  <si>
    <t>PUNTO DE PAGO- PLATIK - ANTARES COMUNICACIONES</t>
  </si>
  <si>
    <t>CL 17 BIS 119 33</t>
  </si>
  <si>
    <t>PUNTO DE PAGO- PLATIK - MISCELANEA PAPELERIA</t>
  </si>
  <si>
    <t>DG 52 B SUR  29 15</t>
  </si>
  <si>
    <t>PUNTO DE PAGO- PLATIK - COPYFAST MISCELANEA</t>
  </si>
  <si>
    <t>CL 71A 23 29</t>
  </si>
  <si>
    <t>PUNTO DE PAGO- PLATIK - EDWIN MAURICIO GARZÓN</t>
  </si>
  <si>
    <t>CR 19B 60A 42 SUR</t>
  </si>
  <si>
    <t>PUNTO DE PAGO- PLATIK - PAPELERIA CIELO</t>
  </si>
  <si>
    <t>MZ 163 LT 1C SEC 19 FEB</t>
  </si>
  <si>
    <t>PUNTO DE PAGO- PLATIK - MEGASPHARMA</t>
  </si>
  <si>
    <t>CRA 6 46 04</t>
  </si>
  <si>
    <t>PUNTO DE PAGO- PLATIK - DAILYN COMUNICACIONES</t>
  </si>
  <si>
    <t>CL 64 SUR 21A 09</t>
  </si>
  <si>
    <t>PUNTO DE PAGO- PLATIK - CAFETERIA CENTRO MEDICO LOS EJECUTIVOS</t>
  </si>
  <si>
    <t>AVCL 31 58 38</t>
  </si>
  <si>
    <t>PUNTO DE PAGO- PLATIK - MARIO TECHNOLOGYS</t>
  </si>
  <si>
    <t>CR 49D 68F 17</t>
  </si>
  <si>
    <t>PUNTO DE PAGO- PLATIK - AGARRATE ROGELIO</t>
  </si>
  <si>
    <t>CR 94 6 C 30</t>
  </si>
  <si>
    <t>PUNTO DE PAGO- PLATIK - INTERNET JR</t>
  </si>
  <si>
    <t>CR 5 48Y 12 S</t>
  </si>
  <si>
    <t>PUNTO DE PAGO- PLATIK - DETODITO PAPELERIA</t>
  </si>
  <si>
    <t>CL 23 107 57</t>
  </si>
  <si>
    <t>PUNTO DE PAGO- PLATIK - ARA DISTRIBUIDORA</t>
  </si>
  <si>
    <t>DG 6B 78B 16</t>
  </si>
  <si>
    <t>PUNTO DE PAGO- PLATIK - PAPELERIA LA 100</t>
  </si>
  <si>
    <t>KR 99D 56I 09 S</t>
  </si>
  <si>
    <t>PUNTO DE PAGO- PLATIK - RAUL ORDOÑEZ ARANGO</t>
  </si>
  <si>
    <t>CL 8 SUR 71B 31</t>
  </si>
  <si>
    <t>PUNTO DE PAGO- PLATIK - FERREMAX</t>
  </si>
  <si>
    <t>CR100 24D 46</t>
  </si>
  <si>
    <t>PUNTO DE PAGO- PLATIK - MARKEV</t>
  </si>
  <si>
    <t>CR 78C 72 28</t>
  </si>
  <si>
    <t>PUNTO DE PAGO- PLATIK - JJ COMUNICACIONES Y VARIEDADES</t>
  </si>
  <si>
    <t>CL18 115 26</t>
  </si>
  <si>
    <t>PUNTO DE PAGO- PLATIK - PAPELERIA YULI</t>
  </si>
  <si>
    <t>DG 2 79C 58</t>
  </si>
  <si>
    <t>PUNTO DE PAGO- PLATIK - VARIEDADES PATTY TR</t>
  </si>
  <si>
    <t>CL 13A 79D 21</t>
  </si>
  <si>
    <t>PUNTO DE PAGO- PLATIK - DROGUERIA LA ECONOMÍA MC</t>
  </si>
  <si>
    <t>CL 71G SUR 14 91</t>
  </si>
  <si>
    <t>PUNTO DE PAGO- PLATIK - R&amp;B VALERIA</t>
  </si>
  <si>
    <t>CR 156A 136 17</t>
  </si>
  <si>
    <t>PUNTO DE PAGO- PLATIK - INTERRED.NET</t>
  </si>
  <si>
    <t>TR 11B ESTE 47 77 SUR</t>
  </si>
  <si>
    <t>PUNTO DE PAGO- PLATIK - HIPERDROGUERIA BERACA PLUSS</t>
  </si>
  <si>
    <t>CRA 97C 72 51 SUR</t>
  </si>
  <si>
    <t>PUNTO DE PAGO- PLATIK - PLATILLA 2</t>
  </si>
  <si>
    <t>CL 17 SUR 25 10</t>
  </si>
  <si>
    <t>PUNTO DE PAGO- PLATIK - PAPELERIA Y VARIEDADES PUNTO RED</t>
  </si>
  <si>
    <t>CL 49 SUR 87K 03 LC 3</t>
  </si>
  <si>
    <t>PUNTO DE PAGO- PLATIK - VARIEDADES ANGIETEL</t>
  </si>
  <si>
    <t>CL 40 79 69</t>
  </si>
  <si>
    <t>PUNTO DE PAGO- PLATIK - VARIEDADES Y PAPELERIA FABIAN</t>
  </si>
  <si>
    <t>CL 42 F SUR 91B 05</t>
  </si>
  <si>
    <t>PUNTO DE PAGO- PLATIK - PARDO DETALLES Y EVENTOS</t>
  </si>
  <si>
    <t>CR 82A 6 16 LC 26</t>
  </si>
  <si>
    <t>PUNTO DE PAGO- PLATIK - CENTRO DE MENSAJERIA Y RECAUDOS JULYS</t>
  </si>
  <si>
    <t>AV BOYACA 40 20</t>
  </si>
  <si>
    <t>PUNTO DE PAGO- PLATIK - MISCELANEA Y PAPELERIA LA 90</t>
  </si>
  <si>
    <t>CR 81 G 42 G 05 SUR</t>
  </si>
  <si>
    <t>MEDELLÍN</t>
  </si>
  <si>
    <t>PUNTO DE PAGO- PLATIK - SERVI COMERCIALIZACION SAS</t>
  </si>
  <si>
    <t>CRA 53 46 31</t>
  </si>
  <si>
    <t>PUNTO DE PAGO- PLATIK - VARIEDADES OLI</t>
  </si>
  <si>
    <t>CRA 112 16I  44</t>
  </si>
  <si>
    <t>PUNTO DE PAGO- PLATIK - MISCELANEA MILE</t>
  </si>
  <si>
    <t>CL 69A 111C 88</t>
  </si>
  <si>
    <t>PUNTO DE PAGO- PLATIK - BEAUTY STORE SOFIA</t>
  </si>
  <si>
    <t>CL26 SUR 15B 23</t>
  </si>
  <si>
    <t>PUNTO DE PAGO- PLATIK - VIA 87</t>
  </si>
  <si>
    <t>CR 35 63A 25 SUR</t>
  </si>
  <si>
    <t>PUNTO DE PAGO- PLATIK - DYE MISCELANEA Y PAPELERIA</t>
  </si>
  <si>
    <t>CR 32 19B 01 LC3</t>
  </si>
  <si>
    <t xml:space="preserve">PUNTO DE PAGO- PLATIK - VARIEDADES MARYNET </t>
  </si>
  <si>
    <t>CR 88 0 97</t>
  </si>
  <si>
    <t xml:space="preserve">PUNTO DE PAGO- PLATIK - MAXICOM LTDA </t>
  </si>
  <si>
    <t>CRA 89A BIS 62A  03 SUR</t>
  </si>
  <si>
    <t>PUNTO DE PAGO- PLATIK - MISCELANEA BELTRAN RIVERO</t>
  </si>
  <si>
    <t>CRA 23 67 41 LC 119</t>
  </si>
  <si>
    <t>PUNTO DE PAGO- PLATIK - DROGUERIA COLOMBIA VITAL</t>
  </si>
  <si>
    <t>CR  52A  29  20 SUR</t>
  </si>
  <si>
    <t>PUNTO DE PAGO- PLATIK - MISCELANEA ROSITA</t>
  </si>
  <si>
    <t>CRA 136 17C 22</t>
  </si>
  <si>
    <t>PUNTO DE PAGO- PLATIK - RECUADOS J Y A</t>
  </si>
  <si>
    <t>CL 139 128a 21</t>
  </si>
  <si>
    <t>PUNTO DE PAGO- PLATIK - TIEMPO VISUAL 7 DE AGOSTO</t>
  </si>
  <si>
    <t>CL 67 24 16 LC C4</t>
  </si>
  <si>
    <t>PUNTO DE PAGO- PLATIK - CONNECTING CITY</t>
  </si>
  <si>
    <t>CL 56 4A 05 SUR</t>
  </si>
  <si>
    <t>PUNTO DE PAGO- PLATIK -VIDEO ROA</t>
  </si>
  <si>
    <t>CLL 23 107 58</t>
  </si>
  <si>
    <t>PUNTO DE PAGO- PLATIK - FOTOMARQ</t>
  </si>
  <si>
    <t>CL 59C SUR 87C 14</t>
  </si>
  <si>
    <t>PUNTO DE PAGO- PLATIK - LAVASECO CASTILLA LV</t>
  </si>
  <si>
    <t>CR 88D 8A 81 CS 16</t>
  </si>
  <si>
    <t>PUNTO DE PAGO- PLATIK - LA LICORERA.COM</t>
  </si>
  <si>
    <t>CL 6 SUR 71D 05</t>
  </si>
  <si>
    <t>PUNTO DE PAGO- PLATIK - INTERNET PRIMAVERA</t>
  </si>
  <si>
    <t>CL 26 SUR 89D 64</t>
  </si>
  <si>
    <t>PUNTO DE PAGO- PLATIK - ALMACEN J Y ZFREDONIA</t>
  </si>
  <si>
    <t>CLLR 32B  80 45</t>
  </si>
  <si>
    <t>PUNTO DE PAGO- PLATIK - PAPELERIA 264</t>
  </si>
  <si>
    <t>CLL 65 SUR 97C 50</t>
  </si>
  <si>
    <t>PUNTO DE PAGO- PLATIK - PUNTO PAGA TODO</t>
  </si>
  <si>
    <t>CL 161 8B 30</t>
  </si>
  <si>
    <t>PUNTO DE PAGO- PLATIK - DON PAGO GALICIA</t>
  </si>
  <si>
    <t>CRA 73G 62A SUR 84</t>
  </si>
  <si>
    <t>PUNTO DE PAGO- PLATIK - COMERCIALIZADORA KERYCK</t>
  </si>
  <si>
    <t>TV 48C 69H 20 SUR</t>
  </si>
  <si>
    <t>PUNTO DE PAGO- PLATIK - PAPPGO</t>
  </si>
  <si>
    <t>CL 21 4 A 35</t>
  </si>
  <si>
    <t>PUNTO DE PAGO- PLATIK - MISCELANEA Y PAPELERIA WILJAN</t>
  </si>
  <si>
    <t>AC 6 71 A 55</t>
  </si>
  <si>
    <t>PUNTO DE PAGO- PLATIK - MISCELANEA TODO BIEN</t>
  </si>
  <si>
    <t>CL 67 28A 06</t>
  </si>
  <si>
    <t>PUTUMAYO</t>
  </si>
  <si>
    <t>PUERTO LEGUÍZAMO</t>
  </si>
  <si>
    <t>PUNTO DE PAGO- PLATIK - PIÑATERIA JEIKO</t>
  </si>
  <si>
    <t>VRA MECAYA</t>
  </si>
  <si>
    <t>PUNTO DE PAGO- PLATIK - COMPUPARTES FYL SERVICIO TÉCNICO</t>
  </si>
  <si>
    <t>MZ 155 LT 17 TV 88</t>
  </si>
  <si>
    <t>PUNTO DE PAGO- PLATIK - PAPELERIA SAMMS</t>
  </si>
  <si>
    <t>MZNA C LT 2 LC 2</t>
  </si>
  <si>
    <t>PUNTO DE PAGO- PLATIK - BARBERIA KRONOS</t>
  </si>
  <si>
    <t>CLL 86 SUR 80I 22</t>
  </si>
  <si>
    <t>PUNTO DE PAGO- PLATIK - MINIMERCADO YAKAR</t>
  </si>
  <si>
    <t>CR 23 64 03</t>
  </si>
  <si>
    <t>PUNTO DE PAGO- PLATIK - SUPERMARKET OSUNA</t>
  </si>
  <si>
    <t>CR 78F 0 09</t>
  </si>
  <si>
    <t>PUNTO DE PAGO- PLATIK - FAMIPAL COMUNICACIONES</t>
  </si>
  <si>
    <t>CRA 29 65 08</t>
  </si>
  <si>
    <t>PUNTO DE PAGO- PLATIK - SUBA</t>
  </si>
  <si>
    <t>CRA 91 135 A 15</t>
  </si>
  <si>
    <t>PUNTO DE PAGO- PLATIK - MAYORISTAS EN PAPELERIA LAS VARIEDADES</t>
  </si>
  <si>
    <t>CRA 80 70C 28 SUR</t>
  </si>
  <si>
    <t>PUNTO DE PAGO- PLATIK - AGREDCOM</t>
  </si>
  <si>
    <t>CRA 88C 70A 03 SUR</t>
  </si>
  <si>
    <t>PUNTO DE PAGO- PLATIK - WPLAY 7 DE AGOSTO</t>
  </si>
  <si>
    <t>CRA 28B 65 95</t>
  </si>
  <si>
    <t>PUNTO DE PAGO- PLATIK - AUOSEVICIO TRICOMPLETO</t>
  </si>
  <si>
    <t>KR 88 MZ 172 LT 17</t>
  </si>
  <si>
    <t>PUNTO DE PAGO- PLATIK - ASIEL VARIEDADES KD</t>
  </si>
  <si>
    <t>CL 52 S 11A 24</t>
  </si>
  <si>
    <t>PUNTO DE PAGO- PLATIK - DROGUERÍAS BETHEL</t>
  </si>
  <si>
    <t>CL 150 22 36</t>
  </si>
  <si>
    <t>PUNTO DE PAGO- PLATIK - PAPELERIA STEFANNY</t>
  </si>
  <si>
    <t>CL 75F 110 06</t>
  </si>
  <si>
    <t>PUNTO DE PAGO- PLATIK - COOTRAECOR</t>
  </si>
  <si>
    <t>CL 33 4 44</t>
  </si>
  <si>
    <t>PUNTO DE PAGO- PLATIK - PIPONAS Y BEBESITO</t>
  </si>
  <si>
    <t>CL 83B 94F 21</t>
  </si>
  <si>
    <t>PUNTO DE PAGO- PLATIK - PAPELERIA PADRE PIO</t>
  </si>
  <si>
    <t>CR 88 MZ 90 LT9 L1</t>
  </si>
  <si>
    <t>PUNTO DE PAGO- PLATIK - ALGO BONITO</t>
  </si>
  <si>
    <t>MZ 1 LOTE 20</t>
  </si>
  <si>
    <t>PUNTO DE PAGO- PLATIK - TIENDA NATURISTA LA CASCARA SAGRADA</t>
  </si>
  <si>
    <t>URB SAN PEDRO MZN 5 LT 8</t>
  </si>
  <si>
    <t>PUNTO DE PAGO- PLATIK - MISCELANEA Y PAPELERÍA EL TREBOL</t>
  </si>
  <si>
    <t>CL 55A SUR 29 07</t>
  </si>
  <si>
    <t>PUNTO DE PAGO- PLATIK - GENERACIONNIDIA´S</t>
  </si>
  <si>
    <t>CRA 95A 135A 39</t>
  </si>
  <si>
    <t>PUNTO DE PAGO- PLATIK - ROBIRO BASTIDAS RODRIGUEZ</t>
  </si>
  <si>
    <t>MZ 12A LT 3</t>
  </si>
  <si>
    <t>PUNTO DE PAGO- PLATIK - GIROS CARRERA 79</t>
  </si>
  <si>
    <t>CR 79 46A 82 SUR</t>
  </si>
  <si>
    <t>PUNTO DE PAGO- PLATIK - DISLOZIPA</t>
  </si>
  <si>
    <t>CLL 17 12 51 PS 3</t>
  </si>
  <si>
    <t>PUNTO DE PAGO- PLATIK - FAMITODO</t>
  </si>
  <si>
    <t>CR 35 63A 11</t>
  </si>
  <si>
    <t>PUNTO DE PAGO- PLATIK - DONDE PEQUEÑO</t>
  </si>
  <si>
    <t>CR 2C este  91   52 SUR</t>
  </si>
  <si>
    <t>PUNTO DE PAGO- PLATIK - MARANATHA</t>
  </si>
  <si>
    <t>CL 152 A 91 96</t>
  </si>
  <si>
    <t>PUNTO DE PAGO- PLATIK - PAPELERIA SML 2</t>
  </si>
  <si>
    <t>CL 90 94D 37</t>
  </si>
  <si>
    <t>PUNTO DE PAGO- PLATIK - SMILE SHOP</t>
  </si>
  <si>
    <t>CL 7A 74 71</t>
  </si>
  <si>
    <t>PUNTO DE PAGO- PLATIK - DROGUERIA H.Z</t>
  </si>
  <si>
    <t>CRA 5 81A 28</t>
  </si>
  <si>
    <t>PUNTO DE PAGO- PLATIK - DROGUERIA FARMAHUELLAS</t>
  </si>
  <si>
    <t>MZNA D LOTE 14</t>
  </si>
  <si>
    <t>PUNTO DE PAGO- PLATIK - TECNI ACESORIOS</t>
  </si>
  <si>
    <t>PLAN 33BMZA 63 LT 1</t>
  </si>
  <si>
    <t>PUNTO DE PAGO- PLATIK - FRESCO HOGAR</t>
  </si>
  <si>
    <t>CR 72 K 40 79 SUR</t>
  </si>
  <si>
    <t>PUNTO DE PAGO- PLATIK - F &amp; P INVERSIONES SAS</t>
  </si>
  <si>
    <t>CL 68 29 05</t>
  </si>
  <si>
    <t>PUNTO DE PAGO- PLATIK - NAUTICA</t>
  </si>
  <si>
    <t>CR 78F 42 38 SUR</t>
  </si>
  <si>
    <t>PUNTO DE PAGO- PLATIK - CYBERPAPER2021</t>
  </si>
  <si>
    <t>CL 48X S 5N 89</t>
  </si>
  <si>
    <t>PUNTO DE PAGO- PLATIK - CARLOS AGAMEZ</t>
  </si>
  <si>
    <t>VLLA ETLLA MZ A L-3</t>
  </si>
  <si>
    <t>PUNTO DE PAGO- PLATIK - CHINOCELL</t>
  </si>
  <si>
    <t>SEC LA PAZ MZ 216 16</t>
  </si>
  <si>
    <t>PUNTO DE PAGO- PLATIK - VARIEDADES SAN JUDAS TADEO</t>
  </si>
  <si>
    <t>URB VLLA MARG CA 13</t>
  </si>
  <si>
    <t>PUNTO DE PAGO- PLATIK - SALSAMENTARIAY DESECHABLES DE COLOMBIA</t>
  </si>
  <si>
    <t>CRA 102 38A 91</t>
  </si>
  <si>
    <t>PUNTO DE PAGO- PLATIK - MISCELANEA Y PAPELERIA ISMENIA</t>
  </si>
  <si>
    <t>TV 68H BIS 37 05</t>
  </si>
  <si>
    <t>PUNTO DE PAGO- PLATIK - GIROS CARRERA 78</t>
  </si>
  <si>
    <t>CR 78L 53 05 SUR</t>
  </si>
  <si>
    <t>PUNTO DE PAGO- PLATIK - SMARTTHEC</t>
  </si>
  <si>
    <t>CL 79 14 12 LC 101</t>
  </si>
  <si>
    <t>PUNTO DE PAGO- PLATIK - DROGUERIA LA GRAN SALUD</t>
  </si>
  <si>
    <t>CR 72Q 38B 23 SUR</t>
  </si>
  <si>
    <t>PUNTO DE PAGO- PLATIK - SERVICIO TECNICO ESPECIALIZADO EN TV</t>
  </si>
  <si>
    <t>CR 91A 39 12 SUR</t>
  </si>
  <si>
    <t>PUNTO DE PAGO- PLATIK -  DROGUERÍA JARDÍN REAL</t>
  </si>
  <si>
    <t>CR 102B  40C 26</t>
  </si>
  <si>
    <t>PUNTO DE PAGO- PLATIK - CYBER MUNDO DIGITAL</t>
  </si>
  <si>
    <t>CR 75 4C 94 L1</t>
  </si>
  <si>
    <t>PUNTO DE PAGO- PLATIK - COMUNICACIONES LA PROMESAUC</t>
  </si>
  <si>
    <t>CL 49G SUR 7A 19</t>
  </si>
  <si>
    <t>PUNTO DE PAGO- PLATIK - TECNOTRIKS</t>
  </si>
  <si>
    <t>CL 39B SUR 52A 82</t>
  </si>
  <si>
    <t>PUNTO DE PAGO- PLATIK - LIBRERIA BAUTISTA</t>
  </si>
  <si>
    <t>CR 7 31A 78</t>
  </si>
  <si>
    <t>PUNTO DE PAGO- PLATIK - PAPELERIA CRISTO TE AMA</t>
  </si>
  <si>
    <t>MZ 49 L 21 SEC CENTRAL</t>
  </si>
  <si>
    <t>PUNTO DE PAGO- PLATIK - DROGUERIAS FARMACIA MALLFARMA</t>
  </si>
  <si>
    <t>AV PPA CL 15 80C 50</t>
  </si>
  <si>
    <t>PUNTO DE PAGO- PLATIK - BLANCA NIEVE</t>
  </si>
  <si>
    <t>MZA L 5A LA GAITANA</t>
  </si>
  <si>
    <t>PUNTO DE PAGO- PLATIK - SOLUCIONES FRANKLIN"S</t>
  </si>
  <si>
    <t>CRA 100 35 ESQ OLIMPICA</t>
  </si>
  <si>
    <t>PUNTO DE PAGO- PLATIK - DISTRI ARGERA</t>
  </si>
  <si>
    <t>CL 54 SUR 36A 01</t>
  </si>
  <si>
    <t>PUNTO DE PAGO- PLATIK - TIENDA SEMARA</t>
  </si>
  <si>
    <t>CL 107 SUR 7I 18 ESTE</t>
  </si>
  <si>
    <t>PUNTO DE PAGO- PLATIK - CONMOVIL CUCUTA</t>
  </si>
  <si>
    <t>CALLE 11 # 3 - 67</t>
  </si>
  <si>
    <t>MAGDALENA</t>
  </si>
  <si>
    <t>CIÉNAGA</t>
  </si>
  <si>
    <t>PUNTO DE PAGO- PLATIK - CONMOVIL CIENAGA</t>
  </si>
  <si>
    <t xml:space="preserve">CALLE 16 No. 13 05 	</t>
  </si>
  <si>
    <t>PUNTO DE PAGO- PLATIK - BOUTIQUE MERYMOON</t>
  </si>
  <si>
    <t>CLL 57N BIS 75D 10 SUR</t>
  </si>
  <si>
    <t>PUNTO DE PAGO- PLATIK - EY DIGITAL SERVICE</t>
  </si>
  <si>
    <t>CLL 55A SUR 69 07A</t>
  </si>
  <si>
    <t>PUNTO DE PAGO- PLATIK - CIGARRERIA Y MINIMERCADO LA CAYE</t>
  </si>
  <si>
    <t>DG 5A 73B 27</t>
  </si>
  <si>
    <t>PUNTO DE PAGO- PLATIK - PET STORE</t>
  </si>
  <si>
    <t>CL 38C SUR 88C 23</t>
  </si>
  <si>
    <t>PUNTO DE PAGO- PLATIK - SHELEMA PLUSS</t>
  </si>
  <si>
    <t>CRA 102 MZNA F LT 11</t>
  </si>
  <si>
    <t>PUNTO DE PAGO- PLATIK - PAPELERIA CYBER JD</t>
  </si>
  <si>
    <t>MZ 8 LT 13 CALLE 15</t>
  </si>
  <si>
    <t>PUNTO DE PAGO- PLATIK - INVERSIONES GUADALUPE</t>
  </si>
  <si>
    <t>MZ J LT 1 LC 2</t>
  </si>
  <si>
    <t>PUNTO DE PAGO- PLATIK - LA CASA DE PAPEL</t>
  </si>
  <si>
    <t>CL 127A BIS 3B 20</t>
  </si>
  <si>
    <t>PUNTO DE PAGO- PLATIK - ACCESORIOS V.I.A</t>
  </si>
  <si>
    <t>CL71F SUR 14L 05</t>
  </si>
  <si>
    <t>PUNTO DE PAGO- PLATIK - JHON JAIRO FLOREZ</t>
  </si>
  <si>
    <t>CLL 64 SUR 72 32</t>
  </si>
  <si>
    <t>PUNTO DE PAGO- PLATIK - PAPELERIA EL TRIANGULO</t>
  </si>
  <si>
    <t>DG 60  3B  75 SUR</t>
  </si>
  <si>
    <t>PUNTO DE PAGO- PLATIK - PAPELERIA MILTRAZOS</t>
  </si>
  <si>
    <t>TV 126B 132B  72</t>
  </si>
  <si>
    <t>AV CL 3 71G 07</t>
  </si>
  <si>
    <t>PUNTO DE PAGO- PLATIK - PAPELERIA JUANES</t>
  </si>
  <si>
    <t>CR 70F 68A 42 SUR</t>
  </si>
  <si>
    <t>PUNTO DE PAGO- PLATIK - COLOMBIAN CT&amp;T SAS</t>
  </si>
  <si>
    <t>CLL 70C 17 37</t>
  </si>
  <si>
    <t>PUNTO DE PAGO- PLATIK - UNIVERSO.COM</t>
  </si>
  <si>
    <t>CL 64B 105I 21</t>
  </si>
  <si>
    <t>PUNTO DE PAGO- PLATIK - ATOMIX.COM</t>
  </si>
  <si>
    <t>CL 57B SUR 71D 24</t>
  </si>
  <si>
    <t>PUNTO DE PAGO- PLATIK - CELUVARIEDADES EL CHINO</t>
  </si>
  <si>
    <t>CL 31D 62A 16</t>
  </si>
  <si>
    <t>PUNTO DE PAGO- PLATIK - TECNICEL ALBAHER</t>
  </si>
  <si>
    <t>CR 20A 65 65 SUR</t>
  </si>
  <si>
    <t>PUNTO DE PAGO- PLATIK - YANETH PARRA CAMPOS</t>
  </si>
  <si>
    <t>CLL 63 SUR 72 49</t>
  </si>
  <si>
    <t>PUNTO DE PAGO- PLATIK - SERVIGOMEZ</t>
  </si>
  <si>
    <t>CR 24 31B 24 SUR</t>
  </si>
  <si>
    <t>PUNTO DE PAGO- PLATIK - DROGAS DOMAR</t>
  </si>
  <si>
    <t>SECT RAFAEL NUNEZ 52 35</t>
  </si>
  <si>
    <t>PUNTO DE PAGO- PLATIK - KAREN TATIANA CORTES</t>
  </si>
  <si>
    <t>CL 68B SUR20D 09</t>
  </si>
  <si>
    <t>PUNTO DE PAGO- PLATIK - ARTE Y VINTAGE</t>
  </si>
  <si>
    <t>CRA 68H 73A 13</t>
  </si>
  <si>
    <t>PLATO</t>
  </si>
  <si>
    <t xml:space="preserve">PUNTO DE PAGO- PLATIK - CONMOVIL PLATO </t>
  </si>
  <si>
    <t>CRA 14  8 25</t>
  </si>
  <si>
    <t>PUNTO DE PAGO- PLATIK - CINDY MARLEY SANCHEZ</t>
  </si>
  <si>
    <t>CL 60B BIS 18D 02 SUR</t>
  </si>
  <si>
    <t>PUNTO DE PAGO- PLATIK - SUPERMERCADO CONSULADO EXPRESS</t>
  </si>
  <si>
    <t>CL 30 54 11 ESQ</t>
  </si>
  <si>
    <t xml:space="preserve">PUNTO DE PAGO- PLATIK - SOLUCIONES DIGITALES 20 </t>
  </si>
  <si>
    <t>CR 4  27 04</t>
  </si>
  <si>
    <t>PUNTO DE PAGO- PLATIK - CARLOS SANTOS</t>
  </si>
  <si>
    <t>CR 81B 42 67 SUR</t>
  </si>
  <si>
    <t>PUNTO DE PAGO- PLATIK - DROGUERIA SUPER Y MAX</t>
  </si>
  <si>
    <t>MZ 26 LT 9</t>
  </si>
  <si>
    <t>CL 6A 94A 26</t>
  </si>
  <si>
    <t>PUNTO DE PAGO- PLATIK - PAPELERIA MG</t>
  </si>
  <si>
    <t>AV CL 43 SUR 79G 18</t>
  </si>
  <si>
    <t>PUNTO DE PAGO- PLATIK - PURPLE KUSH SHOP</t>
  </si>
  <si>
    <t>CR 37 17B 76 SUR L 3</t>
  </si>
  <si>
    <t>PUNTO DE PAGO- PLATIK - MISCELANE SANTO DOMINGO</t>
  </si>
  <si>
    <t>TV 77 68B  08 SUR</t>
  </si>
  <si>
    <t>PUNTO DE PAGO- PLATIK - PAPELERIA ELIN</t>
  </si>
  <si>
    <t>CR 67A 4D 90</t>
  </si>
  <si>
    <t>PUNTO DE PAGO- PLATIK - VARIEDADES MARAYA JJJ</t>
  </si>
  <si>
    <t>CL 3  5  69</t>
  </si>
  <si>
    <t>PUNTO DE PAGO- PLATIK - COPIAS LA RANA</t>
  </si>
  <si>
    <t>CL 41 7 54</t>
  </si>
  <si>
    <t xml:space="preserve">PUNTO DE PAGO- PLATIK - CIGARRERIA POTOSI </t>
  </si>
  <si>
    <t>TV 44A 78A 51 S</t>
  </si>
  <si>
    <t xml:space="preserve">PUNTO DE PAGO- PLATIK - PAPELERIA LOS POCHIS </t>
  </si>
  <si>
    <t>CL 35 SUR  91  56</t>
  </si>
  <si>
    <t>PUNTO DE PAGO- PLATIK - MULTISERVICIOS VALLADOLID</t>
  </si>
  <si>
    <t>CR 81F 8 64 L1</t>
  </si>
  <si>
    <t>PUNTO DE PAGO- PLATIK - ANNY VARIEDADES</t>
  </si>
  <si>
    <t>CR 78G 38 64 SUR</t>
  </si>
  <si>
    <t>PUNTO DE PAGO- PLATIK - CONFICOMPUTO S</t>
  </si>
  <si>
    <t>CR 97B 61A 22 SUR</t>
  </si>
  <si>
    <t>PUNTO DE PAGO- PLATIK - PAPELERIA CONFICOMPUTOS</t>
  </si>
  <si>
    <t>CL 57B SUR 98 04</t>
  </si>
  <si>
    <t>PUNTO DE PAGO- PLATIK - VARIEDADES BUENA VISTA</t>
  </si>
  <si>
    <t>CL 136A SUR 14 73 BQ 7 CS 7</t>
  </si>
  <si>
    <t>PUNTO DE PAGO- PLATIK - CIGARRERIA EXPRESS DS</t>
  </si>
  <si>
    <t>CL  23B 119B  25</t>
  </si>
  <si>
    <t>PUNTO DE PAGO- PLATIK - PAPELERIA LUNA SOL</t>
  </si>
  <si>
    <t>CL 57 27 14</t>
  </si>
  <si>
    <t>PUNTO DE PAGO- PLATIK - RDJ SHALOM ADONAI COMUNICACIONES</t>
  </si>
  <si>
    <t>CL 53 19 06</t>
  </si>
  <si>
    <t>PUNTO DE PAGO- PLATIK - RED MUNDIAL l</t>
  </si>
  <si>
    <t>CR 78F 42F 27 SUR</t>
  </si>
  <si>
    <t>PUNTO DE PAGO- PLATIK - CENTRO DE GIROS Y ENVIOS CASTRO</t>
  </si>
  <si>
    <t>CR 68D 37 73 SUR</t>
  </si>
  <si>
    <t>PUNTO DE PAGO- PLATIK - RIJ</t>
  </si>
  <si>
    <t>CR 72 J BIS 36 90 SUR</t>
  </si>
  <si>
    <t>PUNTO DE PAGO- PLATIK - CAFE INTERNET Y PAPELERIA PAPERGABY</t>
  </si>
  <si>
    <t>CRA 55 70A 24</t>
  </si>
  <si>
    <t>PUNTO DE PAGO- PLATIK - PAPEL Y LAPIZ</t>
  </si>
  <si>
    <t>CL 42F SUR 88D 16</t>
  </si>
  <si>
    <t>PUNTO DE PAGO- PLATIK - SKINY MOVIL</t>
  </si>
  <si>
    <t>CRA 13 56 34</t>
  </si>
  <si>
    <t>PUNTO DE PAGO- PLATIK - VIDEODISTRCCION</t>
  </si>
  <si>
    <t>MZA 64 LT 6 ETP 1</t>
  </si>
  <si>
    <t>PUNTO DE PAGO- PLATIK - EFECTY LOS ANGELES</t>
  </si>
  <si>
    <t>POZÓN SEC ANGELES MZN E LT 4</t>
  </si>
  <si>
    <t>PUNTO DE PAGO- PLATIK - MISCELANEA Y PAPELERIA CARVAJAL</t>
  </si>
  <si>
    <t>TV 14ESTE 57 81</t>
  </si>
  <si>
    <t>PUNTO DE PAGO- PLATIK - TECNOLAPIZ 130</t>
  </si>
  <si>
    <t>CL 130C 94B 22</t>
  </si>
  <si>
    <t xml:space="preserve">PUNTO DE PAGO- PLATIK - VIVERES LA 33 </t>
  </si>
  <si>
    <t>CR 33 47B 32SUR</t>
  </si>
  <si>
    <t>PUNTO DE PAGO- PLATIK - AUTOSERVICIO MERKDARELI</t>
  </si>
  <si>
    <t>CR 87N  59C  83 SUR</t>
  </si>
  <si>
    <t>EL BANCO</t>
  </si>
  <si>
    <t>PUNTO DE PAGO- PLATIK - CONMOVIL BANCO</t>
  </si>
  <si>
    <t>CRA 5  4 43</t>
  </si>
  <si>
    <t xml:space="preserve">PUNTO DE PAGO- PLATIK - PAGA TODO </t>
  </si>
  <si>
    <t>CL 22 H 114A 79</t>
  </si>
  <si>
    <t>PUNTO DE PAGO- PLATIK - DISTRIBUCIONES VALESAMA</t>
  </si>
  <si>
    <t>TV 48B  69D 12 SUR</t>
  </si>
  <si>
    <t>PUNTO DE PAGO- PLATIK - ADINAEL GONZÁLEZ MEDINA</t>
  </si>
  <si>
    <t>CL 65 SUR 20A 14</t>
  </si>
  <si>
    <t>CRA 87C 70 35 SUR</t>
  </si>
  <si>
    <t>PUNTO DE PAGO- PLATIK - DROGUERIA COSBY</t>
  </si>
  <si>
    <t>CR 81 73F 84 SUR</t>
  </si>
  <si>
    <t>PUNTO DE PAGO- PLATIK - TOMODROGAS MINIMARKET</t>
  </si>
  <si>
    <t>AK 14 35 36 S</t>
  </si>
  <si>
    <t>PUNTO DE PAGO- PLATIK - PUNTO CLARET</t>
  </si>
  <si>
    <t>DG 44 26 06 S</t>
  </si>
  <si>
    <t xml:space="preserve">PUNTO DE PAGO- PLATIK - CELUPARTES DE LA COSTA </t>
  </si>
  <si>
    <t>Urb La princesa mz 19 lt17</t>
  </si>
  <si>
    <t>PUNTO DE PAGO- PLATIK - COMUNICACIONES MAYRA</t>
  </si>
  <si>
    <t>CRA 13 136 26 SUR</t>
  </si>
  <si>
    <t>PUNTO DE PAGO- PLATIK - MISTER PAGO</t>
  </si>
  <si>
    <t>CL 54C SUR 100 24</t>
  </si>
  <si>
    <t>PUNTO DE PAGO- PLATIK - VARIEDADES PAPELCOPIAS SHEKINAH Y ALGO MAS</t>
  </si>
  <si>
    <t>URB VILLA GRANDE DE INDIAS 1 MZG LT16</t>
  </si>
  <si>
    <t>PUNTO DE PAGO- PLATIK - DROGUERIA FARMASANTY F.M</t>
  </si>
  <si>
    <t>CRA 80 49B 03 SUR</t>
  </si>
  <si>
    <t>SAN ANTONIO DEL TEQUENDAMA</t>
  </si>
  <si>
    <t xml:space="preserve">PUNTO DE PAGO- PLATIK - INTERCL@USPRADILLA </t>
  </si>
  <si>
    <t>CL 2  2  08</t>
  </si>
  <si>
    <t>PUNTO DE PAGO- PLATIK - LA LISTA APM</t>
  </si>
  <si>
    <t>CL 66 69 13</t>
  </si>
  <si>
    <t>VILLA DEL ROSARIO</t>
  </si>
  <si>
    <t>PUNTO DE PAGO- PLATIK - CONMOVIL VILLA DEL ROSARIO</t>
  </si>
  <si>
    <t>CR7 5 19</t>
  </si>
  <si>
    <t>PUNTO DE PAGO- PLATIK - ELECTRONICA YEN</t>
  </si>
  <si>
    <t>MZ 10 LT 12 LC 3</t>
  </si>
  <si>
    <t>PUNTO DE PAGO- PLATIK - JG.COM</t>
  </si>
  <si>
    <t>CR 4 185B 04</t>
  </si>
  <si>
    <t>PUNTO DE PAGO- PLATIK - COMUNICACIONES C ROJAS</t>
  </si>
  <si>
    <t>CL 23B 117  04</t>
  </si>
  <si>
    <t>PUNTO DE PAGO- PLATIK - IMPRESIONES Y RECARGAS MUNDO VIRTUAL</t>
  </si>
  <si>
    <t>LOS CARACOLES MZ 23 Lt 22 Et 2</t>
  </si>
  <si>
    <t>PUNTO DE PAGO- PLATIK - BUBBLE CAT</t>
  </si>
  <si>
    <t>CL 72 98 06</t>
  </si>
  <si>
    <t>PUNTO DE PAGO- PLATIK - PAPELERIA Y SERVICIO TÉCNICO JYM</t>
  </si>
  <si>
    <t>CRA  80M 7C 28 SUR</t>
  </si>
  <si>
    <t>PUNTO DE PAGO- PLATIK - ETHEL</t>
  </si>
  <si>
    <t>CR 14A 71D 05 SUR</t>
  </si>
  <si>
    <t>PUNTO DE PAGO- PLATIK - VARIEDADES J&amp;M</t>
  </si>
  <si>
    <t>CRA  27  54A 06 SUR</t>
  </si>
  <si>
    <t>PUNTO DE PAGO- PLATIK - MASDROGUERIAS</t>
  </si>
  <si>
    <t>CRA 21 52A 12</t>
  </si>
  <si>
    <t>PUNTO DE PAGO- PLATIK - BLISS COPY</t>
  </si>
  <si>
    <t>CL 135A 94D 04 L 1</t>
  </si>
  <si>
    <t>PUNTO DE PAGO- PLATIK - PAPELERÍA Y VARIEDADES MORITA 2021</t>
  </si>
  <si>
    <t>CR 76 BIS 68 07</t>
  </si>
  <si>
    <t>PUNTO DE PAGO- PLATIK - GISSEDT NATALY RABA</t>
  </si>
  <si>
    <t>DG 64A SUR 41 10</t>
  </si>
  <si>
    <t>PUNTO DE PAGO- PLATIK - ALBA LUCÍA GARCÍA TOVAR</t>
  </si>
  <si>
    <t>CR 19D 67 09 SUR</t>
  </si>
  <si>
    <t>PUNTO DE PAGO- PLATIK - FRONTERANG</t>
  </si>
  <si>
    <t>CRA 111 66 06</t>
  </si>
  <si>
    <t>PUNTO DE PAGO- PLATIK - DROGUERIA HAN S</t>
  </si>
  <si>
    <t>CL 3 BIS SUR 7 31 ESTE</t>
  </si>
  <si>
    <t>PUNTO DE PAGO- PLATIK - PAPELERIA DE LA 119</t>
  </si>
  <si>
    <t>CL 119  6A  21</t>
  </si>
  <si>
    <t>PUNTO DE PAGO- PLATIK - MP TECNICO Y PAPELERIA</t>
  </si>
  <si>
    <t>CL 56H SUR 93C 98 L 2</t>
  </si>
  <si>
    <t>PUNTO DE PAGO- PLATIK - DROGUERIA GALENO 1</t>
  </si>
  <si>
    <t>MZA H LT 69</t>
  </si>
  <si>
    <t>PUNTO DE PAGO- PLATIK - EFECTY MUNDO DETALLES ANTONELLA</t>
  </si>
  <si>
    <t>VILLAS DE LA CANDELARIA MANZABA 30 LOTE 15</t>
  </si>
  <si>
    <t>HUILA</t>
  </si>
  <si>
    <t>NEIVA</t>
  </si>
  <si>
    <t>PUNTO DE PAGO- PLATIK - PAPELERIA DIANIS NEIVA</t>
  </si>
  <si>
    <t>CL 23A SUR 22 22</t>
  </si>
  <si>
    <t>PUNTO DE PAGO- PLATIK - PAPELERIA MIS TRES ANGELITOS</t>
  </si>
  <si>
    <t>CR 87 5 21</t>
  </si>
  <si>
    <t>PUNTO DE PAGO- PLATIK - COMPUVICO</t>
  </si>
  <si>
    <t>CL 56 S 3H 15</t>
  </si>
  <si>
    <t>PUNTO DE PAGO- PLATIK - MAS Q' PAPELES</t>
  </si>
  <si>
    <t>CL 26 SUR 24H 08</t>
  </si>
  <si>
    <t>PUNTO DE PAGO- PLATIK - E DANIELA</t>
  </si>
  <si>
    <t>CL 42F SUR 79 21</t>
  </si>
  <si>
    <t>PUNTO DE PAGO- PLATIK - DROGUERIA ANUBIS</t>
  </si>
  <si>
    <t>CL 40C 79D 15 SUR</t>
  </si>
  <si>
    <t>PUNTO DE PAGO- PLATIK - FERRESTRONGS</t>
  </si>
  <si>
    <t>CL  68B 77A SUR  04</t>
  </si>
  <si>
    <t>PUNTO DE PAGO- PLATIK - PELUQUERIA JASBLEIDY</t>
  </si>
  <si>
    <t>KRA 10 0 98</t>
  </si>
  <si>
    <t>PUNTO DE PAGO- PLATIK - KAPRICHOS</t>
  </si>
  <si>
    <t>CL 8 C 80C 26</t>
  </si>
  <si>
    <t>PUNTO DE PAGO- PLATIK - PAPELERIA S &amp; M</t>
  </si>
  <si>
    <t>AV CR 118 138A 30</t>
  </si>
  <si>
    <t>PUNTO DE PAGO- PLATIK - DROGAS MARILLY</t>
  </si>
  <si>
    <t xml:space="preserve">CR 82 1 24 </t>
  </si>
  <si>
    <t>PUNTO DE PAGO- PLATIK - AATC NO.1</t>
  </si>
  <si>
    <t xml:space="preserve">CL 138 150A 12 </t>
  </si>
  <si>
    <t>PUNTO DE PAGO- PLATIK - MICELANIA EL GRAN EXITO</t>
  </si>
  <si>
    <t>DG 81 SUR 45B 69</t>
  </si>
  <si>
    <t>PUNTO DE PAGO- PLATIK - DELIVERY TIMES S.A</t>
  </si>
  <si>
    <t>DG 22 A 47 193 APT 1</t>
  </si>
  <si>
    <t>PUNTO DE PAGO- PLATIK - EN LINEA DOOS- CORRESPONSAL BANCARIO Y TENDENCIAS</t>
  </si>
  <si>
    <t>CR 112A 78F 14 PS2</t>
  </si>
  <si>
    <t>PUNTO DE PAGO- PLATIK - MUNDO PAPEL V.C.</t>
  </si>
  <si>
    <t>CL 69A 77 34</t>
  </si>
  <si>
    <t xml:space="preserve">CR 68D 36 15SUR </t>
  </si>
  <si>
    <t>PUNTO DE PAGO- PLATIK - LA GRANADA DE PLATA</t>
  </si>
  <si>
    <t>CL 31A S 2 69</t>
  </si>
  <si>
    <t>PUNTO DE PAGO- PLATIK - BAMBY VARIERADES</t>
  </si>
  <si>
    <t>CR 43C 68B 28 SUR</t>
  </si>
  <si>
    <t>PUNTO DE PAGO- PLATIK - AVILA EXPRESS</t>
  </si>
  <si>
    <t>CR 106A 70 04</t>
  </si>
  <si>
    <t>PUNTO DE PAGO- PLATIK - COPIAS URANO</t>
  </si>
  <si>
    <t>CL 33 7 29</t>
  </si>
  <si>
    <t>PUNTO DE PAGO- PLATIK - VARIEDADES GAIIA</t>
  </si>
  <si>
    <t>CL 64 SUR 22B 42</t>
  </si>
  <si>
    <t>NARIÑO</t>
  </si>
  <si>
    <t>PUPIALES</t>
  </si>
  <si>
    <t>PUNTO DE PAGO- PLATIK - SIS&amp;CONT SOLUCIONES</t>
  </si>
  <si>
    <t>CR 3 5 97</t>
  </si>
  <si>
    <t>PUNTO DE PAGO- PLATIK - INTERNACIONAL DE MINUTOS</t>
  </si>
  <si>
    <t xml:space="preserve">CL 76B SUR 14 07 INT1 </t>
  </si>
  <si>
    <t>PUNTO DE PAGO- PLATIK - A TIEMPO Y MENSAJERIA PAQUETEO</t>
  </si>
  <si>
    <t>AV CRA 30 25 A 47 LC102</t>
  </si>
  <si>
    <t>PUNTO DE PAGO- PLATIK - PAPELERÍA Y MISCELANEA ROMY</t>
  </si>
  <si>
    <t>CRA 10 B 182 A 42</t>
  </si>
  <si>
    <t>PUNTO DE PAGO- PLATIK - LA MARIA PUNTO NARANJA</t>
  </si>
  <si>
    <t>CRA 8 41 29</t>
  </si>
  <si>
    <t>PUNTO DE PAGO- PLATIK - DROGUERIA DEL PUEBLO</t>
  </si>
  <si>
    <t>CL 42 F SUR 79 06</t>
  </si>
  <si>
    <t>PUNTO DE PAGO- PLATIK - COMUNICACIONES Y PAPELERIA JEHOVA NISSI</t>
  </si>
  <si>
    <t>SEC LAGOS MZ1 LT 21</t>
  </si>
  <si>
    <t>PUNTO DE PAGO- PLATIK - CUTE CASE COLOMBIA</t>
  </si>
  <si>
    <t>CRA 94 76 39</t>
  </si>
  <si>
    <t>PUNTO DE PAGO- PLATIK - DROGUERIAS Y MINIMARKET FARMALIZ</t>
  </si>
  <si>
    <t>CL 8 SUR 32D 15</t>
  </si>
  <si>
    <t>PUNTO DE PAGO- PLATIK - INMOBILIARIA NUEVA FRONTERIA AGROBANCARIO</t>
  </si>
  <si>
    <t>CLL 10 5 50 LC 5</t>
  </si>
  <si>
    <t>PUNTO DE PAGO- PLATIK - POLISERVICIOS CIUDAD BOLIVAR</t>
  </si>
  <si>
    <t>CL 70 SUR 72 B 06</t>
  </si>
  <si>
    <t>PUNTO DE PAGO- PLATIK - PAPELERIA EL RETEN</t>
  </si>
  <si>
    <t>CR 91 131D 19</t>
  </si>
  <si>
    <t>PUNTO DE PAGO- PLATIK - PAPELERIA Y MAS LA ORIGINAL</t>
  </si>
  <si>
    <t>MZNA D LOTE 30</t>
  </si>
  <si>
    <t>PUNTO DE PAGO- PLATIK - DISTRIBUIDORA KAROEDNI</t>
  </si>
  <si>
    <t>AV TERMINAL DE TRANSPORTE 54 246 P1 LC 1B SEC D MANUELA</t>
  </si>
  <si>
    <t>PUNTO DE PAGO- PLATIK - PAPELERÍA MILI</t>
  </si>
  <si>
    <t>CR 99 A 26 80 INT 1 CASA 28</t>
  </si>
  <si>
    <t>GARZÓN</t>
  </si>
  <si>
    <t>PUNTO DE PAGO- PLATIK - LEIDY MARKETING</t>
  </si>
  <si>
    <t>CL 7E 9 67</t>
  </si>
  <si>
    <t>PUNTO DE PAGO- PLATIK - VENTAS GP TUNING</t>
  </si>
  <si>
    <t>CC MINI TIENDAS LC 12</t>
  </si>
  <si>
    <t>PUNTO DE PAGO- PLATIK - PAPELERÍA JOSTIN JD</t>
  </si>
  <si>
    <t xml:space="preserve">CR 49 G 68 B 90 SUR </t>
  </si>
  <si>
    <t>PUNTO DE PAGO- PLATIK - INTERRAPIDISIMO SANTA LUCIA</t>
  </si>
  <si>
    <t xml:space="preserve">CL 44S 22A 14 </t>
  </si>
  <si>
    <t>PUNTO DE PAGO- PLATIK - ECOMUZ</t>
  </si>
  <si>
    <t>CL 78 SUR 9 42</t>
  </si>
  <si>
    <t>PUNTO DE PAGO- PLATIK - SANDRA CARTAGENA</t>
  </si>
  <si>
    <t>CR 68B SUR 69 43 MZ 5 CASA 1</t>
  </si>
  <si>
    <t>PUNTO DE PAGO- PLATIK - OFIC. COOMPECENS VILLA DEL ROSARIO</t>
  </si>
  <si>
    <t>CRA 9 N 4 60</t>
  </si>
  <si>
    <t>PUNTO DE PAGO- PLATIK - CAFE INTERNET CLOVIS</t>
  </si>
  <si>
    <t>BRISAS GALICIA BLQ D APTO 1</t>
  </si>
  <si>
    <t>PUNTO DE PAGO- PLATIK - INTERNET-MIGUE</t>
  </si>
  <si>
    <t>VEREDA YACARANDA</t>
  </si>
  <si>
    <t>PUNTO DE PAGO- PLATIK - DROGUERIA VITAL SANAR 3</t>
  </si>
  <si>
    <t>CL 53 SUR 9 09</t>
  </si>
  <si>
    <t>PUNTO DE PAGO- PLATIK - JORGE MARIO DUQUE</t>
  </si>
  <si>
    <t>TV 19A 68 C 14</t>
  </si>
  <si>
    <t>PUNTO DE PAGO- PLATIK - EFECTY LAGOS DE CASTILLA</t>
  </si>
  <si>
    <t>CR 80A 10F 70</t>
  </si>
  <si>
    <t>CL 48L 5C 39 S</t>
  </si>
  <si>
    <t>PUNTO DE PAGO- PLATIK - PAPELERIA INTERNET ONLINE</t>
  </si>
  <si>
    <t>CRA 29A 74 18</t>
  </si>
  <si>
    <t>PUNTO DE PAGO- PLATIK - GRUPO EMPRESARIAL SOLUCIONES TECNOLOGICAS  SOLTEC</t>
  </si>
  <si>
    <t>CALLE 38 31 05</t>
  </si>
  <si>
    <t>PUNTO DE PAGO- PLATIK - MISCELANEA Y VARIEDADES ALEJANDRO</t>
  </si>
  <si>
    <t>KRA 14L 73A 12 SUR</t>
  </si>
  <si>
    <t>CAQUETÁ</t>
  </si>
  <si>
    <t>PUERTO RICO</t>
  </si>
  <si>
    <t>PUNTO DE PAGO- PLATIK - CAFE INTERNET &amp; PAPELERIA MISHEEL</t>
  </si>
  <si>
    <t>CL 5 6 38</t>
  </si>
  <si>
    <t>PUNTO DE PAGO- PLATIK - TIENDA PACHIS</t>
  </si>
  <si>
    <t>CRA 81D 41 05 SUR</t>
  </si>
  <si>
    <t>PUNTO DE PAGO- PLATIK - VARIEDADES EL ANGEL DATA</t>
  </si>
  <si>
    <t>M3 LOTE10 SIMON BOLIVAR</t>
  </si>
  <si>
    <t>PUNTO DE PAGO- PLATIK - SERVIENTREGA PARAISO</t>
  </si>
  <si>
    <t>CLL 58C SUR 86F 15</t>
  </si>
  <si>
    <t>PUNTO DE PAGO- PLATIK - PAPELERIA Y ADORNOS ROMA</t>
  </si>
  <si>
    <t>CL 57 A SUR 78N 20</t>
  </si>
  <si>
    <t>TV 5I 48F 11 SUR</t>
  </si>
  <si>
    <t xml:space="preserve">CALLE 0 N. 6 35 </t>
  </si>
  <si>
    <t>PUNTO DE PAGO- PLATIK - VARIEDADES DM@R</t>
  </si>
  <si>
    <t>MZA G LT 1</t>
  </si>
  <si>
    <t>PUNTO DE PAGO- PLATIK - INTERNET Y VARIEDADES GABY</t>
  </si>
  <si>
    <t>V ESTRELLA SEC 7 ENERO MZ 41 LT23</t>
  </si>
  <si>
    <t>PUNTO DE PAGO- PLATIK - PAPELERIA MINIMEY</t>
  </si>
  <si>
    <t xml:space="preserve">CRA 46 N 69 D 45 SUR </t>
  </si>
  <si>
    <t>PUNTO DE PAGO- PLATIK - MISCELÁNEA PAPELERÍA KATEYA</t>
  </si>
  <si>
    <t>CL 69 SUR 89 14</t>
  </si>
  <si>
    <t>PUNTO DE PAGO- PLATIK - LANYS VARIEDADES Y PAPELERIA</t>
  </si>
  <si>
    <t xml:space="preserve">CLL 72 A 87 22 </t>
  </si>
  <si>
    <t>PUNTO DE PAGO- PLATIK - PAPELERIA Y MISCELANEA NAVIGA</t>
  </si>
  <si>
    <t>CL 37B SUR 68N 20</t>
  </si>
  <si>
    <t>PUNTO DE PAGO- PLATIK - MISCELANEA Y PAPELERIA ARCA DE PAPEL</t>
  </si>
  <si>
    <t>DG 30 14 39</t>
  </si>
  <si>
    <t>PUNTO DE PAGO- PLATIK - VARIEDADES LUCHITO</t>
  </si>
  <si>
    <t>CL 57 A 79A 26</t>
  </si>
  <si>
    <t>PUNTO DE PAGO- PLATIK - JCM COMUNICACIONES</t>
  </si>
  <si>
    <t>CRA 78C 71D 17 SUR</t>
  </si>
  <si>
    <t>PUNTO DE PAGO- PLATIK - CIGARRERIA Y MISCELANEA JD</t>
  </si>
  <si>
    <t>CL 49B SUR 72H 46</t>
  </si>
  <si>
    <t>PUNTO DE PAGO- PLATIK - VARIEDADES JEHOVA JHIRE</t>
  </si>
  <si>
    <t>CR 4D 11D  SECTOR SIMON</t>
  </si>
  <si>
    <t>PUNTO DE PAGO- PLATIK - VARIEDAD A SU ALCANCE  A &amp; R</t>
  </si>
  <si>
    <t>MZ 41 LT 11</t>
  </si>
  <si>
    <t>PUNTO DE PAGO- PLATIK - CAFE INTERNET KAMILA</t>
  </si>
  <si>
    <t>MZNA F LT 14</t>
  </si>
  <si>
    <t>PUNTO DE PAGO- PLATIK - CONEXIONES ROHI</t>
  </si>
  <si>
    <t>CL  64 110D  12</t>
  </si>
  <si>
    <t>PUNTO DE PAGO- PLATIK - TIENDAS V.E.C.I.</t>
  </si>
  <si>
    <t>CR 3H 56 17 S</t>
  </si>
  <si>
    <t>PUNTO DE PAGO- PLATIK - CIGARRERIA LA 32</t>
  </si>
  <si>
    <t>CL 62 B S 32 05</t>
  </si>
  <si>
    <t>PUNTO DE PAGO- PLATIK - FERRETERIA MAYORISTA ON LINE</t>
  </si>
  <si>
    <t>BR CAMPESTRE ET3 MZ33LT1</t>
  </si>
  <si>
    <t>PUNTO DE PAGO- PLATIK - DON PAGO SANDRA</t>
  </si>
  <si>
    <t>CR 78K  33A 14 SUR</t>
  </si>
  <si>
    <t>PUNTO DE PAGO- PLATIK - COMUNICACIONES JANNA MELIZA</t>
  </si>
  <si>
    <t>CRA 68F 71A 05</t>
  </si>
  <si>
    <t>PUNTO DE PAGO- PLATIK - PAPELERÃA LA CASITA ROJA</t>
  </si>
  <si>
    <t>KRA 5A ESTE 91 40 SUR</t>
  </si>
  <si>
    <t>PUNTO DE PAGO- PLATIK - MY SHOP ONLINE BOGOTA</t>
  </si>
  <si>
    <t>CRA 69P 68 90 LC 101</t>
  </si>
  <si>
    <t>PUNTO DE PAGO- PLATIK - DISTRIBUCIONES &amp; PAPELERIA</t>
  </si>
  <si>
    <t>AV CRA 80 2 51</t>
  </si>
  <si>
    <t>PUNTO DE PAGO- PLATIK - KMI MARKET</t>
  </si>
  <si>
    <t>CR 100 22I 21</t>
  </si>
  <si>
    <t>DG 68A S 14R 12</t>
  </si>
  <si>
    <t>PUNTO DE PAGO- PLATIK - ZULMA JOHANA ARISTIZÃBAL GRAJALES</t>
  </si>
  <si>
    <t>CLL 49 68 C 04 SUR</t>
  </si>
  <si>
    <t>PUNTO DE PAGO- PLATIK - RINCON DE LA BUENA ENERGÃA</t>
  </si>
  <si>
    <t>CL 22A 98A 12</t>
  </si>
  <si>
    <t>FUNDACIÓN</t>
  </si>
  <si>
    <t>PUNTO DE PAGO- PLATIK -CONMOVIL FUNDACION</t>
  </si>
  <si>
    <t xml:space="preserve">CALLE 7 # 8 -24 </t>
  </si>
  <si>
    <t>PUNTO DE PAGO- PLATIK - PAPELERÃA Y FOTOCOPIAS</t>
  </si>
  <si>
    <t>CR 65 5 A 80</t>
  </si>
  <si>
    <t>CRA 15 49 76</t>
  </si>
  <si>
    <t>PUNTO DE PAGO- PLATIK - DONDE PAOLA</t>
  </si>
  <si>
    <t xml:space="preserve">KRA 83A 73B 68 SUR </t>
  </si>
  <si>
    <t>PUNTO DE PAGO- PLATIK - DARLY JANETH RODRÍGUEZ</t>
  </si>
  <si>
    <t>CL 63A SUR 71F 82</t>
  </si>
  <si>
    <t>PUNTO DE PAGO- PLATIK - MISCELANEA EXPRESIONES</t>
  </si>
  <si>
    <t>CR I N 54C 02 SUR</t>
  </si>
  <si>
    <t>PUNTO DE PAGO- PLATIK- YANET SRVICIOS</t>
  </si>
  <si>
    <t>CL 42 C SUR 80C 23</t>
  </si>
  <si>
    <t>PUNTO DE PAGO- PLATIK -EFECTY DROGUERIA MANA SALUD Y VARIEDADES</t>
  </si>
  <si>
    <t>MZ B 2 P.1 APTO 1</t>
  </si>
  <si>
    <t>PUNTO DE PAGO- PLATIK - TIENDA LOS MILLOS</t>
  </si>
  <si>
    <t>CRA 5 ESTE 51D 41 SUR</t>
  </si>
  <si>
    <t>PUNTO DE PAGO- PLATIK -PAPELERIA Y CACHARRERIA MONARCA</t>
  </si>
  <si>
    <t>CR 16 186D 34</t>
  </si>
  <si>
    <t>PUNTO DE PAGO- PLATIK - DROGUERIA PHARMAGAM</t>
  </si>
  <si>
    <t>CL 43D 68B 85 S</t>
  </si>
  <si>
    <t>PUNTO DE PAGO- PLATIK- R11 TECHNOLOGY</t>
  </si>
  <si>
    <t>CRA 72D 54A 05 SUR</t>
  </si>
  <si>
    <t>PUNTO DE PAGO- PLATIK- MISCELANEA Y PAPELERIA LAURIS</t>
  </si>
  <si>
    <t>CL 73 A SUR 12 1</t>
  </si>
  <si>
    <t>PUNTO DE PAGO- PLATIK - OFIC COOMPECENS CALLE OCHO CAJA 2</t>
  </si>
  <si>
    <t>CALLE 8 No. 3-60 </t>
  </si>
  <si>
    <t>PUNTO DE PAGO- PLATIK - XPLORA INTERNET</t>
  </si>
  <si>
    <t>CR 57 MZ K L9 P1 AP1</t>
  </si>
  <si>
    <t>PUNTO DE PAGO- PLATIK- EFECTY INVERSIONES MONTESINO RUIZ</t>
  </si>
  <si>
    <t>DG 32A 32 84 LC 201</t>
  </si>
  <si>
    <t>PUNTO DE PAGO- PLATIK- VIVERES DOÑA LUZ</t>
  </si>
  <si>
    <t>DG 68I 30A 15 SUR</t>
  </si>
  <si>
    <t>PUNTO DE PAGO- PLATIK - LLAMAME COMUNICACIONES T.C 2</t>
  </si>
  <si>
    <t>CR 6 12 19</t>
  </si>
  <si>
    <t>PUNTO DE PAGO- PLATIK - LAS HUELLITAS DE GAIRA</t>
  </si>
  <si>
    <t>CRA 68G 39D 12 SUR</t>
  </si>
  <si>
    <t>PUNTO DE PAGO- PLATIK -TIENDAS V.E.C.I</t>
  </si>
  <si>
    <t xml:space="preserve">PUNTO DE PAGO- PLATIK - AJ GIROS </t>
  </si>
  <si>
    <t xml:space="preserve">CRA 72D 54C SUR 04 </t>
  </si>
  <si>
    <t>PUNTO DE PAGO- PLATIK -AUTOSERVICIO AMANI</t>
  </si>
  <si>
    <t>CL 132 123 A 70</t>
  </si>
  <si>
    <t>LA GUAJIRA</t>
  </si>
  <si>
    <t>FONSECA</t>
  </si>
  <si>
    <t>PUNTO DE PAGO- PLATIK- DON PAGO DE LA 13</t>
  </si>
  <si>
    <t>CL 17A 23 73</t>
  </si>
  <si>
    <t>PUNTO DE PAGO- PLATIK - MAJO VARIEDADES Y PAPELERIA</t>
  </si>
  <si>
    <t>KRA 126 17F 80</t>
  </si>
  <si>
    <t>PUNTO DE PAGO- PLATIK -MITEL COMUNICACIONES</t>
  </si>
  <si>
    <t>DG 2B 82 30 LC 40</t>
  </si>
  <si>
    <t>PUNTO DE PAGO- PLATIK - METRO MILENIUM 42</t>
  </si>
  <si>
    <t>CL 42 SUR 78D 13</t>
  </si>
  <si>
    <t>PUNTO DE PAGO- PLATIK- NOHEMY VARGAS AGUILAR</t>
  </si>
  <si>
    <t>TV 73H 75B 19 SUR</t>
  </si>
  <si>
    <t>PUNTO DE PAGO- PLATIK- FERRETERIA Y ELECTRONICA YARURO</t>
  </si>
  <si>
    <t>CL 79C 112B 07</t>
  </si>
  <si>
    <t>PUNTO DE PAGO- PLATIK- PAPELERIA ZAPFOR</t>
  </si>
  <si>
    <t>CRA 61B N 51A 39</t>
  </si>
  <si>
    <t>PUNTO DE PAGO- PLATIK -TACTICOS DELTHA</t>
  </si>
  <si>
    <t>CRA 5 N 16 87</t>
  </si>
  <si>
    <t>PUNTO DE PAGO- PLATIK -EVANTEC</t>
  </si>
  <si>
    <t>CR 42 78 83</t>
  </si>
  <si>
    <t>PUNTO DE PAGO- PLATIK- MISCELANEA Y DETALLES JIREH</t>
  </si>
  <si>
    <t>CR 9A 53 01</t>
  </si>
  <si>
    <t>PUNTO DE PAGO- PLATIK- TIENDADON DUGLAS</t>
  </si>
  <si>
    <t>DG 92A SUR 80I 37</t>
  </si>
  <si>
    <t>PUNTO DE PAGO- PLATIK- COOMPECENS RAYUELA</t>
  </si>
  <si>
    <t>CRA 4 16 46</t>
  </si>
  <si>
    <t>PUNTO DE PAGO- PLATIK - VARIEADES D &amp; S</t>
  </si>
  <si>
    <t>CRA 6 ESTE 90A SUR 10</t>
  </si>
  <si>
    <t>PUNTO DE PAGO- PLATIK - NEGOCIOS WOODBINE</t>
  </si>
  <si>
    <t>CL 30 64 16</t>
  </si>
  <si>
    <t>PUNTO DE PAGO- PLATIK - AUTOSERVICIO Y FUENTE DE SODA EL CAMPESTRE</t>
  </si>
  <si>
    <t>MZ 9 LOTE 12 ETAPA 2</t>
  </si>
  <si>
    <t>CHOCÓ</t>
  </si>
  <si>
    <t>NUQUÍ</t>
  </si>
  <si>
    <t>PUNTO DE PAGO- PLATIK - ACUABERACA</t>
  </si>
  <si>
    <t>CL 34 24  23</t>
  </si>
  <si>
    <t>PUNTO DE PAGO- PLATIK - EFECTY LESARGO TURBACO</t>
  </si>
  <si>
    <t>URB LA CRUZ MZ L LT 9</t>
  </si>
  <si>
    <t>PUNTO DE PAGO- PLATIK - EFECTY LERSAGO 1 TURBACO</t>
  </si>
  <si>
    <t>BR EL PARAISO CL 22 KR 2 62</t>
  </si>
  <si>
    <t>PUNTO DE PAGO- PLATIK - DROGAS LA 61</t>
  </si>
  <si>
    <t>CL 63C 69 99</t>
  </si>
  <si>
    <t>PUNTO DE PAGO- PLATIK - PAPELERIA COMERCIAL SANTA MARTHA</t>
  </si>
  <si>
    <t>CL 66C 61 41 LC 107</t>
  </si>
  <si>
    <t>PUNTO DE PAGO- PLATIK - OVANET TECNOLOGIA</t>
  </si>
  <si>
    <t>DG 52B SUR 26 95</t>
  </si>
  <si>
    <t>PUNTO DE PAGO- PLATIK - DE TODITO PAPELERIA</t>
  </si>
  <si>
    <t>CLL 36 SUR 68G 21</t>
  </si>
  <si>
    <t>PUNTO DE PAGO- PLATIK - PAGATODO A Y M</t>
  </si>
  <si>
    <t>CRA 79B 46 70 SUR LC 2</t>
  </si>
  <si>
    <t>PUNTO DE PAGO- PLATIK - INTERNET SAN BENEDETTO PAPELERIA</t>
  </si>
  <si>
    <t>DG 30G 7 12</t>
  </si>
  <si>
    <t>PUNTO DE PAGO- PLATIK - PAPELERIA LA 4TA</t>
  </si>
  <si>
    <t>CALLE 4 15B 14</t>
  </si>
  <si>
    <t>PUNTO DE PAGO- PLATIK - MARASEO</t>
  </si>
  <si>
    <t>KRA 24 7 71 SUR</t>
  </si>
  <si>
    <t>AGUACHICA</t>
  </si>
  <si>
    <t>PUNTO DE PAGO- PLATIK - CONMOVIL AGUACHICA</t>
  </si>
  <si>
    <t xml:space="preserve">CALLE 5 # 19 - 25	</t>
  </si>
  <si>
    <t>PUNTO DE PAGO- PLATIK - VARIEDADES JESS</t>
  </si>
  <si>
    <t>CL 77 SUR  50 22</t>
  </si>
  <si>
    <t>PUNTO DE PAGO- PLATIK - DON PAGO MAXDANI CASTILLA</t>
  </si>
  <si>
    <t>CL 32 6D 18</t>
  </si>
  <si>
    <t>PUNTO DE PAGO- PLATIK - JENNY ENEIDA PINZON FORERO</t>
  </si>
  <si>
    <t>CRA 111A  75C 22</t>
  </si>
  <si>
    <t>PUNTO DE PAGO- PLATIK - MISCELANEA Y PAPELERIA SAMARAH</t>
  </si>
  <si>
    <t>CRA 14A 71D 12 SUR</t>
  </si>
  <si>
    <t>CL 49 B BIS SUR 5 Y 78</t>
  </si>
  <si>
    <t>PUNTO DE PAGO- PLATIK - VARIEDADES MEGA SEGURA</t>
  </si>
  <si>
    <t>CR 89A 71A 10 SUR</t>
  </si>
  <si>
    <t>PUNTO DE PAGO- PLATIK - CIGARRERÃA SAN ÃNGEL BAR</t>
  </si>
  <si>
    <t>CRA 79C 65B 35 SUR</t>
  </si>
  <si>
    <t>PUNTO DE PAGO- PLATIK - PAPELERIA INNOVART</t>
  </si>
  <si>
    <t>CL 49A SUR 37 34</t>
  </si>
  <si>
    <t>PUNTO DE PAGO- PLATIK - COOMPECENS MISCELANEA TANOS</t>
  </si>
  <si>
    <t>CL 4 9E 27</t>
  </si>
  <si>
    <t>PUNTO DE PAGO- PLATIK - OFICINA DE APUESTAS DE CHANCE Y GIROS</t>
  </si>
  <si>
    <t>CL 76A SUR 10 13 LC 3</t>
  </si>
  <si>
    <t>PUNTO DE PAGO- PLATIK - DROGUERIA MILENUIM 2</t>
  </si>
  <si>
    <t>CRA 6 ESTE 98 50</t>
  </si>
  <si>
    <t>PUNTO DE PAGO- PLATIK - RONI ANYELI CAFE INTERNET Y RESTAURANTE</t>
  </si>
  <si>
    <t>KRA 24  80A 24 SUR</t>
  </si>
  <si>
    <t>PUNTO DE PAGO- PLATIK - FULL SERVICE GLOBAL</t>
  </si>
  <si>
    <t>CL 42B SUR 82B 17</t>
  </si>
  <si>
    <t>PUNTO DE PAGO- PLATIK - DROGUERIA DN SALUS SAS</t>
  </si>
  <si>
    <t>CL 74 73 51</t>
  </si>
  <si>
    <t>LA MESA</t>
  </si>
  <si>
    <t>PUNTO DE PAGO- PLATIK - BOUTIQUE PUNTO DE PAGOS</t>
  </si>
  <si>
    <t>CL 7 20 45 LC201 ETP1</t>
  </si>
  <si>
    <t>PUNTO DE PAGO- PLATIK - BLANCA ROCIO MENESES</t>
  </si>
  <si>
    <t>CL 78B BIS SUR 16P 04</t>
  </si>
  <si>
    <t>PUNTO DE PAGO- PLATIK - DRFROG</t>
  </si>
  <si>
    <t>CR 77A 63F 72</t>
  </si>
  <si>
    <t>PUNTO DE PAGO- PLATIK - MULTISERVICIOS DINACOC</t>
  </si>
  <si>
    <t>CL 13 13 65</t>
  </si>
  <si>
    <t>PUNTO DE PAGO- PLATIK - TTEODULFO</t>
  </si>
  <si>
    <t>PUNTO DE PAGO- PLATIK - VARIEDADES SASATHI</t>
  </si>
  <si>
    <t>CRA 110A 73 00 LC 1</t>
  </si>
  <si>
    <t>PUNTO DE PAGO- PLATIK - DROGUERIA SUR REBAJAS</t>
  </si>
  <si>
    <t>CL 67A 110 51</t>
  </si>
  <si>
    <t>PUNTO DE PAGO- PLATIK - TECNOSISTEMAS Y SERVICIOS PYM</t>
  </si>
  <si>
    <t>CR 10 76 21 SUR</t>
  </si>
  <si>
    <t>PUNTO DE PAGO- PLATIK - SERVIENTREGA-LEONES SOLUCINES</t>
  </si>
  <si>
    <t>CL 5A 80B 56</t>
  </si>
  <si>
    <t>PUNTO DE PAGO- PLATIK - PAÑALERA Y FOTOGRAFIA COLOR Y DISEÑO</t>
  </si>
  <si>
    <t>CL 79 113A 22</t>
  </si>
  <si>
    <t>PUNTO DE PAGO- PLATIK - MISCELANEA VARIEDADES OLGA</t>
  </si>
  <si>
    <t>CL 65 SUR  80 35</t>
  </si>
  <si>
    <t>PUNTO DE PAGO- PLATIK - PAPELERIA ROMI</t>
  </si>
  <si>
    <t>TV 11A ESTE 94A 02</t>
  </si>
  <si>
    <t>PUNTO DE PAGO- PLATIK - TECNOPAPELERIA</t>
  </si>
  <si>
    <t>CRA 4 7 86</t>
  </si>
  <si>
    <t>ARBELÁEZ</t>
  </si>
  <si>
    <t>PUNTO DE PAGO- PLATIK - VIDEO INTERPLAY</t>
  </si>
  <si>
    <t>AV PEDRO ROMERO CL 32B 71A 96 LC1</t>
  </si>
  <si>
    <t>PUNTO DE PAGO- PLATIK - MINIMERCADO LUZMAR</t>
  </si>
  <si>
    <t>CR 8  4  12</t>
  </si>
  <si>
    <t>PUNTO DE PAGO- PLATIK - CAFE INTERNET CANAAN</t>
  </si>
  <si>
    <t>CR 78P  54B 12 SUR</t>
  </si>
  <si>
    <t>PUNTO DE PAGO- PLATIK - TEMPTATION</t>
  </si>
  <si>
    <t>CL 65B 116 C 04</t>
  </si>
  <si>
    <t>PUNTO DE PAGO- PLATIK - VARIEDADES LONDON</t>
  </si>
  <si>
    <t>CR 85B 61C 11 SUR</t>
  </si>
  <si>
    <t>PUNTO DE PAGO- PLATIK - PAPELERIA Y CACHARRERIA BERE</t>
  </si>
  <si>
    <t>CRA 14K 138C 39 SUR APTO 601 CONJ XIE</t>
  </si>
  <si>
    <t>PUNTO DE PAGO- PLATIK - TIENDA MULTIAHORRO</t>
  </si>
  <si>
    <t>CR 105 16I 35</t>
  </si>
  <si>
    <t>PUNTO DE PAGO- PLATIK - INDUSTRIAS ARKA</t>
  </si>
  <si>
    <t>CR 94B  61B 05 SUR</t>
  </si>
  <si>
    <t>PUNTO DE PAGO- PLATIK - DISTRIBUIDORA SALOME</t>
  </si>
  <si>
    <t>DG 52A SUR  4 67</t>
  </si>
  <si>
    <t>PUNTO DE PAGO- PLATIK - HERIBERTO MALAVER POSAS</t>
  </si>
  <si>
    <t>CL 71D SUR 18 43</t>
  </si>
  <si>
    <t>PUNTO DE PAGO- PLATIK - GLOBAL PAPELERÃA</t>
  </si>
  <si>
    <t>CR 26 70 N SUR 07</t>
  </si>
  <si>
    <t>PUNTO DE PAGO- PLATIK- SOINTEC</t>
  </si>
  <si>
    <t>CL 1F 31B 45</t>
  </si>
  <si>
    <t>PUNTO DE PAGO- PLATIK - VEGA ESPITIA DARCY KYMBERLIN</t>
  </si>
  <si>
    <t>CLL 65G SUR 77M 94</t>
  </si>
  <si>
    <t>PUNTO DE PAGO- PLATIK - MISCELANEA Y PAPELERIA ART ATTACK</t>
  </si>
  <si>
    <t>CLL  65G SUR  77M 94</t>
  </si>
  <si>
    <t>PUNTO DE PAGO- PLATIK - VARIEDADES SARITA 7</t>
  </si>
  <si>
    <t>CL 18  86 55 LC 1</t>
  </si>
  <si>
    <t>PUNTO DE PAGO- PLATIK - PAPELERIA GABYLU</t>
  </si>
  <si>
    <t>CL 70C SUR 17H 10</t>
  </si>
  <si>
    <t>PUNTO DE PAGO- PLATIK - PAPELERÃA ZADUN</t>
  </si>
  <si>
    <t>CRA 90A 38B 21 SUR</t>
  </si>
  <si>
    <t>PUNTO DE PAGO- PLATIK - EL CASTILLO DE THIANGO</t>
  </si>
  <si>
    <t>TV 14 N14 54</t>
  </si>
  <si>
    <t>PUNTO DE PAGO- PLATIK - PAPELERIA NUCITA</t>
  </si>
  <si>
    <t>CRA 116A 66A 20</t>
  </si>
  <si>
    <t>PUNTO DE PAGO- PLATIK - MINIMERCADO Y MISCELANIA J Y S</t>
  </si>
  <si>
    <t>CL 24F  100B  08</t>
  </si>
  <si>
    <t>PUNTO DE PAGO- PLATIK - PAPELERIA MI NOTA</t>
  </si>
  <si>
    <t>CL 175 64 03</t>
  </si>
  <si>
    <t>PUNTO DE PAGO- PLATIK - MARWIDI COMUNICACIONE</t>
  </si>
  <si>
    <t>CR 37 51B 28 SUR</t>
  </si>
  <si>
    <t>PUNTO DE PAGO- PLATIK - CELUGATO</t>
  </si>
  <si>
    <t>CR 88I 54D 13 SUR</t>
  </si>
  <si>
    <t>PUNTO DE PAGO- PLATIK - VARIEDADES SARAHY</t>
  </si>
  <si>
    <t>CL 10 14A 85</t>
  </si>
  <si>
    <t>PUNTO DE PAGO- PLATIK - TECHNOLOGY SIDE</t>
  </si>
  <si>
    <t>DG 23BIS 19 53</t>
  </si>
  <si>
    <t>PUNTO DE PAGO- PLATIK - FARMACIAS CENTRO ORIENTE</t>
  </si>
  <si>
    <t>CL 143  129A  73</t>
  </si>
  <si>
    <t>PUNTO DE PAGO- PLATIK - PAPELERIA LA FE</t>
  </si>
  <si>
    <t>DG  3C  8  20 ESTE</t>
  </si>
  <si>
    <t>PUNTO DE PAGO- PLATIK - VARIEDADES AZUL</t>
  </si>
  <si>
    <t>CR 14A 73B 08 SUR</t>
  </si>
  <si>
    <t>PUNTO DE PAGO- PLATIK - EFECTY-VARIEDAD Y PAPELERIA XAVI</t>
  </si>
  <si>
    <t>CR 102A MZA LOTE1 APT2</t>
  </si>
  <si>
    <t>PUNTO DE PAGO- PLATIK - CENTRO DE GIROS Y ENVIOS CASTRO 1</t>
  </si>
  <si>
    <t>MZ 6B LOTE 791 COLOMBIATON</t>
  </si>
  <si>
    <t>PUNTO DE PAGO- PLATIK - PAPELERIA EL MUNDO DE MARIS Y SANTI</t>
  </si>
  <si>
    <t>CL 39 SUR 68F 32</t>
  </si>
  <si>
    <t>PUNTO DE PAGO- PLATIK - FERRETERIA TRIVI</t>
  </si>
  <si>
    <t>DIAG 80 SUR 45 95</t>
  </si>
  <si>
    <t>PUNTO DE PAGO- PLATIK - VARIEDADES HASS</t>
  </si>
  <si>
    <t>CL 44 S 25A 24</t>
  </si>
  <si>
    <t>PUNTO DE PAGO- PLATIK - MULTILINEA BELLAVISTA</t>
  </si>
  <si>
    <t>CLL 44 SUR 73 C 49</t>
  </si>
  <si>
    <t>PUNTO DE PAGO- PLATIK - TIENDAS ARPA</t>
  </si>
  <si>
    <t>CL 71A 68F 07</t>
  </si>
  <si>
    <t>PUNTO DE PAGO- PLATIK - EFECTY PAPELERIA BAHIA</t>
  </si>
  <si>
    <t>CR 3 23A 06 LC1</t>
  </si>
  <si>
    <t>CR 86 22F 04</t>
  </si>
  <si>
    <t>PUNTO DE PAGO- PLATIK - INTERNET POPLANET</t>
  </si>
  <si>
    <t>CRA 92  71 41 SUR</t>
  </si>
  <si>
    <t>PUNTO DE PAGO- PLATIK - DROGUERIA MORENO</t>
  </si>
  <si>
    <t>CL 51B 80 07</t>
  </si>
  <si>
    <t>PUNTO DE PAGO- PLATIK - RED AL DIA</t>
  </si>
  <si>
    <t>CL 37B SUR 68F 13</t>
  </si>
  <si>
    <t>PUNTO DE PAGO- PLATIK - MULTISERVICIOS JUANSE</t>
  </si>
  <si>
    <t>CR 74 44B 22 SUR</t>
  </si>
  <si>
    <t>PUNTO DE PAGO- PLATIK - ROCK CARGO SAS</t>
  </si>
  <si>
    <t>CR 87D 42G 11 SUR</t>
  </si>
  <si>
    <t>PUNTO DE PAGO- PLATIK- FG MOVIL</t>
  </si>
  <si>
    <t>MZA37 LOTE 12A</t>
  </si>
  <si>
    <t>PUNTO DE PAGO- PLATIK - MULTISERVICIOS EL PUNTO</t>
  </si>
  <si>
    <t>vereda Verganzo sector Gomez</t>
  </si>
  <si>
    <t>PUNTO DE PAGO- PLATIK - DROGUERIA POPULAR EL CARMELO</t>
  </si>
  <si>
    <t>CR 68 18 MZ B LT 22</t>
  </si>
  <si>
    <t>PUNTO DE PAGO- PLATIK - SKEMA SOLUCIONES SAS 2</t>
  </si>
  <si>
    <t xml:space="preserve">CRA 89A 81A 33 SUR </t>
  </si>
  <si>
    <t>PUNTO DE PAGO- PLATIK - AYL PAPELERIA</t>
  </si>
  <si>
    <t>CR 89 6A 95</t>
  </si>
  <si>
    <t>PUNTO DE PAGO- PLATIK - G T B COMUNICACIONES</t>
  </si>
  <si>
    <t>CL 7A BIS C 78 41</t>
  </si>
  <si>
    <t>PUNTO DE PAGO- PLATIK - G T B COMUNICACIONES 2</t>
  </si>
  <si>
    <t>CL 12B 71D 61 LC 106</t>
  </si>
  <si>
    <t>PUNTO DE PAGO- PLATIK - SUMINISTROS AYS</t>
  </si>
  <si>
    <t>KM 2 VIA FUNZA SIBERA PARQUE</t>
  </si>
  <si>
    <t>PUNTO DE PAGO- PLATIK-CULTURA AGRO</t>
  </si>
  <si>
    <t>CL 86 SUR  77L 49</t>
  </si>
  <si>
    <t>RISARALDA</t>
  </si>
  <si>
    <t>PEREIRA</t>
  </si>
  <si>
    <t>PUNTO DE PAGO- PLATIK - BE MOVIL SAS</t>
  </si>
  <si>
    <t>CR 8 23 09</t>
  </si>
  <si>
    <t>PUNTO DE PAGO- PLATIK - SOLUCIONES Y GIROS HERNANDEZ</t>
  </si>
  <si>
    <t xml:space="preserve"> CR 68G BIS 28  12 SUR </t>
  </si>
  <si>
    <t>PUNTO DE PAGO- PLATIK - GTB COMUNICACIONES</t>
  </si>
  <si>
    <t>CL 12C 71C 31</t>
  </si>
  <si>
    <t>PUNTO DE PAGO- PLATIK - PAPELERIA Y PIÑATERIA SOFI</t>
  </si>
  <si>
    <t>PUNTO DE PAGO- PLATIK - KRAIDON</t>
  </si>
  <si>
    <t>CL 69B SUR 73D 41</t>
  </si>
  <si>
    <t>BOYACÁ</t>
  </si>
  <si>
    <t>CHIQUINQUIRÁ</t>
  </si>
  <si>
    <t xml:space="preserve">PUNTO DE PAGO- PLATIK- FARMAVIDA L.A </t>
  </si>
  <si>
    <t>CR 4 14A 41</t>
  </si>
  <si>
    <t>MAICAO</t>
  </si>
  <si>
    <t>PUNTO DE PAGO- PLATIK- COLPAGO MAICAO</t>
  </si>
  <si>
    <t>COLPAGOS MAICAO</t>
  </si>
  <si>
    <t>PUNTO DE PAGO- PLATIK - D'TODITO RJ</t>
  </si>
  <si>
    <t>DG 30 SUR 05 08</t>
  </si>
  <si>
    <t>PUNTO DE PAGO- PLATIK - PAPELERIA SHEKINAH</t>
  </si>
  <si>
    <t>ZARAGOCILLA URB CAIRO KRA 50 30A 78</t>
  </si>
  <si>
    <t>PUNTO DE PAGO- PLATIK - HR STORE</t>
  </si>
  <si>
    <t>CARACOLES AV PPAL MZ 23 LT 1</t>
  </si>
  <si>
    <t xml:space="preserve">PUNTO DE PAGO- PLATIK - PAPELERÍA Y DISTRIBUIDORA DE BELLEZA LA ORQUIDEA </t>
  </si>
  <si>
    <t>CL 18 104B 59  LC 1</t>
  </si>
  <si>
    <t>PUNTO DE PAGO- PLATIK- ALDALAMI 2</t>
  </si>
  <si>
    <t>CRA 95 A 73 41 SUR</t>
  </si>
  <si>
    <t>PUNTO DE PAGO- PLATIK - A&amp;L PAPELERIA  MISCELANEA ORTIZ.COM</t>
  </si>
  <si>
    <t>CR 6A  187C  04</t>
  </si>
  <si>
    <t>PUNTO DE PAGO- PLATIK - TIENDA REGALOS Y PAPELERIA MAS KOSITAS</t>
  </si>
  <si>
    <t>TV 52A BIS 1A 27</t>
  </si>
  <si>
    <t>PUNTO DE PAGO- PLATIK - CABINAS JHOON</t>
  </si>
  <si>
    <t>CL 89 SUR 13B 11 ESTE</t>
  </si>
  <si>
    <t xml:space="preserve">PUNTO DE PAGO- PLATIK - LA RIVERA DROGUERIA </t>
  </si>
  <si>
    <t>TV 76D 81G 72</t>
  </si>
  <si>
    <t>PUNTO DE PAGO- PLATIK - GRANERO STEVEN</t>
  </si>
  <si>
    <t>CL 74 SUR  82C  20</t>
  </si>
  <si>
    <t>PUNTO DE PAGO- PLATIK - MU COMUNICACIONES</t>
  </si>
  <si>
    <t>CL 73A SUR 18B 14</t>
  </si>
  <si>
    <t>PUNTO DE PAGO- PLATIK - CIBER GYM</t>
  </si>
  <si>
    <t>CL 81C SUR 4A O3 ESTE</t>
  </si>
  <si>
    <t>PUNTO DE PAGO- PLATIK - PAPELERIA LA MAYOR</t>
  </si>
  <si>
    <t>Cra 50A 33 14 Sur</t>
  </si>
  <si>
    <t>PUNTO DE PAGO- PLATIK - TECHIE BOT</t>
  </si>
  <si>
    <t>CL 23F 81C 98</t>
  </si>
  <si>
    <t>PUNTO DE PAGO- PLATIK - PAPELERIA Y MISCELANEA AULA DIGITAL</t>
  </si>
  <si>
    <t>CR 7A ESTE 44 36 SUR</t>
  </si>
  <si>
    <t>PUNTO DE PAGO- PLATIK - SHALOM</t>
  </si>
  <si>
    <t>CL 10 A 76 30</t>
  </si>
  <si>
    <t>PUNTO DE PAGO- PLATIK - ALTA TECNOLOGÃA EFECTY</t>
  </si>
  <si>
    <t>CR 15 77 05 LC 239</t>
  </si>
  <si>
    <t xml:space="preserve">PUNTO DE PAGO- PLATIK - MOBILE PHONES </t>
  </si>
  <si>
    <t>CLL 57 15 19</t>
  </si>
  <si>
    <t>PUNTO DE PAGO- PLATIK - ANDRE FANTASTIC STORE</t>
  </si>
  <si>
    <t>CRA 103B 18 71</t>
  </si>
  <si>
    <t xml:space="preserve">PUNTO DE PAGO- PLATIK - CARMEN ROSA </t>
  </si>
  <si>
    <t>CL 2 5B 56 ESTE</t>
  </si>
  <si>
    <t xml:space="preserve">PUNTO DE PAGO- PLATIK - ISABELLA PAPER </t>
  </si>
  <si>
    <t>DG 45A S 25A 26</t>
  </si>
  <si>
    <t>PUNTO DE PAGO- PLATIK -VARIEDADES MARIAN@</t>
  </si>
  <si>
    <t>CRA 17 163 13</t>
  </si>
  <si>
    <t>PUNTO DE PAGO- PLATIK - MISCELANEA Y PAPELERIA J Y M</t>
  </si>
  <si>
    <t>CL 41B S 20 22</t>
  </si>
  <si>
    <t>PUNTO DE PAGO- PLATIK - FOTO ANDY</t>
  </si>
  <si>
    <t>CL 78C S 18D 05</t>
  </si>
  <si>
    <t>PUNTO DE PAGO- PLATIK - DROGUERIA DAR SALUD G.T</t>
  </si>
  <si>
    <t>PUNTO DE PAGO- PLATIK - CERCILETT KASANDRA GUEVARA ROJAS</t>
  </si>
  <si>
    <t>CL 46 SUR 23 28</t>
  </si>
  <si>
    <t>PUNTO DE PAGO- PLATIK - INVERSIONESS ANGEL 1</t>
  </si>
  <si>
    <t>CL 3 SUR 14 36</t>
  </si>
  <si>
    <t>PUNTO DE PAGO- PLATIK - VARIEDADES Y ASESORIAS YOYOLU</t>
  </si>
  <si>
    <t>CRA 78  42 28 SUR</t>
  </si>
  <si>
    <t>PUNTO DE PAGO- PLATIK - INTERGAITANA</t>
  </si>
  <si>
    <t>CL 137A 126C 16</t>
  </si>
  <si>
    <t>PUNTO DE PAGO- PLATIK - DROGUERÃA DYB LA VIT EXPRESS</t>
  </si>
  <si>
    <t>MZNA 2A LT10</t>
  </si>
  <si>
    <t>PUNTO DE PAGO- PLATIK - DROGUERIA VILLAS DE ARANJUEZ</t>
  </si>
  <si>
    <t>URB V DE ARANJUEZ MZ 115 LT 87</t>
  </si>
  <si>
    <t>PUNTO DE PAGO- PLATIK - EFECTY EXPRESS BICENTENARIO</t>
  </si>
  <si>
    <t>MZ75B T 10 APT 104</t>
  </si>
  <si>
    <t>PUNTO DE PAGO- PLATIK - ACCESORIOS P Y A</t>
  </si>
  <si>
    <t>CR 110 64 90</t>
  </si>
  <si>
    <t>PUNTO DE PAGO- PLATIK - TRAVESURAS</t>
  </si>
  <si>
    <t>TV 17N  64A  08 SUR</t>
  </si>
  <si>
    <t>PUNTO DE PAGO- PLATIK - DC ACCESORIOS CELULAR</t>
  </si>
  <si>
    <t>CL 140 18A 16 LC2</t>
  </si>
  <si>
    <t>PUNTO DE PAGO- PLATIK - MISCELÁNEA EL MANANTIAL</t>
  </si>
  <si>
    <t>CL 1D 8 10 ESTE</t>
  </si>
  <si>
    <t>PUNTO DE PAGO- PLATIK - DROGUERIA BIENSALUD</t>
  </si>
  <si>
    <t>AV CL 72 27A 15 LC 1</t>
  </si>
  <si>
    <t>PUNTO DE PAGO- PLATIK - PAPELERIA MARY</t>
  </si>
  <si>
    <t>CLL 132D 140B 07</t>
  </si>
  <si>
    <t>PUNTO DE PAGO- PLATIK - CANDY PAPER</t>
  </si>
  <si>
    <t>CR 3A 49B 12 S</t>
  </si>
  <si>
    <t>PUNTO DE PAGO- PLATIK - TIENDA CASA VERDE YANETH. S</t>
  </si>
  <si>
    <t>CL 80B SUR 18F 71</t>
  </si>
  <si>
    <t>PUNTO DE PAGO- PLATIK - FERRETERIA LA 64</t>
  </si>
  <si>
    <t>CL 64 11 40 SAN PEDRO MARTIR</t>
  </si>
  <si>
    <t>PUNTO DE PAGO- PLATIK - VIVIANA ARISTIZÁBAL ARISTIZÁBAL</t>
  </si>
  <si>
    <t>DG 42 12 14</t>
  </si>
  <si>
    <t>PUNTO DE PAGO- PLATIK - PAPELERIA EL INGE</t>
  </si>
  <si>
    <t>CR 97 132 12</t>
  </si>
  <si>
    <t>PUNTO DE PAGO- PLATIK - HAIDY YULIETH RODRIGUEZ MIRANDA</t>
  </si>
  <si>
    <t>CR 90A   4 40</t>
  </si>
  <si>
    <t>PUNTO DE PAGO- PLATIK - DROGUERIA FARMALIS G</t>
  </si>
  <si>
    <t>CL 64 SUR 20C 12</t>
  </si>
  <si>
    <t>PUNTO DE PAGO- PLATIK - PIÑATERIA Y PAPELERIA AVRIL</t>
  </si>
  <si>
    <t>CL 17 SUR 24H 64</t>
  </si>
  <si>
    <t>PUNTO DE PAGO- PLATIK - EFECTY VILLA ESTRELLA CARRETERA CORDIALIDAD</t>
  </si>
  <si>
    <t>CL 91 109 LC 03</t>
  </si>
  <si>
    <t>PUNTO DE PAGO- PLATIK - PAPELERIA MIMOR</t>
  </si>
  <si>
    <t>CR 78  8  70</t>
  </si>
  <si>
    <t>PUNTO DE PAGO- PLATIK - PAPELERIA VALERY N</t>
  </si>
  <si>
    <t>CR 42 72A 12 SUR</t>
  </si>
  <si>
    <t>PUNTO DE PAGO- PLATIK - PUNTO ACCESORIOS IP</t>
  </si>
  <si>
    <t>CR 82 22A 52</t>
  </si>
  <si>
    <t>PUNTO DE PAGO- PLATIK - DROGUERIA EL PUNTO MAS</t>
  </si>
  <si>
    <t>MZNA 79 LT 8 ETA 8</t>
  </si>
  <si>
    <t>PUNTO DE PAGO- PLATIK - VARIEDADES LA 20</t>
  </si>
  <si>
    <t>CL 43B SUR  3D 07 ESTE</t>
  </si>
  <si>
    <t>PUNTO DE PAGO- PLATIK - MISCELANEA Y PAPELERIA JL</t>
  </si>
  <si>
    <t>CR 97 23F 04 LC1</t>
  </si>
  <si>
    <t>PUNTO DE PAGO- PLATIK - DROGUERIA DANNLY</t>
  </si>
  <si>
    <t>CR 9E  3C 20 INT 1</t>
  </si>
  <si>
    <t>PUNTO DE PAGO- PLATIK - LUNA &amp; MAR</t>
  </si>
  <si>
    <t>CRA 81G 54A 41 SUR</t>
  </si>
  <si>
    <t>PUNTO DE PAGO- PLATIK - EL PUNTO MARINEL</t>
  </si>
  <si>
    <t>CLL 55 SUR 72C 90</t>
  </si>
  <si>
    <t>FLORENCIA</t>
  </si>
  <si>
    <t>PUNTO DE PAGO- PLATIK - MULTISERVICIOS LA AGUILILLA</t>
  </si>
  <si>
    <t>CL PRC IPM CORREGIMIENTO LA AGUILLA</t>
  </si>
  <si>
    <t>PUNTO DE PAGO- PLATIK - PAPELERIA LOS TRES ELEFANTES</t>
  </si>
  <si>
    <t>TV 5L BIS 48F S 68</t>
  </si>
  <si>
    <t>PUNTO DE PAGO- PLATIK - MAGIC SURPRISE</t>
  </si>
  <si>
    <t>CLL 9 SUR 2 90 ESTE</t>
  </si>
  <si>
    <t>PUNTO DE PAGO- PLATIK - INTERNET SHEYLA 1</t>
  </si>
  <si>
    <t>CR 53B  4B 15</t>
  </si>
  <si>
    <t>PUNTO DE PAGO- PLATIK - CIBER PAPELERIA CARRERA 60</t>
  </si>
  <si>
    <t>CRA 60 73 28</t>
  </si>
  <si>
    <t>PUNTO DE PAGO- PLATIK - MULTISERVICIOS MARINEL</t>
  </si>
  <si>
    <t>CR 72D 57A 88 SUR</t>
  </si>
  <si>
    <t>PUNTO DE PAGO- PLATIK - SERVIFERIAS LTDA</t>
  </si>
  <si>
    <t>CR 68H 72 25</t>
  </si>
  <si>
    <t>APULO</t>
  </si>
  <si>
    <t>PUNTO DE PAGO- PLATIK - PAPELERIA@CENTRO.COM</t>
  </si>
  <si>
    <t>CLL 9 5 A 22</t>
  </si>
  <si>
    <t>PUNTO DE PAGO- PLATIK - CAFE INTERNET OK</t>
  </si>
  <si>
    <t>TV 13K BIS 45B 15 SUR</t>
  </si>
  <si>
    <t>PUNTO DE PAGO- PLATIK - PAPELERIA MISCELANEA LA TIENDA DE UMA</t>
  </si>
  <si>
    <t>CRA 136A 137 11 ESQ</t>
  </si>
  <si>
    <t>PUNTO DE PAGO- PLATIK - ELIETTE SAS</t>
  </si>
  <si>
    <t>CL 49A  68A 37</t>
  </si>
  <si>
    <t>PUNTO DE PAGO- PLATIK - SLMENSAJERIA</t>
  </si>
  <si>
    <t>CR 93 127B 20</t>
  </si>
  <si>
    <t>PUNTO DE PAGO- PLATIK - DROGUERIA FARMAYEP SAS</t>
  </si>
  <si>
    <t>CL 65D SUR 80A 44</t>
  </si>
  <si>
    <t>PUNTO DE PAGO- PLATIK - ANONYMOUS SERVICE</t>
  </si>
  <si>
    <t>CL 61A SUR 86A  21</t>
  </si>
  <si>
    <t>PUNTO DE PAGO- PLATIK - FARMASUR</t>
  </si>
  <si>
    <t>DG 31 73 178</t>
  </si>
  <si>
    <t>PUNTO DE PAGO- PLATIK - EL RINCON DE JENDS</t>
  </si>
  <si>
    <t>CR 7 110 35 SUR</t>
  </si>
  <si>
    <t>SOGAMOSO</t>
  </si>
  <si>
    <t>PUNTO DE PAGO- PLATIK - TRAMITES Y SERVICIOS DCSS</t>
  </si>
  <si>
    <t>CL 46D 12E 26</t>
  </si>
  <si>
    <t>AV ESPERANZA  74A 24</t>
  </si>
  <si>
    <t>PUNTO DE PAGO- PLATIK - DROGUERIA DISALUD 2005</t>
  </si>
  <si>
    <t>CL 64 105G 03</t>
  </si>
  <si>
    <t>PUNTO DE PAGO- PLATIK - VARIEDADES EL SOL</t>
  </si>
  <si>
    <t>DG 82B 76 57</t>
  </si>
  <si>
    <t>PUNTO DE PAGO- PLATIK - CYBER SERVICIOS NARES</t>
  </si>
  <si>
    <t>DG 32 MZ C1 LT 12 ED BALC DE LOS CEREZOS</t>
  </si>
  <si>
    <t>PUNTO DE PAGO- PLATIK - PAPELERIA DELABICI</t>
  </si>
  <si>
    <t>CR 81A 58K 04 SUR</t>
  </si>
  <si>
    <t>PUNTO DE PAGO- PLATIK - DISTRIBUCIONES YISELIS / EFECTY</t>
  </si>
  <si>
    <t>CRA 62 53A 95</t>
  </si>
  <si>
    <t>CRA 14I  136A 30 S</t>
  </si>
  <si>
    <t>PUNTO DE PAGO- PLATIK - LA TIENDA P Y Z</t>
  </si>
  <si>
    <t>CLL 63A 24 19</t>
  </si>
  <si>
    <t>PUNTO DE PAGO- PLATIK - COPYNEB</t>
  </si>
  <si>
    <t>AV CARACAS 39 87</t>
  </si>
  <si>
    <t>SESQUILÉ</t>
  </si>
  <si>
    <t>PUNTO DE PAGO- PLATIK - SARA PRIETO</t>
  </si>
  <si>
    <t>VDA EL HATO</t>
  </si>
  <si>
    <t>PUNTO DE PAGO- PLATIK - DON PAGO Y PUNTO ELECTRICO</t>
  </si>
  <si>
    <t>CR 10 14 31</t>
  </si>
  <si>
    <t>PUNTO DE PAGO- PLATIK - INVERSIONES DIEGO</t>
  </si>
  <si>
    <t>CRA 70 22D 81 LC 111</t>
  </si>
  <si>
    <t>PUNTO DE PAGO- PLATIK - PAGO Y SERVICIOS DON PAGO</t>
  </si>
  <si>
    <t>CR 98  17  17</t>
  </si>
  <si>
    <t>PUNTO DE PAGO- PLATIK - BELIJNET SERVICIOS</t>
  </si>
  <si>
    <t>CR 72J  39A 04 SUR</t>
  </si>
  <si>
    <t>PUNTO DE PAGO- PLATIK - TRAMITES Y TRANSPORTES</t>
  </si>
  <si>
    <t>CLL 44 58 34</t>
  </si>
  <si>
    <t>PUNTO DE PAGO- PLATIK - PAPELERIA Y VARIEDADES SORIANO</t>
  </si>
  <si>
    <t>SECBLANCOMZ221LT16</t>
  </si>
  <si>
    <t>PUNTO DE PAGO- PLATIK - CIGARRERIA DONDE MARCE EL BILLETAZO</t>
  </si>
  <si>
    <t>TV 13F BIS 47C 70 SUR</t>
  </si>
  <si>
    <t>PUNTO DE PAGO- PLATIK - SERVITECA RENOVANDOS A&amp;A</t>
  </si>
  <si>
    <t>AV 1 DE MAYO  24F 09 SUR</t>
  </si>
  <si>
    <t>PUNTO DE PAGO- PLATIK - PAPELERIA MARY AG Y FAMILIA</t>
  </si>
  <si>
    <t>CRA 87B 130B 40</t>
  </si>
  <si>
    <t>PUNTO DE PAGO- PLATIK - TIENDA JHODA</t>
  </si>
  <si>
    <t>CL 57Z SUR 75D 67</t>
  </si>
  <si>
    <t>PUNTO DE PAGO- PLATIK - CIGARRERIA SASY</t>
  </si>
  <si>
    <t>CL 30 SUR  68C  63</t>
  </si>
  <si>
    <t>PUNTO DE PAGO- PLATIK -  GLOBAL COMPUTO.COM</t>
  </si>
  <si>
    <t>CL 16I 107A  19</t>
  </si>
  <si>
    <t>PUNTO DE PAGO- PLATIK - PUNTO NATURISTA MIEL Y LIMÓN</t>
  </si>
  <si>
    <t>CRA 138A 142C 29</t>
  </si>
  <si>
    <t>PUNTO DE PAGO- PLATIK - INVERSIONES DIEGOS TERMINAL II</t>
  </si>
  <si>
    <t>DG 23 61 11 MD2</t>
  </si>
  <si>
    <t>PUNTO DE PAGO- PLATIK - PAPELERIA EL INSTITUTO</t>
  </si>
  <si>
    <t>CR 13B ESTE  46 37 SUR</t>
  </si>
  <si>
    <t>PUNTO DE PAGO- PLATIK - VARIEDADES SINAIE</t>
  </si>
  <si>
    <t>CRA 7 ESTE 91 33 SUR</t>
  </si>
  <si>
    <t>PUNTO DE PAGO- PLATIK - VARIEDADES Y SERVICIOS A Y M</t>
  </si>
  <si>
    <t>TV 71A 31H 169</t>
  </si>
  <si>
    <t>PUNTO DE PAGO- PLATIK - PAPELERIA PONTEVEDRA</t>
  </si>
  <si>
    <t>CL 116  71D  19</t>
  </si>
  <si>
    <t>PUNTO DE PAGO- PLATIK - MULTIPAGOS TR</t>
  </si>
  <si>
    <t>TV 32A 36 76</t>
  </si>
  <si>
    <t>PUNTO DE PAGO- PLATIK - LUDABRAN PRODUCTOS DE ASEO</t>
  </si>
  <si>
    <t>CL 73 BIS SUR 78A 20</t>
  </si>
  <si>
    <t>PUNTO DE PAGO- PLATIK -  PAPELERIA Y DISTRIBUIDORA DE BELLEZA PAULIS E ISSA</t>
  </si>
  <si>
    <t>CRA 100A 130F 22</t>
  </si>
  <si>
    <t>PUNTO DE PAGO- PLATIK - DROGUERIA LA NUEVA FRONTERA</t>
  </si>
  <si>
    <t>CL 128D BIS 91 25</t>
  </si>
  <si>
    <t>PUNTO DE PAGO- PLATIK - DROGUERIA CARABELAS</t>
  </si>
  <si>
    <t>CRA 40 1G 09</t>
  </si>
  <si>
    <t>PUNTO DE PAGO- PLATIK - VARIEDADES ZULY</t>
  </si>
  <si>
    <t>CLL 50 N 23 05 ESTE</t>
  </si>
  <si>
    <t>PUNTO DE PAGO- PLATIK - DROGUERIA YESSE</t>
  </si>
  <si>
    <t>DG 73C SUR 73I 13</t>
  </si>
  <si>
    <t>PUNTO DE PAGO- PLATIK - ENVIOS SALOME</t>
  </si>
  <si>
    <t>CR 23C 32 47 S</t>
  </si>
  <si>
    <t>PUNTO DE PAGO- PLATIK - DROGUERIA FARMASANI</t>
  </si>
  <si>
    <t>CL 72 SUR 47B 06</t>
  </si>
  <si>
    <t>PUNTO DE PAGO- PLATIK -  DROGUERÍA ELICENIA</t>
  </si>
  <si>
    <t>TV 67 77 04 SUR</t>
  </si>
  <si>
    <t>PUNTO DE PAGO- PLATIK - CAPICENTRO SERVICIOS Y ASESORIAS PAO</t>
  </si>
  <si>
    <t>CRA 72B  8 14 LC 1</t>
  </si>
  <si>
    <t>PUNTO DE PAGO- PLATIK - DROGUERIA LA ITALIANA</t>
  </si>
  <si>
    <t>CRA 102 39A 48 SN JOSE DE LOS CAMPANOS</t>
  </si>
  <si>
    <t>PUNTO DE PAGO- PLATIK - MUNDI MASCOTAS M2</t>
  </si>
  <si>
    <t>CL 64 112 B 40</t>
  </si>
  <si>
    <t>PUNTO DE PAGO- PLATIK - INYALETH</t>
  </si>
  <si>
    <t>CL 132D 151A 07</t>
  </si>
  <si>
    <t>PUNTO DE PAGO- PLATIK - GRANERO NATANAEL</t>
  </si>
  <si>
    <t>CL 8A  81A  05</t>
  </si>
  <si>
    <t>PUNTO DE PAGO- PLATIK - DROGUERIA PHARMA PLUS</t>
  </si>
  <si>
    <t>CR 115 152B 20</t>
  </si>
  <si>
    <t>PUNTO DE PAGO- PLATIK - PAPIROMANIA S</t>
  </si>
  <si>
    <t>CRA 103D 83 18</t>
  </si>
  <si>
    <t>PUNTO DE PAGO- PLATIK - NICONET</t>
  </si>
  <si>
    <t>CL 68B SUR 69 45 MZ7 CS193</t>
  </si>
  <si>
    <t>PUNTO DE PAGO- PLATIK - H &amp; L AREPITAS Y ALGO MÁS</t>
  </si>
  <si>
    <t>CRR 100  20 54</t>
  </si>
  <si>
    <t>PUNTO DE PAGO- PLATIK - CYBERSPACE</t>
  </si>
  <si>
    <t>DG 68 SUR 37A 49 LC04</t>
  </si>
  <si>
    <t>PUNTO DE PAGO- PLATIK - DROGUERIA KAFARMA 4</t>
  </si>
  <si>
    <t>CL 42F SUR 95A 22</t>
  </si>
  <si>
    <t>PUNTO DE PAGO- PLATIK - MARLENY TORRES</t>
  </si>
  <si>
    <t>CR 12 27 46 SUR</t>
  </si>
  <si>
    <t>PUNTO DE PAGO- PLATIK - PAPELERIA JD</t>
  </si>
  <si>
    <t>CR 89 A 80 36</t>
  </si>
  <si>
    <t>PUNTO DE PAGO- PLATIK - TIENDA DE REGALOS Y PAPELERIA BATY SORPRESAS</t>
  </si>
  <si>
    <t>TV 5G BIS 48I 20 LC2</t>
  </si>
  <si>
    <t>PUNTO DE PAGO- PLATIK - SUPERMASCOTAS</t>
  </si>
  <si>
    <t>CL 92B 04 40 SUR</t>
  </si>
  <si>
    <t>PUNTO DE PAGO- PLATIK - PAPELERIA ZULIMA</t>
  </si>
  <si>
    <t>DG 62G  SUR 72A  41</t>
  </si>
  <si>
    <t>PUNTO DE PAGO- PLATIK - PAPELERIA VALERY N1</t>
  </si>
  <si>
    <t>CL 73B SUR 45B 21</t>
  </si>
  <si>
    <t>PUNTO DE PAGO- PLATIK - PAPELERIA VALERY N2</t>
  </si>
  <si>
    <t>CR 47B 75 59 SUR</t>
  </si>
  <si>
    <t>PUNTO DE PAGO- PLATIK - MISCELANEA YADYS</t>
  </si>
  <si>
    <t>TR 8B ESTE 88H 05 SUR</t>
  </si>
  <si>
    <t>PUNTO DE PAGO- PLATIK - PANALERA Y PAPELERIA LUMA</t>
  </si>
  <si>
    <t>CL 67 68I 37</t>
  </si>
  <si>
    <t>PUNTO DE PAGO- PLATIK - DROGUERÍA RED GOLDEN</t>
  </si>
  <si>
    <t>CR 81A 13 57 LC 1</t>
  </si>
  <si>
    <t>PUNTO DE PAGO- PLATIK - VIDEO JUEGOS LAURELES</t>
  </si>
  <si>
    <t>CR 80M 74A 16 SUR</t>
  </si>
  <si>
    <t>PUNTO DE PAGO- PLATIK - MINI MERCADO LAS MONAS</t>
  </si>
  <si>
    <t>DG 68B SUR 18M 47</t>
  </si>
  <si>
    <t>PUNTO DE PAGO- PLATIK - ISA´S NAIL STYLE</t>
  </si>
  <si>
    <t>CRA 72C 9 5 LC C</t>
  </si>
  <si>
    <t>PUNTO DE PAGO- PLATIK - AREPAS Y ALGO MAS</t>
  </si>
  <si>
    <t>CL 5A S 87A 97</t>
  </si>
  <si>
    <t>PUNTO DE PAGO- PLATIK - ACMOVIL</t>
  </si>
  <si>
    <t>CR 96B 17B 28</t>
  </si>
  <si>
    <t>PUNTO DE PAGO- PLATIK - DON PAGO GIOVANNY</t>
  </si>
  <si>
    <t>CL 5 A SUR 84 09</t>
  </si>
  <si>
    <t>PUNTO DE PAGO- PLATIK - PAPELERIA ANDRES</t>
  </si>
  <si>
    <t>CRA 53 B 4 B 15</t>
  </si>
  <si>
    <t>PUNTO DE PAGO- PLATIK - PAPELERIA MARVEL</t>
  </si>
  <si>
    <t>CR 8 27 SUR 01</t>
  </si>
  <si>
    <t>PUNTO DE PAGO- PLATIK - TIENDA MAGICA</t>
  </si>
  <si>
    <t>CALLE 38 87 C 54</t>
  </si>
  <si>
    <t>PUNTO DE PAGO- PLATIK - PAPELERIA MIREYA</t>
  </si>
  <si>
    <t>CR 136 N 16 06</t>
  </si>
  <si>
    <t>PUNTO DE PAGO- PLATIK -  FLORALBA DURAN RAMÍREZ</t>
  </si>
  <si>
    <t>CLL 123  7 41</t>
  </si>
  <si>
    <t>PUNTO DE PAGO- PLATIK - VARIEDADES JYV</t>
  </si>
  <si>
    <t>CL 138 152 A 09</t>
  </si>
  <si>
    <t>PUNTO DE PAGO- PLATIK - CAMCAN COMUNICACIONES SOLUCIONES INTEGRALES</t>
  </si>
  <si>
    <t>BLAS DE LEZO, PLAN 400 MZ 22 LOTE 03  APT 201</t>
  </si>
  <si>
    <t>PUNTO DE PAGO- PLATIK - DISTRI DULCES LA ECONOMIA</t>
  </si>
  <si>
    <t>CR 37 ESTE 44A 13</t>
  </si>
  <si>
    <t>PUNTO DE PAGO- PLATIK - BOSA BRASILIA CALLE 51</t>
  </si>
  <si>
    <t>CL 51 SUR 87K 16</t>
  </si>
  <si>
    <t>PUNTO DE PAGO- PLATIK - MARIAN TECNOLOGIAS</t>
  </si>
  <si>
    <t>CL 52A SUR 78K  22</t>
  </si>
  <si>
    <t>VALLE DEL CAUCA</t>
  </si>
  <si>
    <t>GUADALAJARA DE BUGA</t>
  </si>
  <si>
    <t>PUNTO DE PAGO- PLATIK - NETCOMPANY S.A.S</t>
  </si>
  <si>
    <t>CL 6 11 62 OF</t>
  </si>
  <si>
    <t>PUNTO DE PAGO- PLATIK - PAPELERIA MISCELANEA ARTE, COLOR Y PAPEL</t>
  </si>
  <si>
    <t>CRA 54 46 44 LC 3</t>
  </si>
  <si>
    <t>PUNTO DE PAGO- PLATIK - FINANTEL</t>
  </si>
  <si>
    <t>TV 51 73B 14 SUR</t>
  </si>
  <si>
    <t>PUNTO DE PAGO- PLATIK - TUREDCO.COM</t>
  </si>
  <si>
    <t>CL 64D SUR 18N 66</t>
  </si>
  <si>
    <t>PUNTO DE PAGO- PLATIK - SUPERMERCADO DCALIDAD</t>
  </si>
  <si>
    <t>CRA18Q BIS A 65 29 SUR</t>
  </si>
  <si>
    <t>PUNTO DE PAGO- PLATIK - PECHUGA</t>
  </si>
  <si>
    <t>CR 20B E 11 62 S</t>
  </si>
  <si>
    <t>PUNTO DE PAGO- PLATIK - PUNTO CLAVE</t>
  </si>
  <si>
    <t>CR 91 MZ 10 LT 06</t>
  </si>
  <si>
    <t>PUNTO DE PAGO- PLATIK - DON PAGO DANYTA</t>
  </si>
  <si>
    <t>CL 64 SUR 72 47</t>
  </si>
  <si>
    <t>PUNTO DE PAGO- PLATIK - PAPELERIA CARVAJAL</t>
  </si>
  <si>
    <t>CR 3 48T 50 S</t>
  </si>
  <si>
    <t>PUNTO DE PAGO- PLATIK - ALL THINGS PAPELERIA</t>
  </si>
  <si>
    <t>CL 136A 154A 25</t>
  </si>
  <si>
    <t>PUNTO DE PAGO- PLATIK - LA QUATRO</t>
  </si>
  <si>
    <t>CR 3 ESTE 21 06 SUR</t>
  </si>
  <si>
    <t>PUNTO DE PAGO- PLATIK - MULTISERVICIOS FINANCIEROS PORTAL DE ALAMOS</t>
  </si>
  <si>
    <t>CR 98 63 39</t>
  </si>
  <si>
    <t>PUNTO DE PAGO- PLATIK - OK! PAPER</t>
  </si>
  <si>
    <t>CR 80  66  34</t>
  </si>
  <si>
    <t>PUNTO DE PAGO- PLATIK - MIL MASCOTAS</t>
  </si>
  <si>
    <t>CR 80  70  48</t>
  </si>
  <si>
    <t>PUNTO DE PAGO- PLATIK - LOS TRES HOMBRES</t>
  </si>
  <si>
    <t>DG 73 A BIS 36D 31 INT 10</t>
  </si>
  <si>
    <t>PUNTO DE PAGO- PLATIK - TIENDA INTERNET Y COPIAS EL FLACO</t>
  </si>
  <si>
    <t>CR 5 21 93</t>
  </si>
  <si>
    <t>PUNTO DE PAGO- PLATIK - EL RINCON DE VIYIS</t>
  </si>
  <si>
    <t>CL 91A SUR 18M 06</t>
  </si>
  <si>
    <t>PUNTO DE PAGO- PLATIK - COMUNICACIONES NATASHA</t>
  </si>
  <si>
    <t>AV 19 9 68</t>
  </si>
  <si>
    <t>PUNTO DE PAGO- PLATIK -  VARIEDADES DILANC</t>
  </si>
  <si>
    <t>CL 11 SUR 12 D 13</t>
  </si>
  <si>
    <t>PUNTO DE PAGO- PLATIK - SURTITIENDASDO</t>
  </si>
  <si>
    <t>CL 41 SUR 86C  45</t>
  </si>
  <si>
    <t>PUNTO DE PAGO- PLATIK - PAPELERIA EMMANUEL Y SEBAS</t>
  </si>
  <si>
    <t>CLL 57 15 A 63</t>
  </si>
  <si>
    <t>PUNTO DE PAGO- PLATIK - SOS FOTOCOPIADORA</t>
  </si>
  <si>
    <t>CALLE76 112 30</t>
  </si>
  <si>
    <t>PUNTO DE PAGO- PLATIK - GROGUERIA FARMACENTER MBO CONTADOR</t>
  </si>
  <si>
    <t>CL 134 19 50</t>
  </si>
  <si>
    <t>PUNTO DE PAGO- PLATIK - PAPELERIA INTERNET MARY</t>
  </si>
  <si>
    <t>CL 75 112B 49</t>
  </si>
  <si>
    <t>PUNTO DE PAGO- PLATIK - VARIEDADES Y DETALLES DULCES MOMENTOS</t>
  </si>
  <si>
    <t>CL 11 31 08</t>
  </si>
  <si>
    <t>PUNTO DE PAGO- PLATIK - LGG COMUNICACIONES BOGOTA 2</t>
  </si>
  <si>
    <t>PUNTO DE PAGO- PLATIK - PAPELERIA  FOX</t>
  </si>
  <si>
    <t>CL 42F SUR 87I 44</t>
  </si>
  <si>
    <t>PUNTO DE PAGO- PLATIK - DISTRIQUIMICOS J&amp;M</t>
  </si>
  <si>
    <t>CRA 113 78F 63</t>
  </si>
  <si>
    <t>PUNTO DE PAGO- PLATIK - SUMINCLEAN.COFFEE</t>
  </si>
  <si>
    <t>CLL 64F 107C 10</t>
  </si>
  <si>
    <t>PUNTO DE PAGO- PLATIK - COMUNICACIONES MG 1</t>
  </si>
  <si>
    <t>CLL 70 SUR 49 21</t>
  </si>
  <si>
    <t>PUNTO DE PAGO- PLATIK - BLUE TECHNOLOGY</t>
  </si>
  <si>
    <t>AV CL 68 66 54</t>
  </si>
  <si>
    <t>PUNTO DE PAGO- PLATIK - SERVICELL M.E</t>
  </si>
  <si>
    <t>CL 6D 2 28 ESTE</t>
  </si>
  <si>
    <t>PUNTO DE PAGO- PLATIK - SERVICIOS MAFENOUN</t>
  </si>
  <si>
    <t>CL 36D S 2 06 E</t>
  </si>
  <si>
    <t>PUNTO DE PAGO- PLATIK - ALTAMAR</t>
  </si>
  <si>
    <t>PUNTO DE PAGO- PLATIK - BLUE ORANGE FILE</t>
  </si>
  <si>
    <t>CLL 139 149 09</t>
  </si>
  <si>
    <t>PUNTO DE PAGO- PLATIK - INMOBILIARIA KAMARSOL</t>
  </si>
  <si>
    <t>ED. TOCAHAGUA L2</t>
  </si>
  <si>
    <t>PUNTO DE PAGO- PLATIK - TODO PAGOS FUSA</t>
  </si>
  <si>
    <t>CL 7 7  68 LC 104</t>
  </si>
  <si>
    <t>PUNTO DE PAGO- PLATIK - DROGUERIA MI PHARMA YA</t>
  </si>
  <si>
    <t>POZON CR 87 MZ 115 LT 24</t>
  </si>
  <si>
    <t>PUNTO DE PAGO- PLATIK - COPYAS PRINTER</t>
  </si>
  <si>
    <t>CR 17 15 42 SUR LC 101</t>
  </si>
  <si>
    <t>PUNTO DE PAGO- PLATIK - EL CAFE INTERNET EL POLY</t>
  </si>
  <si>
    <t>PLAN 332 B MZ 62 LT1</t>
  </si>
  <si>
    <t>PUNTO DE PAGO- PLATIK - DROGUERIA JIREH MJ</t>
  </si>
  <si>
    <t>CL 79B 120A 27</t>
  </si>
  <si>
    <t>PUNTO DE PAGO- PLATIK - INTERNET Y VARIEDADES LAURA</t>
  </si>
  <si>
    <t>MANZANA 2 LOTE 2</t>
  </si>
  <si>
    <t>PUNTO DE PAGO- PLATIK -  LA GALERÍA EXPRESS</t>
  </si>
  <si>
    <t>CR 94  62 03 SUR</t>
  </si>
  <si>
    <t>PUNTO DE PAGO- PLATIK - PAPELERIA TIERRA Y LUZ</t>
  </si>
  <si>
    <t>CL 131 100A 02</t>
  </si>
  <si>
    <t>PUNTO DE PAGO- PLATIK - JESUS DANIEL ARIAS ROJAS BOOM</t>
  </si>
  <si>
    <t>CL 77 112C 19</t>
  </si>
  <si>
    <t>PUNTO DE PAGO- PLATIK - MISCELÁNEA Y VARIEDADES LA 63A</t>
  </si>
  <si>
    <t>CL 63A 68F 21</t>
  </si>
  <si>
    <t>PUNTO DE PAGO- PLATIK - MULTIOFERTAS DEL RECREO</t>
  </si>
  <si>
    <t>CL 65 SUR 102 51 LC 216</t>
  </si>
  <si>
    <t>PUNTO DE PAGO- PLATIK - FERNEY ESMITH TORRES</t>
  </si>
  <si>
    <t>TV 22 69D 16 SUR</t>
  </si>
  <si>
    <t>PUNTO DE PAGO- PLATIK - P'HILAZAS MEDELLIN</t>
  </si>
  <si>
    <t>CRA 68 BIS 39F 10 SUR</t>
  </si>
  <si>
    <t>PUNTO DE PAGO- PLATIK - MUÑOS GRUPO PUBLICITARIO SAS</t>
  </si>
  <si>
    <t>CR 90 81A 36</t>
  </si>
  <si>
    <t>PUNTO DE PAGO- PLATIK - MISCELANEA JJ</t>
  </si>
  <si>
    <t>CR 140 142D 33</t>
  </si>
  <si>
    <t>PUNTO DE PAGO- PLATIK - EFECTY SAN PEDRO</t>
  </si>
  <si>
    <t>CL 134A 147B 12</t>
  </si>
  <si>
    <t>PUNTO DE PAGO- PLATIK - CONECTIÓN WEB</t>
  </si>
  <si>
    <t>CRA 4 N 4 49 CENTRO</t>
  </si>
  <si>
    <t>PUNTO DE PAGO- PLATIK - JA SERVICIOS</t>
  </si>
  <si>
    <t>CRA 103A 78C 04 LC101</t>
  </si>
  <si>
    <t>PUNTO DE PAGO- PLATIK - HEIRIMAN GOMEZ MARTINEZ</t>
  </si>
  <si>
    <t>CRA 96A 129 88</t>
  </si>
  <si>
    <t>PUNTO DE PAGO- PLATIK - LAVASECO Y VARIEDADES EXITO</t>
  </si>
  <si>
    <t>CLL 49SUR 88G 17</t>
  </si>
  <si>
    <t>PUNTO DE PAGO- PLATIK - KAIROS VARIEDADES</t>
  </si>
  <si>
    <t>TV 53 A29 E6 BQ</t>
  </si>
  <si>
    <t>PUNTO DE PAGO- PLATIK - REPUESTO Y ACCESORIOS THOMAS</t>
  </si>
  <si>
    <t>AVCR 86  38A 22 SUR</t>
  </si>
  <si>
    <t>PUNTO DE PAGO- PLATIK - ACCESORIOS SYL</t>
  </si>
  <si>
    <t>CLL 91B SUR 4C 09</t>
  </si>
  <si>
    <t>PUNTO DE PAGO- PLATIK - EMMA PAGATODO</t>
  </si>
  <si>
    <t>CR 69H 76 06</t>
  </si>
  <si>
    <t>CR 13 63 21 LC 103</t>
  </si>
  <si>
    <t>PUNTO DE PAGO- PLATIK - GRANERO EL PARAISO</t>
  </si>
  <si>
    <t>CRA 95A 73 57 SUR</t>
  </si>
  <si>
    <t>PUNTO DE PAGO- PLATIK - DON PAGO FUNZA</t>
  </si>
  <si>
    <t>CALLE 11 13 86</t>
  </si>
  <si>
    <t>PUNTO DE PAGO- PLATIK - TECHNOLOGY STORE &amp; CANDYS</t>
  </si>
  <si>
    <t>CL 139 145 B 10</t>
  </si>
  <si>
    <t>PUNTO DE PAGO- PLATIK - PAPELERIA EN DIOS CONFIAMOS</t>
  </si>
  <si>
    <t>CLL 138 152 20</t>
  </si>
  <si>
    <t>PUNTO DE PAGO- PLATIK - EFECTY Y FERRETERIA GUAYAQUIL</t>
  </si>
  <si>
    <t>AV. CRISANTO LUQUE  1RA DE SAN CARLOS DG 22 33A 31</t>
  </si>
  <si>
    <t>PUNTO DE PAGO- PLATIK - MULTISERVICIOS Y PAPELERIA JERICO</t>
  </si>
  <si>
    <t>CR 98 55A 24 S CA 2</t>
  </si>
  <si>
    <t>PUNTO DE PAGO- PLATIK - THE JEFF WORLD</t>
  </si>
  <si>
    <t>CRA 29 53A 01SUR</t>
  </si>
  <si>
    <t>PUNTO DE PAGO- PLATIK - ANTARES</t>
  </si>
  <si>
    <t>TV 53  71 04 SUR</t>
  </si>
  <si>
    <t>CR 1B  27A  06  SUR</t>
  </si>
  <si>
    <t>PUNTO DE PAGO- PLATIK - VARIEDADES LOS ANGELES LA 90</t>
  </si>
  <si>
    <t>CRA 2C ESTE 89C 20 SUR</t>
  </si>
  <si>
    <t>PUNTO DE PAGO- PLATIK - BL CENTRO DE RECAUDOS</t>
  </si>
  <si>
    <t>CR 88F 74B SUR 31</t>
  </si>
  <si>
    <t>PUNTO DE PAGO- PLATIK - INÉS LATORRE</t>
  </si>
  <si>
    <t>CR 15 105 A 10</t>
  </si>
  <si>
    <t>PUNTO DE PAGO- PLATIK - DROGUERIA NACIONAL DE DROGAS 4</t>
  </si>
  <si>
    <t>CL  11A  73A  41</t>
  </si>
  <si>
    <t>PUNTO DE PAGO- PLATIK - CAFE INTERNET DONDE LLAMAS D OMAR</t>
  </si>
  <si>
    <t>CL 15 A 81 D 12</t>
  </si>
  <si>
    <t>PUNTO DE PAGO- PLATIK - OFIMCEL</t>
  </si>
  <si>
    <t>DG 32 69 98</t>
  </si>
  <si>
    <t>PUNTO DE PAGO- PLATIK - LASERVOIP</t>
  </si>
  <si>
    <t>CL 1B 6 21 ESTE</t>
  </si>
  <si>
    <t>PUNTO DE PAGO- PLATIK - HIPERDROGUERIA AURORA</t>
  </si>
  <si>
    <t>TV 14R BIS 69A 90 S</t>
  </si>
  <si>
    <t>PUNTO DE PAGO- PLATIK - VARIEDADES WIMAR</t>
  </si>
  <si>
    <t>CL 38C SUR 92 32</t>
  </si>
  <si>
    <t>PUNTO DE PAGO- PLATIK - DEVARIEDADESPIPE</t>
  </si>
  <si>
    <t>CRA 6F ESTE 98A 14 SUR</t>
  </si>
  <si>
    <t>PUNTO DE PAGO- PLATIK - ASPA SOLUTIONS SAS</t>
  </si>
  <si>
    <t>CR 11 14 A 27</t>
  </si>
  <si>
    <t>PUNTO DE PAGO- PLATIK - REMATE MACUS</t>
  </si>
  <si>
    <t>CR 104A BIS 60 78 SUR</t>
  </si>
  <si>
    <t>PUNTO DE PAGO- PLATIK - COMUNICACIONES CAMILA</t>
  </si>
  <si>
    <t>CRA 14A 71B 10 SUR</t>
  </si>
  <si>
    <t>PUNTO DE PAGO- PLATIK - CABINAS EL MORAL</t>
  </si>
  <si>
    <t>CL 80 24 73</t>
  </si>
  <si>
    <t>PUNTO DE PAGO- PLATIK - GAMERPLAY&amp;WIN</t>
  </si>
  <si>
    <t>CL 55 SUR  18 52</t>
  </si>
  <si>
    <t>PUNTO DE PAGO- PLATIK - PAPELERIA MAGIC COLORS</t>
  </si>
  <si>
    <t>CL 2  25 47</t>
  </si>
  <si>
    <t>PUNTO DE PAGO- PLATIK - VARIEDADES Y TEXTILES MIL DETALLES</t>
  </si>
  <si>
    <t>CRA 14 93A SUR 35</t>
  </si>
  <si>
    <t>PUNTO DE PAGO- PLATIK - TIENDA DON DUGLAS</t>
  </si>
  <si>
    <t>DG 92 A 80 I  37</t>
  </si>
  <si>
    <t>PUNTO DE PAGO- PLATIK - EFECTY VIDRIALUM SA</t>
  </si>
  <si>
    <t>CRA 112 63 36</t>
  </si>
  <si>
    <t>PUNTO DE PAGO- PLATIK - COMUNICACIONES SEBAS</t>
  </si>
  <si>
    <t>CR 91B 51 28 S</t>
  </si>
  <si>
    <t>PUNTO DE PAGO- PLATIK - ONFARMA B1</t>
  </si>
  <si>
    <t>CLL 96 10 24</t>
  </si>
  <si>
    <t>PUNTO DE PAGO- PLATIK - CIGARRERIA LUSAN</t>
  </si>
  <si>
    <t>CRA 88H 69 62 SUR</t>
  </si>
  <si>
    <t>PUNTO DE PAGO- PLATIK - PANAMERICANA DE COMUNICACIONES TIBABUYES</t>
  </si>
  <si>
    <t>CR 139 142 43</t>
  </si>
  <si>
    <t>PUNTO DE PAGO- PLATIK - MICELANEA Y PAPELERIA S.K.A</t>
  </si>
  <si>
    <t>TV 1 ESTE 83 55 SUR</t>
  </si>
  <si>
    <t>PUNTO DE PAGO- PLATIK - PAÑALERA MI BEBE GENIAL</t>
  </si>
  <si>
    <t>CL 40 SUR 94 09</t>
  </si>
  <si>
    <t>PUNTO DE PAGO- PLATIK - VARIEDADES JAKY</t>
  </si>
  <si>
    <t>CR 110 A 67A 40</t>
  </si>
  <si>
    <t>PUNTO DE PAGO- PLATIK - VARIEDADES JOLIMATT</t>
  </si>
  <si>
    <t>CR74A 42G58 S</t>
  </si>
  <si>
    <t>PUNTO DE PAGO- PLATIK - COFFEMATI</t>
  </si>
  <si>
    <t>CL 65C SUR 11 60 INT 5 CS 1</t>
  </si>
  <si>
    <t>PUNTO DE PAGO- PLATIK - F&amp;J COMUNICACIONES</t>
  </si>
  <si>
    <t>CL 56 SUR 81A 23</t>
  </si>
  <si>
    <t>PUNTO DE PAGO- PLATIK - PAPELERIA ZAFIRO DYY</t>
  </si>
  <si>
    <t>AC 44 S 24C 55</t>
  </si>
  <si>
    <t>PUNTO DE PAGO- PLATIK - VARIEDADES Y CACHE</t>
  </si>
  <si>
    <t>CL 1F  25A 25</t>
  </si>
  <si>
    <t>PUNTO DE PAGO- PLATIK - COMUNICACIONES@ANGELES.COM</t>
  </si>
  <si>
    <t>TV 16C 75B 48 SUR</t>
  </si>
  <si>
    <t>PUNTO DE PAGO- PLATIK - BBTTODO.RON</t>
  </si>
  <si>
    <t>TV  5L  48F 75 SUR</t>
  </si>
  <si>
    <t>PUNTO DE PAGO- PLATIK - PAPELERIA JUGUETERIA LA GRAN ESTRELLA</t>
  </si>
  <si>
    <t>CALLE 6 16A 150</t>
  </si>
  <si>
    <t>PUNTO DE PAGO- PLATIK - NUGA LUZ</t>
  </si>
  <si>
    <t>CL 39BBISA S 72G 18</t>
  </si>
  <si>
    <t>PUNTO DE PAGO- PLATIK - SUPERMERCADO CIGARRERIA SIMACOTA</t>
  </si>
  <si>
    <t>CRA 68H 17 05 SUR</t>
  </si>
  <si>
    <t>PUNTO DE PAGO- PLATIK - SALA DE INTERNETCESLUN</t>
  </si>
  <si>
    <t>CRA 68D 65A 37</t>
  </si>
  <si>
    <t>PUNTO DE PAGO- PLATIK - REDPAGO_02</t>
  </si>
  <si>
    <t>CR 17F  69  62 SUR</t>
  </si>
  <si>
    <t>PUNTO DE PAGO- PLATIK - COMERCIALIZADORA MAXI DESECHABLES</t>
  </si>
  <si>
    <t>CR 74 58A SUR  09</t>
  </si>
  <si>
    <t>PUNTO DE PAGO- PLATIK - LA VITRINA DE RAFA</t>
  </si>
  <si>
    <t>CR 150B 143 63</t>
  </si>
  <si>
    <t>PUNTO DE PAGO- PLATIK - PAPELERIA Y PINATERIA EILE</t>
  </si>
  <si>
    <t>BR SOCORRO CL18 M 65 L1</t>
  </si>
  <si>
    <t>PUNTO DE PAGO- PLATIK - EBENEZER PAPELERIAS</t>
  </si>
  <si>
    <t>CR 95A 129 54</t>
  </si>
  <si>
    <t>PUNTO DE PAGO- PLATIK - COMUNICACIONES RUBIO.NET</t>
  </si>
  <si>
    <t>CRA 13 63 21</t>
  </si>
  <si>
    <t>PUNTO DE PAGO- PLATIK - PAPELERIA TELECOM</t>
  </si>
  <si>
    <t>CL 4 S 11A 06</t>
  </si>
  <si>
    <t>PUNTO DE PAGO- PLATIK - TECNICELL BOGOTA</t>
  </si>
  <si>
    <t>CL 72 70 43 LC 214</t>
  </si>
  <si>
    <t>PUNTO DE PAGO- PLATIK - PAPELERIA DONDE KAROL</t>
  </si>
  <si>
    <t>DG 46 SUR 13 57 LC 2</t>
  </si>
  <si>
    <t>PUNTO DE PAGO- PLATIK - PUNTO SERVI BOGOTA 28</t>
  </si>
  <si>
    <t>DG 39 72D 31 SUR</t>
  </si>
  <si>
    <t>PUNTO DE PAGO- PLATIK - D&amp;B MEJORES PROFESIONALES</t>
  </si>
  <si>
    <t>CR 73 D 69F SUR 19</t>
  </si>
  <si>
    <t>PUNTO DE PAGO- PLATIK - PAGO YA!</t>
  </si>
  <si>
    <t>TV 80G 65F 56 SUR</t>
  </si>
  <si>
    <t>PUNTO DE PAGO- PLATIK - ESTANCO EL TODERO</t>
  </si>
  <si>
    <t>DG 71P SUR 28 09</t>
  </si>
  <si>
    <t>PUNTO DE PAGO- PLATIK - COMERCIALIZADORA TRAZO FINO</t>
  </si>
  <si>
    <t>CR 24 7 05 S LC 4</t>
  </si>
  <si>
    <t>PUNTO DE PAGO- PLATIK - EXPRESS GUERRERO</t>
  </si>
  <si>
    <t>AV USME 92B 05 SUR</t>
  </si>
  <si>
    <t>PUNTO DE PAGO- PLATIK - INVERSIONES EL MERCADEO S.A.S 2</t>
  </si>
  <si>
    <t>CL 7 2 14</t>
  </si>
  <si>
    <t>PUNTO DE PAGO- PLATIK - NANYLANDIA DETALLES Y PAPELERIA</t>
  </si>
  <si>
    <t>DG 51 S 54A 56</t>
  </si>
  <si>
    <t>PUNTO DE PAGO- PLATIK - TIENDA DE ACCESORIOS Y TECNOLOGIA GALAXY 2</t>
  </si>
  <si>
    <t>CL 28 S 19B 44</t>
  </si>
  <si>
    <t>PUNTO DE PAGO- PLATIK - PAGATODO LUNA PARK</t>
  </si>
  <si>
    <t>CL 10B S 20A 07</t>
  </si>
  <si>
    <t>PUNTO DE PAGO- PLATIK - SERVIENTREGA KENNEDY CERVANTES</t>
  </si>
  <si>
    <t>CL 26 SUR 71D 68</t>
  </si>
  <si>
    <t>PUNTO DE PAGO- PLATIK - CENTRO COMERCIAL NUESTRO BOGOTA</t>
  </si>
  <si>
    <t>CR 86 55A 75</t>
  </si>
  <si>
    <t>PUNTO DE PAGO- PLATIK - EFECTY BANDERAS CHICO</t>
  </si>
  <si>
    <t>CL 6B  79 14</t>
  </si>
  <si>
    <t>PUNTO DE PAGO- PLATIK - DROGUERIA Y TIENDA NATURISTA TU SALUD</t>
  </si>
  <si>
    <t>MZ G LT 03 SEC 18 D ENERO</t>
  </si>
  <si>
    <t>PUNTO DE PAGO- PLATIK - MYNPAPELERIA</t>
  </si>
  <si>
    <t>DG 81C 72B 22</t>
  </si>
  <si>
    <t>PUNTO DE PAGO- PLATIK - DON PAGO BOSA PARQUES DE BOGOTA</t>
  </si>
  <si>
    <t>CL 80 BIS SUR 91 90</t>
  </si>
  <si>
    <t>PUNTO DE PAGO- PLATIK - PAPELERIA S&amp;C</t>
  </si>
  <si>
    <t>CL 30 SUR 16F 16</t>
  </si>
  <si>
    <t>PUNTO DE PAGO- PLATIK - PAPELERIA Y MISCELANEA TRAZOS FUCSIA</t>
  </si>
  <si>
    <t>CR 82B 53 SUR 09</t>
  </si>
  <si>
    <t>PUNTO DE PAGO- PLATIK - HIPERDROGUERIA CATELLANOS</t>
  </si>
  <si>
    <t>CL 62 SUR 44A 30</t>
  </si>
  <si>
    <t>PUNTO DE PAGO- PLATIK - COMUKT BC</t>
  </si>
  <si>
    <t>CLL 6 B  78  C 47</t>
  </si>
  <si>
    <t>PUNTO DE PAGO- PLATIK - DROGUERIA DENIS</t>
  </si>
  <si>
    <t>MZ 89 L 9</t>
  </si>
  <si>
    <t>PUNTO DE PAGO- PLATIK - DROGUERIAS MINIMARKET JASSFARMA</t>
  </si>
  <si>
    <t>MZA Q LT 1 ET 2</t>
  </si>
  <si>
    <t>PUNTO DE PAGO- PLATIK - DROGUERIA MAXIPHARMA EXPRESS</t>
  </si>
  <si>
    <t>C C OLAYA PLAZA CL 32B 65 45 LC 13</t>
  </si>
  <si>
    <t>PUNTO DE PAGO- PLATIK - DROGUERIA MK PLUS 2A</t>
  </si>
  <si>
    <t>CL 4 83 91</t>
  </si>
  <si>
    <t>PUNTO DE PAGO- PLATIK - TECNOLOGIA JD</t>
  </si>
  <si>
    <t>CR 100A 73 SUR 14</t>
  </si>
  <si>
    <t>PUNTO DE PAGO- PLATIK - PAPELERIA CRISMALAJUN</t>
  </si>
  <si>
    <t>CL 49C S 5D 10</t>
  </si>
  <si>
    <t>PUNTO DE PAGO- PLATIK - TU SITIO</t>
  </si>
  <si>
    <t>CL 67 SUR 18 C 38</t>
  </si>
  <si>
    <t>PUNTO DE PAGO- PLATIK - MULTISERVICIOS MAGVY</t>
  </si>
  <si>
    <t>CL 116 71A 49</t>
  </si>
  <si>
    <t>PUNTO DE PAGO- PLATIK - EFECTY ESTACION TIMIZA</t>
  </si>
  <si>
    <t>CL 40 SUR 73 12</t>
  </si>
  <si>
    <t>PUNTO DE PAGO- PLATIK - MULTISERVICIOS DSM</t>
  </si>
  <si>
    <t>PUNTO DE PAGO- PLATIK - LA GRAN PAPELERIA</t>
  </si>
  <si>
    <t>CR 102A 130C 37</t>
  </si>
  <si>
    <t>PUNTO DE PAGO- PLATIK - JAPO CELL</t>
  </si>
  <si>
    <t>CL 67 25 33</t>
  </si>
  <si>
    <t>PUNTO DE PAGO- PLATIK - COMUNICACIONES MYR</t>
  </si>
  <si>
    <t>DG 28 S 2A 28 ESTE</t>
  </si>
  <si>
    <t>GRANADA</t>
  </si>
  <si>
    <t>PUNTO DE PAGO- PLATIK -  FOTO NET DIGITAL</t>
  </si>
  <si>
    <t>CR 12 16 84</t>
  </si>
  <si>
    <t>PUNTO DE PAGO- PLATIK - TELOPAGO.GOM</t>
  </si>
  <si>
    <t>CRA 105F BIS 70D 23LC 1</t>
  </si>
  <si>
    <t>PUNTO DE PAGO- PLATIK - DROGUERÍA EL ENSUEÑO C.M</t>
  </si>
  <si>
    <t>CR 48 G 58 F 02 SUR</t>
  </si>
  <si>
    <t>PUNTO DE PAGO- PLATIK - TRIGOS DE PRIMAVERA</t>
  </si>
  <si>
    <t>CL 67 108 95 LC 2 ESQ VILLAS DEL DORADO</t>
  </si>
  <si>
    <t>PUNTO DE PAGO- PLATIK - COMUNICACIONES CAMI Y SOFI</t>
  </si>
  <si>
    <t>KR 12 73 09 SUR</t>
  </si>
  <si>
    <t>PUNTO DE PAGO- PLATIK - PUNTO B &amp; B</t>
  </si>
  <si>
    <t>CLL 131 A 100 29</t>
  </si>
  <si>
    <t>PUNTO DE PAGO- PLATIK - PAPELERIA NUEVA ERA</t>
  </si>
  <si>
    <t>CR 136 15 15</t>
  </si>
  <si>
    <t>PUNTO DE PAGO- PLATIK - PAGOS.DAR</t>
  </si>
  <si>
    <t>CL 92A SUR 12 50</t>
  </si>
  <si>
    <t>PUNTO DE PAGO- PLATIK - CYM SOLUCIONES INTEGRALES</t>
  </si>
  <si>
    <t>DG 63 SUR 19B 74</t>
  </si>
  <si>
    <t>PUNTO DE PAGO- PLATIK - LUZDEYFERS</t>
  </si>
  <si>
    <t>CL 61C SUR 77A 11</t>
  </si>
  <si>
    <t>PUNTO DE PAGO- PLATIK - DON PAGO UNICO MADELENA</t>
  </si>
  <si>
    <t>CRA 998C  56G 15SUR</t>
  </si>
  <si>
    <t>PUNTO DE PAGO- PLATIK - SENDEROS 360 PAPELERIA</t>
  </si>
  <si>
    <t>CRA 4 12 71</t>
  </si>
  <si>
    <t>PUNTO DE PAGO- PLATIK - INTERNET TRES REYES</t>
  </si>
  <si>
    <t>CRA 76D 63A 08 SUR</t>
  </si>
  <si>
    <t>PUNTO DE PAGO- PLATIK - MIS TRES ANGELITOS</t>
  </si>
  <si>
    <t>CR 110 71B 54</t>
  </si>
  <si>
    <t>PUNTO DE PAGO- PLATIK - INTERNET Y VARIEDADES J Y M</t>
  </si>
  <si>
    <t>TV 14P BIS A 68 63 SUR</t>
  </si>
  <si>
    <t>PUNTO DE PAGO- PLATIK - COMUNICACIONES ARG</t>
  </si>
  <si>
    <t>CR 88I 79 03 SUR</t>
  </si>
  <si>
    <t>PUNTO DE PAGO- PLATIK -  DINAMICAS Y SOLUCIONES CONTABLES</t>
  </si>
  <si>
    <t>CR 50 4C 06</t>
  </si>
  <si>
    <t>PUNTO DE PAGO- PLATIK -  MONICA ALEXANDRA GUALDRON ALVAREZ</t>
  </si>
  <si>
    <t>CL 132 93B 02 LC 2</t>
  </si>
  <si>
    <t>PUNTO DE PAGO- PLATIK - ANDYFARMA</t>
  </si>
  <si>
    <t>CR 90 54 27 SUR</t>
  </si>
  <si>
    <t>PUNTO DE PAGO- PLATIK - SISTEMA DE TRANSFORMACION Y COMERCIALIZACION EN MET</t>
  </si>
  <si>
    <t>CR 72 63 12</t>
  </si>
  <si>
    <t>PUNTO DE PAGO- PLATIK - SUBA SANTA RITA</t>
  </si>
  <si>
    <t>CL 138 156A 14</t>
  </si>
  <si>
    <t>PUNTO DE PAGO- PLATIK - SUBA SANTA RITA CL 138 DIMONEX</t>
  </si>
  <si>
    <t>CL 138 152 07</t>
  </si>
  <si>
    <t>PUNTO DE PAGO- PLATIK - SUBA SAN PEDRO DE TIBABUYES</t>
  </si>
  <si>
    <t>CL 138 151 O8</t>
  </si>
  <si>
    <t>PUNTO DE PAGO- PLATIK - SUBA EL RINCON CR 93 D 2</t>
  </si>
  <si>
    <t>CR 93D 128D 39</t>
  </si>
  <si>
    <t>PUNTO DE PAGO- PLATIK - DROGUERIA DE LA COSTA FARMACOSTA</t>
  </si>
  <si>
    <t>DG 30 NUEVO BOSQUE 47-90 PISO1 LOCAL 101</t>
  </si>
  <si>
    <t>PUNTO DE PAGO- PLATIK - GUSTAVO ALEJANDRO LEGUIZAMON ORTEGA</t>
  </si>
  <si>
    <t>CL 142C 149A 03</t>
  </si>
  <si>
    <t>PUNTO DE PAGO- PLATIK - TIENDA LAS CAROLAS LL</t>
  </si>
  <si>
    <t>CL 50 SUR 87J  03</t>
  </si>
  <si>
    <t>PUNTO DE PAGO- PLATIK - EFECTY PLAZUELAS DEL VIRREY</t>
  </si>
  <si>
    <t>CRA 105F 70C 13</t>
  </si>
  <si>
    <t>PUNTO DE PAGO- PLATIK - MANIS CASTLE</t>
  </si>
  <si>
    <t>CL 9 25A 34</t>
  </si>
  <si>
    <t>PUNTO DE PAGO- PLATIK - SOLUCION EMPRESARIAL AL DIA S.A.S</t>
  </si>
  <si>
    <t>CL 128 BIS 93A 78</t>
  </si>
  <si>
    <t>PUNTO DE PAGO- PLATIK - GENESIS ASSALIATH DISTRIBUCIONES SAS</t>
  </si>
  <si>
    <t>CR 2D 91B 13 SUR</t>
  </si>
  <si>
    <t>PUNTO DE PAGO- PLATIK - DROGUERIA MEDIMARKAS</t>
  </si>
  <si>
    <t>CL 22F 107 75</t>
  </si>
  <si>
    <t>PUNTO DE PAGO- PLATIK - TIENDA NANY</t>
  </si>
  <si>
    <t>CL 95 68B 46</t>
  </si>
  <si>
    <t>PUNTO DE PAGO- PLATIK - CP SOLUCIONES</t>
  </si>
  <si>
    <t>AV CL 72 80 50</t>
  </si>
  <si>
    <t>PUNTO DE PAGO- PLATIK - VARIEDADES GP8</t>
  </si>
  <si>
    <t>CL 22I 114  37</t>
  </si>
  <si>
    <t>PUNTO DE PAGO- PLATIK - PAPELERIA Y DETALLES KIUT</t>
  </si>
  <si>
    <t>CR 80C 7A 98</t>
  </si>
  <si>
    <t>PUNTO DE PAGO- PLATIK - MISCELÁNEA Y PAPELERÍA SHADDAY</t>
  </si>
  <si>
    <t>KR 114 151C 16</t>
  </si>
  <si>
    <t>PUNTO DE PAGO- PLATIK - CENTRO DE PAGOS Y SERVICIOS</t>
  </si>
  <si>
    <t>CR 80 55A 20 SUR</t>
  </si>
  <si>
    <t>PUNTO DE PAGO- PLATIK - DONPAGO RIONEGRO</t>
  </si>
  <si>
    <t>AV CL 68 SUR 70D 71</t>
  </si>
  <si>
    <t>PUNTO DE PAGO- PLATIK - INVERSIONES KAFU</t>
  </si>
  <si>
    <t>URBANIZACION HORIZONTE 1 MZ 3 LOTE 46 ETAPA 2</t>
  </si>
  <si>
    <t>PUNTO DE PAGO- PLATIK - DROGUERIA FARMASALUD J &amp; L</t>
  </si>
  <si>
    <t>CL 73 SUR 80N 69</t>
  </si>
  <si>
    <t>FRESNO</t>
  </si>
  <si>
    <t>PUNTO DE PAGO- PLATIK - MUNICIPIO-MULTIPRODUCTOS JUANCHOS</t>
  </si>
  <si>
    <t>CRA 8 7 58</t>
  </si>
  <si>
    <t>PUNTO DE PAGO- PLATIK - MAXI TIENDAS 1</t>
  </si>
  <si>
    <t>TV 73 11B 33</t>
  </si>
  <si>
    <t>ARMENIA</t>
  </si>
  <si>
    <t>PUNTO DE PAGO- PLATIK - MAWI AXM</t>
  </si>
  <si>
    <t>CL 10 14 65 NORTE</t>
  </si>
  <si>
    <t>PUNTO DE PAGO- PLATIK - DROGUERÌA &amp; DELTA</t>
  </si>
  <si>
    <t>CR 116C 74A 69</t>
  </si>
  <si>
    <t>PUNTO DE PAGO- PLATIK - EFECTY SUBA RINCON</t>
  </si>
  <si>
    <t>CL 129 B 91 23</t>
  </si>
  <si>
    <t>PUNTO DE PAGO- PLATIK - MINI SUPER</t>
  </si>
  <si>
    <t>CR 6C ESTE 37C 04 SUR</t>
  </si>
  <si>
    <t>PUNTO DE PAGO- PLATIK - SOLUCIONES INTEGRALES CH</t>
  </si>
  <si>
    <t>DG 37 18 13</t>
  </si>
  <si>
    <t>PUNTO DE PAGO- PLATIK - TIENDA BAR - DE LA AMPARO</t>
  </si>
  <si>
    <t>CR 76A  62 23 SUR</t>
  </si>
  <si>
    <t>PUNTO DE PAGO- PLATIK - IVOBELLA</t>
  </si>
  <si>
    <t>CL 6 SUR 2C 10</t>
  </si>
  <si>
    <t>PUNTO DE PAGO- PLATIK - IKIGAI TECNOLOGI</t>
  </si>
  <si>
    <t>CR 120 17 F 67</t>
  </si>
  <si>
    <t>PUNTO DE PAGO- PLATIK - SUCURSAL AUXISI SAS</t>
  </si>
  <si>
    <t>CR 86F 26 07</t>
  </si>
  <si>
    <t>PUNTO DE PAGO- PLATIK - MUNICIPIO-SUPERMERCADO DUARTE</t>
  </si>
  <si>
    <t>CRA 5 13 27</t>
  </si>
  <si>
    <t>PUNTO DE PAGO- PLATIK - MDS SERVICIO Y TECNOLOGIA</t>
  </si>
  <si>
    <t>KR 88C 54F 92 SUR</t>
  </si>
  <si>
    <t>PUNTO DE PAGO- PLATIK - DON PAGO PATIO BONITO</t>
  </si>
  <si>
    <t>CR 87F  37 14SUR</t>
  </si>
  <si>
    <t>PUNTO DE PAGO- PLATIK - INTERNET LAZ.COM</t>
  </si>
  <si>
    <t>TV 53 70 08 SUR</t>
  </si>
  <si>
    <t>PUNTO DE PAGO- PLATIK - HIPERDROGUERIA FALCON</t>
  </si>
  <si>
    <t>CL 57B SUR 68  09</t>
  </si>
  <si>
    <t>PUNTO DE PAGO- PLATIK - TIENDA DE ACCESORIOS Y TECNOLOGIA GALAXI 1</t>
  </si>
  <si>
    <t>CL 8C 80D 10</t>
  </si>
  <si>
    <t>CIMITARRA</t>
  </si>
  <si>
    <t>PUNTO DE PAGO- PLATIK - MASIVOS CIMITARRA</t>
  </si>
  <si>
    <t>CL 7 3 25</t>
  </si>
  <si>
    <t>PUNTO DE PAGO- PLATIK - PAPELERIA Y MISCELANEA ALEJANDRA</t>
  </si>
  <si>
    <t>CL  71 SUR 99A 50</t>
  </si>
  <si>
    <t>LÍBANO</t>
  </si>
  <si>
    <t>PUNTO DE PAGO- PLATIK - MUNICIPIO-BRONXLOGISTIC</t>
  </si>
  <si>
    <t>CL 4 6 32</t>
  </si>
  <si>
    <t>PUNTO DE PAGO- PLATIK -  SWEET AND BEER</t>
  </si>
  <si>
    <t>CRA 116B 80 51 INT 18 LC 101</t>
  </si>
  <si>
    <t>PUNTO DE PAGO- PLATIK - VILLA PAPEL</t>
  </si>
  <si>
    <t>CL 3 22 08  LC 6</t>
  </si>
  <si>
    <t>PUNTO DE PAGO- PLATIK - FARMACAOBA I.J</t>
  </si>
  <si>
    <t>CL 80 BIS SUR 94 75</t>
  </si>
  <si>
    <t>PUNTO DE PAGO- PLATIK - D ROSAS</t>
  </si>
  <si>
    <t>CLL 94A 8 17 ESTE</t>
  </si>
  <si>
    <t>PUNTO DE PAGO- PLATIK - DROGUERIA Y MINIMARKET EMERPHARMA</t>
  </si>
  <si>
    <t>CR 53A 49 21 S</t>
  </si>
  <si>
    <t>PUNTO DE PAGO- PLATIK - ENVIO SALOME</t>
  </si>
  <si>
    <t>CR 33 51 25 SUR</t>
  </si>
  <si>
    <t>PUNTO DE PAGO- PLATIK - SERVICIOS INTEGRALES DE MENSAJERIA</t>
  </si>
  <si>
    <t>AC 6 42 19</t>
  </si>
  <si>
    <t>PUNTO DE PAGO- PLATIK - MUNICIPIO-MARYLUNA COMUNICACIONES</t>
  </si>
  <si>
    <t>CRA 8 3 67</t>
  </si>
  <si>
    <t>PUNTO DE PAGO- PLATIK - WORD EXPRESS EFECTY</t>
  </si>
  <si>
    <t>AVCARACAS 42A 03 SUR</t>
  </si>
  <si>
    <t>PUNTO DE PAGO- PLATIK - MERCA VARIEDADES MATTY</t>
  </si>
  <si>
    <t>CR 12A 26 30 SUR</t>
  </si>
  <si>
    <t>PUNTO DE PAGO- PLATIK - PAGATODO MARELDI</t>
  </si>
  <si>
    <t>CL 34A SUR 99A 37 CS 66</t>
  </si>
  <si>
    <t>PUNTO DE PAGO- PLATIK - VIVIANA ARISTIZABAL</t>
  </si>
  <si>
    <t>CL 78 SUR 78A 42</t>
  </si>
  <si>
    <t>PUNTO DE PAGO- PLATIK - PAPELERIA 7 FIN</t>
  </si>
  <si>
    <t>CL 70A BIS 78C 20</t>
  </si>
  <si>
    <t>PUNTO DE PAGO- PLATIK - MISCELÁNEA NIKO</t>
  </si>
  <si>
    <t>CR 94 D 130C 15</t>
  </si>
  <si>
    <t>PUNTO DE PAGO- PLATIK - EMILAU</t>
  </si>
  <si>
    <t>CR 14 136 SUR 18</t>
  </si>
  <si>
    <t>PUNTO DE PAGO- PLATIK - MALEKING</t>
  </si>
  <si>
    <t>CR 92 6C 39</t>
  </si>
  <si>
    <t>PUNTO DE PAGO- PLATIK - FINANTEL COMUNICACIONES</t>
  </si>
  <si>
    <t>CL 127 119A 10</t>
  </si>
  <si>
    <t>PUNTO DE PAGO- PLATIK - COOMPECENS RENTA HOGAR</t>
  </si>
  <si>
    <t>AV 0 11 30 OFI 201</t>
  </si>
  <si>
    <t>PUNTO DE PAGO- PLATIK - TIENDA ALEJANDRA</t>
  </si>
  <si>
    <t>CR 105C 16F  18</t>
  </si>
  <si>
    <t>IPIALES</t>
  </si>
  <si>
    <t>PUNTO DE PAGO- PLATIK - INFINITUS</t>
  </si>
  <si>
    <t>CR 11 13 73</t>
  </si>
  <si>
    <t>PUNTO DE PAGO- PLATIK - DROGUERIA CALIDAD Y ECONOMIA</t>
  </si>
  <si>
    <t>CL 155A 7B  76</t>
  </si>
  <si>
    <t>PUNTO DE PAGO- PLATIK - SOLUCIONES TIBABUYES</t>
  </si>
  <si>
    <t>CR 148B 132D 79</t>
  </si>
  <si>
    <t>PUNTO DE PAGO- PLATIK - DE TODO UN POCO</t>
  </si>
  <si>
    <t>CR 14K 138C  39 SUR  TR3 APT504</t>
  </si>
  <si>
    <t>PUNTO DE PAGO- PLATIK - CENTRO DE SERVICIOS SANTA LIBRADA</t>
  </si>
  <si>
    <t>CR 14 75 65 SUR</t>
  </si>
  <si>
    <t>PUNTO DE PAGO- PLATIK - SMART AR COMUNICACIONES</t>
  </si>
  <si>
    <t>CL 57 70 92 SUR</t>
  </si>
  <si>
    <t>PUNTO DE PAGO- PLATIK - PAPELERÍA OLGA</t>
  </si>
  <si>
    <t>CRA 17B 64B 05 SUR</t>
  </si>
  <si>
    <t>PUNTO DE PAGO- PLATIK - MABEL RICO</t>
  </si>
  <si>
    <t>CRR 2A  25A 31</t>
  </si>
  <si>
    <t>PUNTO DE PAGO- PLATIK - MUNICIPIO-COMPUTADORES</t>
  </si>
  <si>
    <t>CL 5 9 14</t>
  </si>
  <si>
    <t>PUNTO DE PAGO- PLATIK - VARIEDADES LILI</t>
  </si>
  <si>
    <t>CR 151 BIS 136A 68</t>
  </si>
  <si>
    <t>PUNTO DE PAGO- PLATIK - PAPELERIA MERAKKI</t>
  </si>
  <si>
    <t>MZ 2 LT 19 BRISAS 1</t>
  </si>
  <si>
    <t>PUNTO DE PAGO- PLATIK - DON PAGO EL REAL</t>
  </si>
  <si>
    <t>CL 66A 73A 55</t>
  </si>
  <si>
    <t>PUNTO DE PAGO- PLATIK - DISTRIREPUESTOS LOS ANGELES</t>
  </si>
  <si>
    <t xml:space="preserve">CRA 81 46 08 SUR </t>
  </si>
  <si>
    <t>PUNTO DE PAGO- PLATIK - PAPELERIA MATICES</t>
  </si>
  <si>
    <t>CL 66 57 36</t>
  </si>
  <si>
    <t>PUNTO DE PAGO- PLATIK - DROGUERIA BOSANAR</t>
  </si>
  <si>
    <t>CR 88C 53 14 sur</t>
  </si>
  <si>
    <t>PUNTO DE PAGO- PLATIK - DROGUERIA REAL DORADO</t>
  </si>
  <si>
    <t>CLL 21 SUR 14 64</t>
  </si>
  <si>
    <t>PUNTO DE PAGO- PLATIK - SERVIENTREGA</t>
  </si>
  <si>
    <t>DG 45 BIS B 13F 62 S</t>
  </si>
  <si>
    <t>PUNTO DE PAGO- PLATIK - CENTRO DE SERVICIOS CENA CARRERA 30</t>
  </si>
  <si>
    <t>CL 20 SUR 29C 83</t>
  </si>
  <si>
    <t>PUNTO DE PAGO- PLATIK - DROGUERÍA JIRETH</t>
  </si>
  <si>
    <t>CL 57B SUR 63 30</t>
  </si>
  <si>
    <t>PUNTO DE PAGO- PLATIK - CONFITERIA Y AUTOSERVICIO LA CUCHARA</t>
  </si>
  <si>
    <t>POZON SEC MIRAMAR  MZ 211 LT 38</t>
  </si>
  <si>
    <t>PUNTO DE PAGO- PLATIK - LAKSHMI DISTRIBUIDORA DE BELLEZA</t>
  </si>
  <si>
    <t>CR 17 19 00 SUR</t>
  </si>
  <si>
    <t>PUNTO DE PAGO- PLATIK - EFECTY- DROGUERIA DACY</t>
  </si>
  <si>
    <t>MZ 1 LT 5 SEC LOS DESEOS BR NELSON MANDELA</t>
  </si>
  <si>
    <t>PUNTO DE PAGO- PLATIK - DROGUERIA PROVEEDORES FARMACEUTICOS M.H</t>
  </si>
  <si>
    <t>CL 22B 43A 20</t>
  </si>
  <si>
    <t>PUNTO DE PAGO- PLATIK - TRUE BEAUTY</t>
  </si>
  <si>
    <t>CR 55  162  27</t>
  </si>
  <si>
    <t>PUNTO DE PAGO- PLATIK - DROGUERIA MI COMUNIDAD</t>
  </si>
  <si>
    <t>MANZANA 8 LOTE 25</t>
  </si>
  <si>
    <t>PUNTO DE PAGO- PLATIK - MASIVOS TERMINAL 2</t>
  </si>
  <si>
    <t>DG 23 69 11 L2</t>
  </si>
  <si>
    <t>PUNTO DE PAGO- PLATIK - COFAM MINIMARKET</t>
  </si>
  <si>
    <t>BRR CIUD INDIA CATALINA MZ 42 LT 7</t>
  </si>
  <si>
    <t>EL ROSAL</t>
  </si>
  <si>
    <t>PUNTO DE PAGO- PLATIK - PANALERA VALEN</t>
  </si>
  <si>
    <t>CR 8 4 102</t>
  </si>
  <si>
    <t>PUNTO DE PAGO- PLATIK - INVERSIONES EL MERDADEO S.A.S 1</t>
  </si>
  <si>
    <t>CL 129B BIS 93  41</t>
  </si>
  <si>
    <t>PUNTO DE PAGO- PLATIK - BPB SOLUCIONES</t>
  </si>
  <si>
    <t>CLL  37 SUR 72M 49</t>
  </si>
  <si>
    <t>PUNTO DE PAGO- PLATIK - LAVADERO LA 22 DAYTONA</t>
  </si>
  <si>
    <t>CL 22 8 65 SUR</t>
  </si>
  <si>
    <t>PUNTO DE PAGO- PLATIK - ATOM TECNOLOGY</t>
  </si>
  <si>
    <t>CRA 20B 63 03 SUR</t>
  </si>
  <si>
    <t>PUNTO DE PAGO- PLATIK - SANDRA REYES</t>
  </si>
  <si>
    <t>CL 189C 2 44</t>
  </si>
  <si>
    <t>PUNTO DE PAGO- PLATIK - MENCO CORREOS</t>
  </si>
  <si>
    <t>CRA 10 1A 60</t>
  </si>
  <si>
    <t>PUNTO DE PAGO- PLATIK - HELADERIA SAMI</t>
  </si>
  <si>
    <t>CR 9 ESTE 28C 24 S</t>
  </si>
  <si>
    <t>PUNTO DE PAGO- PLATIK - PAPERIA Y ALGO MAS</t>
  </si>
  <si>
    <t>Cl 72 66 08</t>
  </si>
  <si>
    <t>PUNTO DE PAGO- PLATIK - PUNTO DE SERVICIOS ALAMOS NORTE</t>
  </si>
  <si>
    <t>CR 101 71 C93</t>
  </si>
  <si>
    <t>PUNTO DE PAGO- PLATIK - PAPELERÍA INTERNET.COM</t>
  </si>
  <si>
    <t>CRA 49A 31B 30 REP DEL LIBANO</t>
  </si>
  <si>
    <t>PUNTO DE PAGO- PLATIK - MASIVOS MAICAO</t>
  </si>
  <si>
    <t>CL 8 24 31</t>
  </si>
  <si>
    <t>PUNTO DE PAGO- PLATIK - PAPELERÍA NUEVO RENACER</t>
  </si>
  <si>
    <t>CR 3 29 13 SUR LC 1</t>
  </si>
  <si>
    <t>PUNTO DE PAGO- PLATIK - DIVAD</t>
  </si>
  <si>
    <t>CR 110 77D 03</t>
  </si>
  <si>
    <t>PUNTO DE PAGO- PLATIK - PAGO YA! MULTISERVICIOS</t>
  </si>
  <si>
    <t xml:space="preserve"> TV 80G Sur  65F  56</t>
  </si>
  <si>
    <t>PUNTO DE PAGO- PLATIK - PUNTO DE SERVICIO VILLALUZ</t>
  </si>
  <si>
    <t>CR 77 A 64 F 18</t>
  </si>
  <si>
    <t>PUNTO DE PAGO- PLATIK - PUNTO DE SERVICIOS NORMANDIA</t>
  </si>
  <si>
    <t xml:space="preserve">CL 53 74 A 24 </t>
  </si>
  <si>
    <t>PUNTO DE PAGO- PLATIK - PAPELERIA MUNDO DIGITAL</t>
  </si>
  <si>
    <t>DG 45B S 52C 04</t>
  </si>
  <si>
    <t>HONDA</t>
  </si>
  <si>
    <t>PUNTO DE PAGO- PLATIK - MUNICIPIO-MAS VIDA MAS SALUD</t>
  </si>
  <si>
    <t>CL 9 19 45</t>
  </si>
  <si>
    <t>PUNTO DE PAGO- PLATIK - CIGARRERIA MERK - EXPRESS</t>
  </si>
  <si>
    <t xml:space="preserve">CR 19B 154 95 </t>
  </si>
  <si>
    <t>PUNTO DE PAGO- PLATIK - TAILS PAPELERIA MISCELANEA Y ALGO MAS</t>
  </si>
  <si>
    <t xml:space="preserve"> VA SANTA MARTHA SC LA ESPERANZA MZ A LT 7</t>
  </si>
  <si>
    <t>PUNTO DE PAGO- PLATIK - RECARGADO</t>
  </si>
  <si>
    <t>CL 64 12 17</t>
  </si>
  <si>
    <t>PUNTO DE PAGO- PLATIK - COMPU MUNDO</t>
  </si>
  <si>
    <t>DG 30K 7A 16</t>
  </si>
  <si>
    <t>PUNTO DE PAGO- PLATIK - PAPELERIA ALISSON</t>
  </si>
  <si>
    <t>Cl 72A sur 14X 11</t>
  </si>
  <si>
    <t>PUNTO DE PAGO- PLATIK - SOFISPOR</t>
  </si>
  <si>
    <t xml:space="preserve">CL 44 SUR 72U 67 </t>
  </si>
  <si>
    <t>PUNTO DE PAGO- PLATIK - INGRID MELISSA PARDO</t>
  </si>
  <si>
    <t>TV 94 128C 11</t>
  </si>
  <si>
    <t>PUNTO DE PAGO- PLATIK - MATRIX.COM</t>
  </si>
  <si>
    <t>BR CIUD SEVILLA MZD LT22</t>
  </si>
  <si>
    <t>PUNTO DE PAGO- PLATIK - MUNICIPIO- MISELANEA EL REGALON</t>
  </si>
  <si>
    <t>CL8 CCMEGACITY LC7</t>
  </si>
  <si>
    <t>PUNTO DE PAGO- PLATIK - DISTRIBUIDORA COSMETICOS ORQUIDEA AZUL</t>
  </si>
  <si>
    <t xml:space="preserve">CR 87 D 52 76 SUR </t>
  </si>
  <si>
    <t>PUNTO DE PAGO- PLATIK - MISCELANEA Y VARIEDADES ZOE</t>
  </si>
  <si>
    <t>CR 101 73A 29</t>
  </si>
  <si>
    <t>PUNTO DE PAGO- PLATIK - PROGRESO.15</t>
  </si>
  <si>
    <t>CRA 19B 23 22 SUR</t>
  </si>
  <si>
    <t>PUNTO DE PAGO- PLATIK - LAVANDERIA RAPID PRENDAS</t>
  </si>
  <si>
    <t>CR 92 6C 39 CS 57</t>
  </si>
  <si>
    <t>PUNTO DE PAGO- PLATIK - PHARMA HUMANOS DROGUERIA</t>
  </si>
  <si>
    <t>CR 78 9 06</t>
  </si>
  <si>
    <t>PUNTO DE PAGO- PLATIK - FJP SAS</t>
  </si>
  <si>
    <t>CRA 106A 70F 61</t>
  </si>
  <si>
    <t>cll 20 sur 24 f 23</t>
  </si>
  <si>
    <t>PUNTO DE PAGO- PLATIK - JJCABINAS</t>
  </si>
  <si>
    <t xml:space="preserve">CL 129 D  106  11 </t>
  </si>
  <si>
    <t>CL 139 149 09</t>
  </si>
  <si>
    <t>PUNTO DE PAGO- PLATIK - MUNDO GEMELAR DE DAMIAN</t>
  </si>
  <si>
    <t>CR  99C 61A 48 SUR</t>
  </si>
  <si>
    <t>PUNTO DE PAGO- PLATIK - MISCELANEA JEFFERSSON</t>
  </si>
  <si>
    <t>CL 71 88C 31 SUR</t>
  </si>
  <si>
    <t>PUNTO DE PAGO- PLATIK - PAPELERIA CARVAJAL 1</t>
  </si>
  <si>
    <t>Av Boyaca 37C 07 Sur</t>
  </si>
  <si>
    <t>PUNTO DE PAGO- PLATIK - MODISTERIA ALISSON</t>
  </si>
  <si>
    <t>CL 80 SUR  78 C 42</t>
  </si>
  <si>
    <t>Cl 72 S 47 B 06</t>
  </si>
  <si>
    <t>PUNTO DE PAGO- PLATIK - PAPELERIA JESUS CON NOSOTROS</t>
  </si>
  <si>
    <t>CR 100 25 G 11</t>
  </si>
  <si>
    <t>PUNTO DE PAGO- PLATIK - DROGUERIA ELICENIA</t>
  </si>
  <si>
    <t>TV 67 77 09 SUR</t>
  </si>
  <si>
    <t>PUNTO DE PAGO- PLATIK - CIBER SHAILA</t>
  </si>
  <si>
    <t>CL 5 A SUR 87 H 20</t>
  </si>
  <si>
    <t>PUNTO DE PAGO- PLATIK - ANGIE PAOLA CABEZA GALINDO</t>
  </si>
  <si>
    <t>CL 68A SUR 45B 07</t>
  </si>
  <si>
    <t>PUNTO DE PAGO- PLATIK - SPURBET</t>
  </si>
  <si>
    <t>DG 38 SUR 80H 12 LC 364</t>
  </si>
  <si>
    <t>PUNTO DE PAGO- PLATIK - PAPELERI PUNTO ROJO</t>
  </si>
  <si>
    <t>CR 20 66 46 SUR</t>
  </si>
  <si>
    <t>PUNTO DE PAGO- PLATIK - TIENDA JMD EL DESVARE</t>
  </si>
  <si>
    <t>CRA 19B 25 32 SUR</t>
  </si>
  <si>
    <t>PUNTO DE PAGO- PLATIK - PUNTOSERVIS CASTILLA JM</t>
  </si>
  <si>
    <t>CL 10 79 07</t>
  </si>
  <si>
    <t>PUNTO DE PAGO- PLATIK - PLATILLA 1</t>
  </si>
  <si>
    <t>DG 15 SUR 18 53</t>
  </si>
  <si>
    <t>PUNTO DE PAGO- PLATIK - DON PAGO ABRIL CALLE 26</t>
  </si>
  <si>
    <t>CL 26 25 50</t>
  </si>
  <si>
    <t>PUNTO DE PAGO- PLATIK - PAPELERIA PATICO</t>
  </si>
  <si>
    <t>CR 70B 102 25</t>
  </si>
  <si>
    <t>PUNTO DE PAGO- PLATIK - PAPELERIA DON PAGO RG</t>
  </si>
  <si>
    <t>DG 49 SUR 73 71</t>
  </si>
  <si>
    <t>PUNTO DE PAGO- PLATIK - SOLUCIONES HEIDY</t>
  </si>
  <si>
    <t>CL 133  154  12</t>
  </si>
  <si>
    <t>PUNTO DE PAGO- PLATIK - D'NET PAPELERÍA</t>
  </si>
  <si>
    <t>BR MARIA CANO CR 80B CL 4C 04</t>
  </si>
  <si>
    <t>PUNTO DE PAGO- PLATIK - PAPELERIA Y PIÑATERIA SANDRY</t>
  </si>
  <si>
    <t>BR LA CONSOLATA SEC PARAISO MZP LT2</t>
  </si>
  <si>
    <t>PUNTO DE PAGO- PLATIK - KADAM</t>
  </si>
  <si>
    <t>CL 131A  124B  38</t>
  </si>
  <si>
    <t>PUNTO DE PAGO- PLATIK - PAPELERIA Y CENTRO DE PAGOS LA WED</t>
  </si>
  <si>
    <t>CL 138 151C 23</t>
  </si>
  <si>
    <t>PUNTO DE PAGO- PLATIK - INTERCONTI.NET</t>
  </si>
  <si>
    <t>CRA 58B 5A 37</t>
  </si>
  <si>
    <t>PUNTO DE PAGO- PLATIK - COMPUMUNDO ESTRELLA</t>
  </si>
  <si>
    <t>CR 102 58 SUR 92</t>
  </si>
  <si>
    <t>PUNTO DE PAGO- PLATIK - LA GRAN D</t>
  </si>
  <si>
    <t>KR 87 C 63 SUR 08  AP LC 1</t>
  </si>
  <si>
    <t>PUNTO DE PAGO- PLATIK - SUPERTIENDA FESAM</t>
  </si>
  <si>
    <t>CRA 100 50B 45 SUR</t>
  </si>
  <si>
    <t>CALI</t>
  </si>
  <si>
    <t>PUNTO DE PAGO- PLATIK -   DON PAGO CALI HOLGUINES</t>
  </si>
  <si>
    <t>DG 28 C TV 28 05</t>
  </si>
  <si>
    <t>PUNTO DE PAGO- PLATIK - ASEO F&amp;Y</t>
  </si>
  <si>
    <t>CL 130C 95A 05</t>
  </si>
  <si>
    <t>PUNTO DE PAGO- PLATIK - VARIEDADES DANIEL Y ANGEL</t>
  </si>
  <si>
    <t>CRA 4A  186A 12</t>
  </si>
  <si>
    <t>PUNTO DE PAGO- PLATIK - ACCESORIOS PARA CELULARES VENECIA</t>
  </si>
  <si>
    <t>CL 71C SUR 14A 21</t>
  </si>
  <si>
    <t>PUNTO DE PAGO- PLATIK - DISTRIBUIDORA SD</t>
  </si>
  <si>
    <t>CR 18I 79A  06 SUR</t>
  </si>
  <si>
    <t>PUNTO DE PAGO- PLATIK - CORRESPONSAL E INTERNET SAICO.NET</t>
  </si>
  <si>
    <t>MANGA AV ASAMBLEA 29 69 LC 01</t>
  </si>
  <si>
    <t>PUNTO DE PAGO- PLATIK - MUNICIPIO-INTERNET PABLITO</t>
  </si>
  <si>
    <t>CRA 7 14 08 LC2</t>
  </si>
  <si>
    <t>PUNTO DE PAGO- PLATIK - SALITRE TOURS</t>
  </si>
  <si>
    <t>CL 22 H 114A 85</t>
  </si>
  <si>
    <t>PUNTO DE PAGO- PLATIK - APUESTAS CAMI - SANTI</t>
  </si>
  <si>
    <t>CLL 22 K 122 A 17</t>
  </si>
  <si>
    <t>PUNTO DE PAGO- PLATIK - MASIVOS BOSA  PABLO VI</t>
  </si>
  <si>
    <t>CR 77I BIS 69B 83 SUR</t>
  </si>
  <si>
    <t>PUNTO DE PAGO- PLATIK - DROGUERIA VIDA SANA L.R</t>
  </si>
  <si>
    <t>CL 136  156B 09</t>
  </si>
  <si>
    <t>OTANCHE</t>
  </si>
  <si>
    <t>PUNTO DE PAGO- PLATIK -  DON PAGO OTANCHE</t>
  </si>
  <si>
    <t>CL 6 10 18</t>
  </si>
  <si>
    <t>PUNTO DE PAGO- PLATIK - VARIEDADES EMMILY</t>
  </si>
  <si>
    <t>CRR 36 17 284</t>
  </si>
  <si>
    <t>PUNTO DE PAGO- PLATIK - MISCELANEA LA MEJOR PAPELERIA Y CACHARRERIA</t>
  </si>
  <si>
    <t>CL 5 1I 05</t>
  </si>
  <si>
    <t>BUENAVENTURA</t>
  </si>
  <si>
    <t>PUNTO DE PAGO- PLATIK - FUNDACION SOCIAL</t>
  </si>
  <si>
    <t>CC LA 14 BUENAVENTURA</t>
  </si>
  <si>
    <t>PUNTO DE PAGO- PLATIK - ACCESORIOS Y VARIEDADES GUADALUPE</t>
  </si>
  <si>
    <t>CL 91 S 12 84</t>
  </si>
  <si>
    <t>PUNTO DE PAGO- PLATIK - DAYAN ' S</t>
  </si>
  <si>
    <t>CL 38 S 87A 04</t>
  </si>
  <si>
    <t>PUNTO DE PAGO- PLATIK - METALMECANICA JORGE CERON SAS</t>
  </si>
  <si>
    <t>AV CL68 65B 25</t>
  </si>
  <si>
    <t>PUNTO DE PAGO- PLATIK - DON PAGO SOLUCIONES EFECTIVAS</t>
  </si>
  <si>
    <t>BR BLAS DE LEZO PLAN 400 MZ 20  LT 1</t>
  </si>
  <si>
    <t>PUNTO DE PAGO- PLATIK - TELECOMUNICACIONES OSP</t>
  </si>
  <si>
    <t>CL 157 A 98 A 57</t>
  </si>
  <si>
    <t>PUNTO DE PAGO- PLATIK - DON LUCHO</t>
  </si>
  <si>
    <t>CLL 6D 3 41 ESTE</t>
  </si>
  <si>
    <t>PUNTO DE PAGO- PLATIK - SUMINISTROS PLUMA Y PAPEL</t>
  </si>
  <si>
    <t>CL 17 53 24</t>
  </si>
  <si>
    <t>PUNTO DE PAGO- PLATIK - KEILA PEÑA BELTRAN</t>
  </si>
  <si>
    <t>CL 80 BIS A SUR 16T 54</t>
  </si>
  <si>
    <t>PUNTO DE PAGO- PLATIK - PLASTIBANI SAS</t>
  </si>
  <si>
    <t>CLL 131 101 21</t>
  </si>
  <si>
    <t>LA UNIÓN</t>
  </si>
  <si>
    <t>PUNTO DE PAGO- PLATIK - MUNICIPIO-MISELANEAEL RINCONDE LOS DETALLES</t>
  </si>
  <si>
    <t>CRA 2 22 08</t>
  </si>
  <si>
    <t>PUNTO DE PAGO- PLATIK - SOLUCIONES Y SERVICIOS A LA MANO SAS</t>
  </si>
  <si>
    <t>CL 54 SUR 32 32</t>
  </si>
  <si>
    <t>PUNTO DE PAGO- PLATIK - VARIEDADES ROYALTY</t>
  </si>
  <si>
    <t>CR 107 17B 66</t>
  </si>
  <si>
    <t>PUNTO DE PAGO- PLATIK - CON AMORES DAIMARI</t>
  </si>
  <si>
    <t>AC 132 103A 09</t>
  </si>
  <si>
    <t>PUNTO DE PAGO- PLATIK - VARIEDADES Y DETALLES ANAMA</t>
  </si>
  <si>
    <t>AK 2A  37B 04 SUR</t>
  </si>
  <si>
    <t>PUNTO DE PAGO- PLATIK - ANAMA GIROS Y ENCOMIENDAS 2</t>
  </si>
  <si>
    <t>CR 7 2  92</t>
  </si>
  <si>
    <t>DOSQUEBRADAS</t>
  </si>
  <si>
    <t>PUNTO DE PAGO- PLATIK - VARIEDAD V Y G</t>
  </si>
  <si>
    <t>DG 26 8 T47</t>
  </si>
  <si>
    <t>PUNTO DE PAGO- PLATIK - SAN FRANCISCO CALLE 64</t>
  </si>
  <si>
    <t>CL 64  22  12 SUR</t>
  </si>
  <si>
    <t>PUNTO DE PAGO- PLATIK - EL IMPERIO DEL REMATE</t>
  </si>
  <si>
    <t>CRA 88 62 4 P 1 LC 2</t>
  </si>
  <si>
    <t>PUNTO DE PAGO- PLATIK - COMERCIALIZADORA EDMAR</t>
  </si>
  <si>
    <t>CL 76C SUR 14A 04 INT 1</t>
  </si>
  <si>
    <t>PUNTO DE PAGO- PLATIK - PAPELERIA Y MISCELANEA ZORAIDA</t>
  </si>
  <si>
    <t>CL 48 C SUR 4B 20 ESTE</t>
  </si>
  <si>
    <t>PUNTO DE PAGO- PLATIK - DRACO COMUNICACIONES</t>
  </si>
  <si>
    <t>KR 1 30 237 CA 187</t>
  </si>
  <si>
    <t>PUNTO DE PAGO- PLATIK - PAPELERIA TATYCOPIAS</t>
  </si>
  <si>
    <t>ZARAGOCILLA CL 29 50 19</t>
  </si>
  <si>
    <t>PUNTO DE PAGO- PLATIK - CIGARRERIA JULI</t>
  </si>
  <si>
    <t>CLL 133 BIS 103 F 66</t>
  </si>
  <si>
    <t>PUNTO DE PAGO- PLATIK - MEGANET PUNTOCO</t>
  </si>
  <si>
    <t>CR 9 A ESTE 36 60</t>
  </si>
  <si>
    <t>PUNTO DE PAGO- PLATIK - MUNICIPIO-FENIX STORE MT</t>
  </si>
  <si>
    <t>CRA 20 4A 63 LC 3</t>
  </si>
  <si>
    <t>PUNTO DE PAGO- PLATIK - PASTELITOS D' SOFFI</t>
  </si>
  <si>
    <t>CLL 71 A SUR 14 64</t>
  </si>
  <si>
    <t>PUNTO DE PAGO- PLATIK - LA BODEGUITA DE LA MERCED</t>
  </si>
  <si>
    <t>CL 46 N 2 C N 71</t>
  </si>
  <si>
    <t>PUNTO DE PAGO- PLATIK - YABK</t>
  </si>
  <si>
    <t>CL30 A SUR 3B 04</t>
  </si>
  <si>
    <t>PUERTO COLOMBIA</t>
  </si>
  <si>
    <t>PUNTO DE PAGO- PLATIK - HENSHELL COMUNICACIONES STA</t>
  </si>
  <si>
    <t>CR 7 14 49</t>
  </si>
  <si>
    <t>PUNTO DE PAGO- PLATIK - CALZADO BUCARAMANGA 12A</t>
  </si>
  <si>
    <t>CR 78B 34A  84 SUR</t>
  </si>
  <si>
    <t>PUNTO DE PAGO- PLATIK - NIKVAL</t>
  </si>
  <si>
    <t>CR 9 ESTE 30 B 32</t>
  </si>
  <si>
    <t>PUNTO DE PAGO- PLATIK - HOTEL LA SEXTA EM</t>
  </si>
  <si>
    <t>CR 6 17A 35</t>
  </si>
  <si>
    <t>PUNTO DE PAGO- PLATIK - DON PAGO LA FLORIDA</t>
  </si>
  <si>
    <t>CR 90 70B 52</t>
  </si>
  <si>
    <t>PUNTO DE PAGO- PLATIK - FARMA HEALTH CENTER S.A.S.</t>
  </si>
  <si>
    <t>DG 32 69 31</t>
  </si>
  <si>
    <t>PUNTO DE PAGO- PLATIK - ANAMA GIROS Y ENCOMIENDAS</t>
  </si>
  <si>
    <t>CL 37ABIS S 2G 45</t>
  </si>
  <si>
    <t>PUNTO DE PAGO- PLATIK -  BAR SIN LIMITES</t>
  </si>
  <si>
    <t>CL 42 A SUR 95 53</t>
  </si>
  <si>
    <t>PUNTO DE PAGO- PLATIK - PANALERA NUEVA GENERACIÓN</t>
  </si>
  <si>
    <t>CL 131 91 47</t>
  </si>
  <si>
    <t>PUNTO DE PAGO- PLATIK - THE FAMILY V</t>
  </si>
  <si>
    <t>DG 32 C SUR  7A 17 ESTE</t>
  </si>
  <si>
    <t>PUNTO DE PAGO- PLATIK - TIENDAS QUINTANA</t>
  </si>
  <si>
    <t>CR 102 132 35</t>
  </si>
  <si>
    <t>PUNTO DE PAGO- PLATIK - PAPELERIA EMPAPELADOS</t>
  </si>
  <si>
    <t>CL 128C  95B 51</t>
  </si>
  <si>
    <t>PUNTO DE PAGO- PLATIK - CONCENTRADO PARA MASCOTAS JM</t>
  </si>
  <si>
    <t>CR 19 D 65 SUR 901</t>
  </si>
  <si>
    <t>PUNTO DE PAGO- PLATIK - ANAMA GIROS Y ENCOMIENDAS III</t>
  </si>
  <si>
    <t>CL 89 14C 23 E</t>
  </si>
  <si>
    <t>PUNTO DE PAGO- PLATIK - SOLUCIONES LISBOA</t>
  </si>
  <si>
    <t>CR 154 132 A 03</t>
  </si>
  <si>
    <t>LA CALERA</t>
  </si>
  <si>
    <t>PUNTO DE PAGO- PLATIK - PAPELERIA JENNY</t>
  </si>
  <si>
    <t>VIDA LAS JUNIA</t>
  </si>
  <si>
    <t>PUNTO DE PAGO- PLATIK - JMC COMPAÑIA DIGITAL</t>
  </si>
  <si>
    <t>CR A2C ESTE 89 17 SUR</t>
  </si>
  <si>
    <t>CL 13 SUR 10C 84 ESTE</t>
  </si>
  <si>
    <t>PUNTO DE PAGO- PLATIK - PRETTY STORE</t>
  </si>
  <si>
    <t>CR 15  116 36</t>
  </si>
  <si>
    <t>PUNTO DE PAGO- PLATIK - BYE</t>
  </si>
  <si>
    <t>CL  128 93 07</t>
  </si>
  <si>
    <t>PUNTO DE PAGO- PLATIK - DON PAGO BOSA BRASIL II</t>
  </si>
  <si>
    <t>CLL 49D BIS SUR 88C 19</t>
  </si>
  <si>
    <t>PUNTO DE PAGO- PLATIK -  CYBER MULTISERVICIOS ALEXA</t>
  </si>
  <si>
    <t>CLL 44 SUR 6 B 21 ESTE</t>
  </si>
  <si>
    <t>PUNTO DE PAGO- PLATIK - CALZADO BUCARAMANGA RESTREPO 4</t>
  </si>
  <si>
    <t>CR 19  17  02 SUR</t>
  </si>
  <si>
    <t>PUNTO DE PAGO- PLATIK - ALMIHOGAR</t>
  </si>
  <si>
    <t>CL 53 16 22</t>
  </si>
  <si>
    <t>PUNTO DE PAGO- PLATIK - DISTRIBUCIONES J&amp;M</t>
  </si>
  <si>
    <t>CR 139 142C 15</t>
  </si>
  <si>
    <t>OCAÑA</t>
  </si>
  <si>
    <t>PUNTO DE PAGO- PLATIK - COOMPECENS MULTIPAGOS JP</t>
  </si>
  <si>
    <t>CRA 16  5B 17</t>
  </si>
  <si>
    <t>CRA 104 65 04</t>
  </si>
  <si>
    <t>PUNTO DE PAGO- PLATIK - FOTO VISION DIGITAL</t>
  </si>
  <si>
    <t>CL 69F SUR 14C 53</t>
  </si>
  <si>
    <t>PUNTO DE PAGO- PLATIK - MULTICELL JY</t>
  </si>
  <si>
    <t>CL 13A 80D 31</t>
  </si>
  <si>
    <t>PUNTO DE PAGO- PLATIK - MICELANEA Y PAPELERIA LOS TINTALES</t>
  </si>
  <si>
    <t>CL 42 G SUR 86 47</t>
  </si>
  <si>
    <t>PUNTO DE PAGO- PLATIK - CUTE GIFTS</t>
  </si>
  <si>
    <t>CR 82 22D 56</t>
  </si>
  <si>
    <t>PUNTO DE PAGO- PLATIK - TIENDA  K Y J</t>
  </si>
  <si>
    <t>CLL 22  13 ESTE 80</t>
  </si>
  <si>
    <t>PUNTO DE PAGO- PLATIK - FARMACIA BUENOS AIRES JJ</t>
  </si>
  <si>
    <t>CRA 11A 49I 09 SUR</t>
  </si>
  <si>
    <t>PUNTO DE PAGO- PLATIK - ENVIOS AQUI PAPELERIA</t>
  </si>
  <si>
    <t>CRA 15 90 20</t>
  </si>
  <si>
    <t>PUNTO DE PAGO- PLATIK - MISCELÁNEA Y VARIEDADES NIKO</t>
  </si>
  <si>
    <t>CR 114C 151C 03</t>
  </si>
  <si>
    <t>PUNTO DE PAGO- PLATIK - COLAS Y PATITAS</t>
  </si>
  <si>
    <t>CR 105  64D 14</t>
  </si>
  <si>
    <t>SIMIJACA</t>
  </si>
  <si>
    <t>PUNTO DE PAGO- PLATIK - FERRETERIA GONZALEZ</t>
  </si>
  <si>
    <t>CRA 8 14 04</t>
  </si>
  <si>
    <t>PUNTO DE PAGO- PLATIK - LA BENDICION DE JEHOVA</t>
  </si>
  <si>
    <t>CR 13 87 22</t>
  </si>
  <si>
    <t>PUNTO DE PAGO- PLATIK - KATYCELL PAPELERIA</t>
  </si>
  <si>
    <t>TV 14Q 68 S 61 INT 1</t>
  </si>
  <si>
    <t>PUNTO DE PAGO- PLATIK - TECNOLOGIA GAMER STIVEN</t>
  </si>
  <si>
    <t>CL 33 SUR 87 F 35</t>
  </si>
  <si>
    <t>PUNTO DE PAGO- PLATIK - SERVICIOS INFORMATICOS AV</t>
  </si>
  <si>
    <t>KR 148 132A 22</t>
  </si>
  <si>
    <t>PUNTO DE PAGO- PLATIK - CENTRO COMERCIAL SANTAFE</t>
  </si>
  <si>
    <t>CL 185 45 3 LC 2-115</t>
  </si>
  <si>
    <t>PUNTO DE PAGO- PLATIK - MISELANEA Y PAPELERIA OLIVEROS</t>
  </si>
  <si>
    <t>CR 6 192 A30</t>
  </si>
  <si>
    <t>PUNTO DE PAGO- PLATIK - SOLUCIONES EL TROPEZON</t>
  </si>
  <si>
    <t>CR 87 C 61 07 SUR</t>
  </si>
  <si>
    <t>PUNTO DE PAGO- PLATIK - PAPELERIA MAFALDA FUNZA</t>
  </si>
  <si>
    <t>CR 6  13 24</t>
  </si>
  <si>
    <t>PUNTO DE PAGO- PLATIK - SOLUCIONES Y COMUNICACIONES VILLA ELISA</t>
  </si>
  <si>
    <t>CLL 132  94 28</t>
  </si>
  <si>
    <t>PUNTO DE PAGO- PLATIK - YOUNG PARK</t>
  </si>
  <si>
    <t>DIAG 91 B BIS SUR 18 H 11</t>
  </si>
  <si>
    <t>PUNTO DE PAGO- PLATIK - INTERBOX03</t>
  </si>
  <si>
    <t>CR 112A BIS 72C  15</t>
  </si>
  <si>
    <t>PUNTO DE PAGO- PLATIK - MISCELANEA Y VARIEDADES ISALIAH</t>
  </si>
  <si>
    <t>CL 132 131 29</t>
  </si>
  <si>
    <t>PUNTO DE PAGO- PLATIK - DON PAGO PALENQUE</t>
  </si>
  <si>
    <t>CRA 78F 46B 54 SUR</t>
  </si>
  <si>
    <t>PUNTO DE PAGO- PLATIK - MUNICIPIO-COMERCIAL JIPAMAGA SAS</t>
  </si>
  <si>
    <t>CRA 5 7 80 LOCAL 144 CC TERRACOTA</t>
  </si>
  <si>
    <t>PUNTO DE PAGO- PLATIK - MUNICIPIO-EXBOXMANIA COMO EN CASA</t>
  </si>
  <si>
    <t>CRA 5 2G 14</t>
  </si>
  <si>
    <t>PUNTO DE PAGO- PLATIK - LA NUEVA CASA DE PAPEL</t>
  </si>
  <si>
    <t>CR 22 45 A 20</t>
  </si>
  <si>
    <t>PUNTO DE PAGO- PLATIK - ALIADO V.E.C.I CASTILLA</t>
  </si>
  <si>
    <t>CL 8 A 78 34</t>
  </si>
  <si>
    <t>PUNTO DE PAGO- PLATIK - RECARGAS ONLINE TK</t>
  </si>
  <si>
    <t>DG 67 B 113 F 64</t>
  </si>
  <si>
    <t>PUNTO DE PAGO- PLATIK - CALZADO BUCARAMANGA CENTRO COMERCIAL PLAZA DE LAS A</t>
  </si>
  <si>
    <t>CR 71D 6 94 SUR LC 1625</t>
  </si>
  <si>
    <t>PUNTO DE PAGO- PLATIK - DROGAS LA TORRE N 2</t>
  </si>
  <si>
    <t>CL PRAL D VILLA FANY MZ3 L10</t>
  </si>
  <si>
    <t>PUNTO DE PAGO- PLATIK - MASIVOS DINDALITO 2</t>
  </si>
  <si>
    <t>CL 42 B SUR 89 C 88</t>
  </si>
  <si>
    <t>PUNTO DE PAGO- PLATIK - ARMA TU FIESTA-PIÑATERIA-PAPELERIA</t>
  </si>
  <si>
    <t>CL 75 SUR 12 45</t>
  </si>
  <si>
    <t>PUNTO DE PAGO- PLATIK - EL GATO LOPEZ</t>
  </si>
  <si>
    <t>CL 63 S 88 30</t>
  </si>
  <si>
    <t>PUNTO DE PAGO- PLATIK - COSITAS Y DETALLITOS</t>
  </si>
  <si>
    <t>CL 49 B SUR 1B 09</t>
  </si>
  <si>
    <t>PUNTO DE PAGO- PLATIK - SOLUCIONES DINDALITO</t>
  </si>
  <si>
    <t>CL 42 A SUR 92 B 27</t>
  </si>
  <si>
    <t>PUNTO DE PAGO- PLATIK - PAPELERIA Y VARIEDADES GANESHA</t>
  </si>
  <si>
    <t>CLL 79 106 34</t>
  </si>
  <si>
    <t>PUNTO DE PAGO- PLATIK - DROGUERIA MEDIPHARMA PLUS</t>
  </si>
  <si>
    <t>CL 19  1A 15</t>
  </si>
  <si>
    <t>PUNTO DE PAGO- PLATIK - PUNTO LA CONSOLACION CR 74</t>
  </si>
  <si>
    <t>CR 74 A 68 42</t>
  </si>
  <si>
    <t>PUNTO DE PAGO- PLATIK - VARIEDADESBRIARI</t>
  </si>
  <si>
    <t>MZ 2 LOTE 2 ETP3</t>
  </si>
  <si>
    <t>PUNTO DE PAGO- PLATIK - CALZADO BUCARAMANGA 11A</t>
  </si>
  <si>
    <t>CR 7A  13 68</t>
  </si>
  <si>
    <t>PUNTO DE PAGO- PLATIK - PAPELERIA YESHUA</t>
  </si>
  <si>
    <t>LA PLAZULA SEC SANTA MONICA MZA LT03 LC 01</t>
  </si>
  <si>
    <t>PUNTO DE PAGO- PLATIK - MEGA DROGUERIA GENETICOS PLUS</t>
  </si>
  <si>
    <t>CL 24 SUR 6 24</t>
  </si>
  <si>
    <t>PUNTO DE PAGO- PLATIK - CIGARERIA 49</t>
  </si>
  <si>
    <t>CL 49 6 39 LOCAL 1</t>
  </si>
  <si>
    <t>PUNTO DE PAGO- PLATIK - INTERCOM AAA 2</t>
  </si>
  <si>
    <t>CL 70 A 87 A  44</t>
  </si>
  <si>
    <t>PUNTO DE PAGO- PLATIK - FERROCERAMICAS LOS VIEJOS</t>
  </si>
  <si>
    <t>SEC ACACIAS MZ 146 LT 9</t>
  </si>
  <si>
    <t>PUNTO DE PAGO- PLATIK - PANALERA MIMOSITOS</t>
  </si>
  <si>
    <t>AV CLL 31 SUR 9 92 ESTE</t>
  </si>
  <si>
    <t>PUNTO DE PAGO- PLATIK - SMART WEB</t>
  </si>
  <si>
    <t>CRA 27 81E35</t>
  </si>
  <si>
    <t>PUNTO DE PAGO- PLATIK - MISCELANEA YOHAN</t>
  </si>
  <si>
    <t>CR 22A 80 21 SUR</t>
  </si>
  <si>
    <t>PUNTO DE PAGO- PLATIK - DROGUERIA FARMA AZA</t>
  </si>
  <si>
    <t>CR 87C  69B 12 S</t>
  </si>
  <si>
    <t>PUNTO DE PAGO- PLATIK - PAPELERIA 20 DE JULIO</t>
  </si>
  <si>
    <t>CL 27 SUR 5A 22</t>
  </si>
  <si>
    <t>CAUCA</t>
  </si>
  <si>
    <t>MIRANDA</t>
  </si>
  <si>
    <t>PUNTO DE PAGO- PLATIK - JM15 PUNTO DE PAGO</t>
  </si>
  <si>
    <t>CR 4 5 50</t>
  </si>
  <si>
    <t>PUNTO DE PAGO- PLATIK - SUPERCOMPURED</t>
  </si>
  <si>
    <t>CLL 105 12F 54</t>
  </si>
  <si>
    <t>PUNTO DE PAGO- PLATIK - ARTESANIAS EL ARREJERAO</t>
  </si>
  <si>
    <t>CL 12  21 78</t>
  </si>
  <si>
    <t>PUNTO DE PAGO- PLATIK - PAPELERIA LUCY'S</t>
  </si>
  <si>
    <t>CL 63 SUR 95 16</t>
  </si>
  <si>
    <t>PUNTO DE PAGO- PLATIK - PAPELERIA Y COMUNICACIONES</t>
  </si>
  <si>
    <t>CALLE 56 SUR 4L 25</t>
  </si>
  <si>
    <t>PUNTO DE PAGO- PLATIK - PAPELERIA LAPIZ Y PAPELITOS</t>
  </si>
  <si>
    <t>CR 9 11 15</t>
  </si>
  <si>
    <t>PUNTO DE PAGO- PLATIK - SUFARM SAS</t>
  </si>
  <si>
    <t>CL 162 7G 22 LC 2</t>
  </si>
  <si>
    <t>PUNTO DE PAGO- PLATIK - SUFARM179</t>
  </si>
  <si>
    <t>CL 179 6 29 LC 2</t>
  </si>
  <si>
    <t>PUNTO DE PAGO- PLATIK - SALSAMENTARIA "LA HERENCIA"</t>
  </si>
  <si>
    <t>CR 103C 137 06</t>
  </si>
  <si>
    <t>PUNTO DE PAGO- PLATIK - MISCELANEA Y PAPELERIA PUNTO ROJO</t>
  </si>
  <si>
    <t>CL 57B 68B 32 SUR</t>
  </si>
  <si>
    <t>PUNTO DE PAGO- PLATIK - CALZADO BUCARAMANGA N°10</t>
  </si>
  <si>
    <t>CR 100 19 87</t>
  </si>
  <si>
    <t>PUNTO DE PAGO- PLATIK - BOLIS CARTAGENA</t>
  </si>
  <si>
    <t>CR 51 30F 18</t>
  </si>
  <si>
    <t>ARACATACA</t>
  </si>
  <si>
    <t>PUNTO DE PAGO- PLATIK - MASIVOS ARACATACA</t>
  </si>
  <si>
    <t>CL 8A 8A 13</t>
  </si>
  <si>
    <t>PUNTO DE PAGO- PLATIK - LA GRAN VIA</t>
  </si>
  <si>
    <t>POZON MZ91 LT11</t>
  </si>
  <si>
    <t>PUNTO DE PAGO- PLATIK - VARIEDADES SOL Y LUNA</t>
  </si>
  <si>
    <t>CLL 30E 55 112 APT 302</t>
  </si>
  <si>
    <t>PUNTO DE PAGO- PLATIK - DROGAS LA CAROLINA DE ANILLOS</t>
  </si>
  <si>
    <t>B EL CARMELO MZ Z LT 3 CART</t>
  </si>
  <si>
    <t>PUNTO DE PAGO- PLATIK - PAPELERIA ANDAVA</t>
  </si>
  <si>
    <t>CL 83S 91 70 T1 APTO 102</t>
  </si>
  <si>
    <t>PUNTO DE PAGO- PLATIK - DISTRUIBUIDORA DE BELLEZA SHALOM</t>
  </si>
  <si>
    <t>CR 87C 71B 12S</t>
  </si>
  <si>
    <t>PUNTO DE PAGO- PLATIK - MUNDO INFORMATICO</t>
  </si>
  <si>
    <t>CL 29 11D 08</t>
  </si>
  <si>
    <t>PUNTO DE PAGO- PLATIK - REPRESENTACIONES R&amp;R</t>
  </si>
  <si>
    <t>AK 24 45C 50</t>
  </si>
  <si>
    <t>KR 8 92 A 33 SUR</t>
  </si>
  <si>
    <t>PUNTO DE PAGO- PLATIK - FERRETERIA SUMINISTROS Y EQUIPOS LA LUZ</t>
  </si>
  <si>
    <t>MZ H LT 6</t>
  </si>
  <si>
    <t>PUNTO DE PAGO- PLATIK - KAIROS MISCELANEA</t>
  </si>
  <si>
    <t>CL 6D 5 54 L 18</t>
  </si>
  <si>
    <t>PUNTO DE PAGO- PLATIK - TORRE LA 139</t>
  </si>
  <si>
    <t>CL 139 103 F 69</t>
  </si>
  <si>
    <t>PUNTO DE PAGO- PLATIK - LA ESQUINA DEL MINUTO 90</t>
  </si>
  <si>
    <t>DG 69G BIS SUR 42A 04</t>
  </si>
  <si>
    <t>PUNTO DE PAGO- PLATIK - MK CABINAS</t>
  </si>
  <si>
    <t>CR 82 F 73 D 21 SUR</t>
  </si>
  <si>
    <t>PUNTO DE PAGO- PLATIK - MISCELANEA JUANCHO</t>
  </si>
  <si>
    <t>TV 12 D BIS 42 26 SUR</t>
  </si>
  <si>
    <t>PUNTO DE PAGO- PLATIK - VARIEDADES SUIZA</t>
  </si>
  <si>
    <t>CL 56 SUR 4D 24</t>
  </si>
  <si>
    <t>PUNTO DE PAGO- PLATIK - MY PET SHOP- MULTISOLUCIONES OGG SAS</t>
  </si>
  <si>
    <t>CL 16  96G  86</t>
  </si>
  <si>
    <t>PUNTO DE PAGO- PLATIK - SAMUDELICIAS EXPRESS</t>
  </si>
  <si>
    <t>CRA 19 10 111</t>
  </si>
  <si>
    <t>PUNTO DE PAGO- PLATIK - MUNICIPIO-COSMETIKAS</t>
  </si>
  <si>
    <t>AV 23 17A 60</t>
  </si>
  <si>
    <t>PUNTO DE PAGO- PLATIK - CALZADO BUCARAMANGA 2A</t>
  </si>
  <si>
    <t>CR 88C  58A 27 SUR</t>
  </si>
  <si>
    <t>PUNTO DE PAGO- PLATIK - PINATERIA JAKD</t>
  </si>
  <si>
    <t>CL 48 I BIS A S 9 94</t>
  </si>
  <si>
    <t>PUNTO DE PAGO- PLATIK - VARIEDADES YENNY</t>
  </si>
  <si>
    <t>CL 185 8 80</t>
  </si>
  <si>
    <t>PUNTO DE PAGO- PLATIK - MICELANEA WYWEMS</t>
  </si>
  <si>
    <t>CR 18 BIS A 78 73 SUR</t>
  </si>
  <si>
    <t>PUNTO DE PAGO- PLATIK - PAPELERIA Y ACCESORIOS ASAMI</t>
  </si>
  <si>
    <t>DG 49A S 52A 66</t>
  </si>
  <si>
    <t>PUNTO DE PAGO- PLATIK - LA VECHINA</t>
  </si>
  <si>
    <t>CR 105 F 69 A 12</t>
  </si>
  <si>
    <t>PUNTO DE PAGO- PLATIK - PAÑALERA CARIÑOSITOS</t>
  </si>
  <si>
    <t>CR 82B 72A 45 SUR</t>
  </si>
  <si>
    <t>PUNTO DE PAGO- PLATIK - MISCELANEA Y PAPELERIA KVJ</t>
  </si>
  <si>
    <t>CR 97 23F 10</t>
  </si>
  <si>
    <t>PUNTO DE PAGO- PLATIK - VARIEDADES SAMUEL</t>
  </si>
  <si>
    <t>CR 5 96 A 12 SUR</t>
  </si>
  <si>
    <t>PUNTO DE PAGO- PLATIK - TELELLAMADAS JUAN PABLO</t>
  </si>
  <si>
    <t>CALLE 7 89A 02</t>
  </si>
  <si>
    <t>PUNTO DE PAGO- PLATIK - AUTOBAQUERO</t>
  </si>
  <si>
    <t>CR 6 22 25 SUR LC142</t>
  </si>
  <si>
    <t>PUNTO DE PAGO- PLATIK - TIENDA EL SOL</t>
  </si>
  <si>
    <t>CRA 6 77 06 SUR</t>
  </si>
  <si>
    <t>PUNTO DE PAGO- PLATIK - MISCELANEA Y PAPELERIA ANDREA LORENA</t>
  </si>
  <si>
    <t>CR 23 42 31</t>
  </si>
  <si>
    <t>PUNTO DE PAGO- PLATIK - MASIVOS CIUDAD MONTES</t>
  </si>
  <si>
    <t>CR 37 10A 14 S</t>
  </si>
  <si>
    <t>PUNTO DE PAGO- PLATIK - MUNICIPIO-OMA S A S</t>
  </si>
  <si>
    <t>AV26 14 12SRAFAEL</t>
  </si>
  <si>
    <t>PUNTO DE PAGO- PLATIK - MNICIPIO-PELUDITOS</t>
  </si>
  <si>
    <t>CALLE 4A 29 13</t>
  </si>
  <si>
    <t>PUNTO DE PAGO- PLATIK - VARIEDADES CAROLAY</t>
  </si>
  <si>
    <t>CL 71 BIS 27B 10 SUR</t>
  </si>
  <si>
    <t>PUNTO DE PAGO- PLATIK - FULL QUILLA</t>
  </si>
  <si>
    <t>CLL 76 66 91</t>
  </si>
  <si>
    <t>PUNTO DE PAGO- PLATIK - JAIMETEL TELECOMUNICACIONES</t>
  </si>
  <si>
    <t>CALLE 96 CRA6A 12</t>
  </si>
  <si>
    <t>PUNTO DE PAGO- PLATIK - DIGITAL COL</t>
  </si>
  <si>
    <t>CR 24 64 13</t>
  </si>
  <si>
    <t>PUNTO DE PAGO- PLATIK - LAVASECO  MISTER CLEAN</t>
  </si>
  <si>
    <t>AK 28 34 08</t>
  </si>
  <si>
    <t>PUNTO DE PAGO- PLATIK - LUZ MARINA</t>
  </si>
  <si>
    <t>CR 5 H BIS ESTE 95 03 SUR</t>
  </si>
  <si>
    <t>PUNTO DE PAGO- PLATIK - ESTACION CELULAR</t>
  </si>
  <si>
    <t>AUT NORTE CL 166 44</t>
  </si>
  <si>
    <t>PUNTO DE PAGO- PLATIK - CASA DE PAPEL</t>
  </si>
  <si>
    <t>CL45 26 39</t>
  </si>
  <si>
    <t>PUNTO DE PAGO- PLATIK - VARIEDADES PILARICA</t>
  </si>
  <si>
    <t>CL 1 D BIS 30 E BIS</t>
  </si>
  <si>
    <t>PUNTO DE PAGO- PLATIK - SOLUCIONES COSTA  RICA</t>
  </si>
  <si>
    <t>CL 130 C 95 10</t>
  </si>
  <si>
    <t>PUNTO DE PAGO- PLATIK - MULTISERVICIO MS</t>
  </si>
  <si>
    <t>CL 75 95 27</t>
  </si>
  <si>
    <t>PUNTO DE PAGO- PLATIK - FUTECELL COM</t>
  </si>
  <si>
    <t>CR 104 C 128 C 76</t>
  </si>
  <si>
    <t>PUNTO DE PAGO- PLATIK - AURES2.NET</t>
  </si>
  <si>
    <t>CR 106 131A  30</t>
  </si>
  <si>
    <t>PUNTO DE PAGO- PLATIK - MISCELANEA MILENA SANCHEZ</t>
  </si>
  <si>
    <t>CONJ 3 BQ 2 APT 111</t>
  </si>
  <si>
    <t>PUNTO DE PAGO- PLATIK - CAFE INTERNET SOLUCIONES EQUIPOS E INSUMOS LOS ANDR</t>
  </si>
  <si>
    <t>CALLE REAL DG 32 32 46</t>
  </si>
  <si>
    <t>PUNTO DE PAGO- PLATIK - CENTRO DE GIROS Y ENVIOS SANCHES</t>
  </si>
  <si>
    <t>CL 41F SUR 81 08</t>
  </si>
  <si>
    <t>PUNTO DE PAGO- PLATIK - FACTORING SOLUTIONS S.A.S</t>
  </si>
  <si>
    <t>CL 6 7 A 19</t>
  </si>
  <si>
    <t>PUNTO DE PAGO- PLATIK - DONDE DARIO 1</t>
  </si>
  <si>
    <t>CRA 14 46 18</t>
  </si>
  <si>
    <t>PUNTO DE PAGO- PLATIK - MALU PAPELERIA Y ACCESORIOS</t>
  </si>
  <si>
    <t>CR 72B  7A 36</t>
  </si>
  <si>
    <t>PUNTO DE PAGO- PLATIK - DROGUERIA Y TIENDA NATURISTA MK</t>
  </si>
  <si>
    <t>SEC EL PROGRESO CL DE LA CRUZ 21 39</t>
  </si>
  <si>
    <t>PUNTO DE PAGO- PLATIK - EFECTY-MULTISERVICIOS JOPAR CARTAGENA</t>
  </si>
  <si>
    <t>AV HEREDIA LC 114A</t>
  </si>
  <si>
    <t>PUNTO DE PAGO- PLATIK - HELADOS Y VARIEDADES LIZETH</t>
  </si>
  <si>
    <t>DG 33 M L2 LC2A URB PUERTA DE ALPES</t>
  </si>
  <si>
    <t>PUNTO DE PAGO- PLATIK - EFECTY-MULTISERVICIOS JAR CARTAGENA</t>
  </si>
  <si>
    <t>CL 31D 63 75</t>
  </si>
  <si>
    <t>PUNTO DE PAGO- PLATIK - JOTAM SD</t>
  </si>
  <si>
    <t>CLL 182C 5A 03</t>
  </si>
  <si>
    <t>PUNTO DE PAGO- PLATIK -  DLF SERVICIOS LOGISTICOS SAS</t>
  </si>
  <si>
    <t>KR 114 152D 36</t>
  </si>
  <si>
    <t>PUNTO DE PAGO- PLATIK - MUNICIPIO-MULTISERVICIO LA 15</t>
  </si>
  <si>
    <t>CL 15 9 32</t>
  </si>
  <si>
    <t>PUNTO DE PAGO- PLATIK - FOTOCOPIASYMUCHOMAS</t>
  </si>
  <si>
    <t>KR13 64 67</t>
  </si>
  <si>
    <t>PUNTO DE PAGO- PLATIK - DON PAGO SM</t>
  </si>
  <si>
    <t>CLL 53A SUR 28 07</t>
  </si>
  <si>
    <t>PUNTO DE PAGO- PLATIK - VARIEDADES Y FERRETERIA DIANA Y ANTONIO</t>
  </si>
  <si>
    <t>CRA 68 3F 68 B SAMPEDROMARTI</t>
  </si>
  <si>
    <t>PUNTO DE PAGO- PLATIK - PAPELERIA Y FOTOCOPIAS DORA</t>
  </si>
  <si>
    <t>CL 55 A  28 74 S</t>
  </si>
  <si>
    <t>PUNTO DE PAGO- PLATIK - MISCELANEA KDB</t>
  </si>
  <si>
    <t>KR 14 B BIS 95 23 S</t>
  </si>
  <si>
    <t>PUNTO DE PAGO- PLATIK - LALO</t>
  </si>
  <si>
    <t>CL 15 19A 152</t>
  </si>
  <si>
    <t>PUNTO DE PAGO- PLATIK - MISCELANEA Y VARIEDADES MELYJAD</t>
  </si>
  <si>
    <t>CR 17L 78 03 S</t>
  </si>
  <si>
    <t>PUNTO DE PAGO- PLATIK - MERCAFIESTAS.COM</t>
  </si>
  <si>
    <t>CR 45 5 89 LC 103</t>
  </si>
  <si>
    <t>PUNTO DE PAGO- PLATIK - INTERNET DKCYBER</t>
  </si>
  <si>
    <t>CR 56 2B 77</t>
  </si>
  <si>
    <t>PUNTO DE PAGO- PLATIK - PAPELERIA LA VILLA JB</t>
  </si>
  <si>
    <t>CL 70A BIS A 116B 16</t>
  </si>
  <si>
    <t>PUNTO DE PAGO- PLATIK - HELADERIA Y VARIEDADES V&amp;J</t>
  </si>
  <si>
    <t>B SAN PEDRO MARTIR CR68 A4  03</t>
  </si>
  <si>
    <t>PUNTO DE PAGO- PLATIK - VARIEDADES Y  PAPELERIA JIRETH</t>
  </si>
  <si>
    <t>TV 2 48 J 33 SUR</t>
  </si>
  <si>
    <t>PUNTO DE PAGO- PLATIK - MULTITECH</t>
  </si>
  <si>
    <t>CL 76 A 72 15 SUR</t>
  </si>
  <si>
    <t>PUNTO DE PAGO- PLATIK - MYS COMUNICACIONES</t>
  </si>
  <si>
    <t>CL 129C 101C 16</t>
  </si>
  <si>
    <t>PUNTO DE PAGO- PLATIK - MUNICIPIO-INVERCIONES JM</t>
  </si>
  <si>
    <t>CL 11 11 49 LC 14 CCBARBANERO</t>
  </si>
  <si>
    <t>PUNTO DE PAGO- PLATIK - SANANDRESITO DEL ALMIRANTE</t>
  </si>
  <si>
    <t>BARRIO ALMIRANTE COLON MZ K LOTE 17</t>
  </si>
  <si>
    <t>PUNTO DE PAGO- PLATIK - TU PAGO</t>
  </si>
  <si>
    <t>CL 75C 105  15</t>
  </si>
  <si>
    <t>PUNTO DE PAGO- PLATIK - CENTRO COMERCIAL AUTOPISTA 184</t>
  </si>
  <si>
    <t>AV CR 45 183 A 86</t>
  </si>
  <si>
    <t>PUNTO DE PAGO- PLATIK - VARIEDADES LAURY</t>
  </si>
  <si>
    <t>CLL 56 9E 12</t>
  </si>
  <si>
    <t>PUNTO DE PAGO- PLATIK - COPY PAPER</t>
  </si>
  <si>
    <t>CR 8C BIS 162 32</t>
  </si>
  <si>
    <t>PUNTO DE PAGO- PLATIK - PAPELERIA BRISA</t>
  </si>
  <si>
    <t>CR 80B 48 19S</t>
  </si>
  <si>
    <t>PUNTO DE PAGO- PLATIK - CAFE INTERNET Y VARIEDADES  ALELUYA</t>
  </si>
  <si>
    <t>POZON MZ 4 LT 6</t>
  </si>
  <si>
    <t>PUNTO DE PAGO- PLATIK - CONFITERIA SALO</t>
  </si>
  <si>
    <t>LA PAZ MZ 183 LT 03</t>
  </si>
  <si>
    <t>AK 86 63 20 L2-006</t>
  </si>
  <si>
    <t>PUNTO DE PAGO- PLATIK - LA BENDICION DE DIOS</t>
  </si>
  <si>
    <t>EL CARMELO CR 68 MZ G 1P APTO 1</t>
  </si>
  <si>
    <t>PUNTO DE PAGO- PLATIK - OMAR  ROSERO HERRERA</t>
  </si>
  <si>
    <t>CR 23 19 39</t>
  </si>
  <si>
    <t>PUNTO DE PAGO- PLATIK - PAPELERIA CARITO</t>
  </si>
  <si>
    <t>CLL 58 F S 47 83</t>
  </si>
  <si>
    <t>PUNTO DE PAGO- PLATIK - INVERCIONES BOLILLA &amp; RIBERA (EFECTY)</t>
  </si>
  <si>
    <t>URB VILLAS DE LA CANDELARIA 40 LT 1</t>
  </si>
  <si>
    <t>PUNTO DE PAGO- PLATIK - MULTISERVICIOS CV</t>
  </si>
  <si>
    <t>CR 77L  54 03</t>
  </si>
  <si>
    <t>MONTELÍBANO</t>
  </si>
  <si>
    <t>PUNTO DE PAGO- PLATIK - COLPAGOS MONTELIBANO LD</t>
  </si>
  <si>
    <t>CL 16 10 30</t>
  </si>
  <si>
    <t>PUNTO DE PAGO- PLATIK - MUNICIPIO-PAPELERIA CLI</t>
  </si>
  <si>
    <t>CRA 10 1A 102</t>
  </si>
  <si>
    <t>PUNTO DE PAGO- PLATIK - SUPERMECADO LA BONANZA JU</t>
  </si>
  <si>
    <t>CRA 97 23 G 97</t>
  </si>
  <si>
    <t>PUNTO DE PAGO- PLATIK - SUPERTIENDA LO QUE NECESITABAS FYS SAS</t>
  </si>
  <si>
    <t>CR 129 22 C 07</t>
  </si>
  <si>
    <t>PUNTO DE PAGO- PLATIK - MUNDO DE EXPRESIONES</t>
  </si>
  <si>
    <t>DG 52B 29 28 S</t>
  </si>
  <si>
    <t>PUNTO DE PAGO- PLATIK - DROGUERIA LA ORIGINAL</t>
  </si>
  <si>
    <t>TV 77 68 C 19 SUR</t>
  </si>
  <si>
    <t>SAN SEBASTIÁN DE MARIQUITA</t>
  </si>
  <si>
    <t>PUNTO DE PAGO- PLATIK - MUNICIPIO-PAPELERIA CUARTA DEL CENTRO</t>
  </si>
  <si>
    <t>CRA 4 4 38</t>
  </si>
  <si>
    <t>PUNTO DE PAGO- PLATIK - GLORIA JANETH MORA</t>
  </si>
  <si>
    <t>CL 41 SUR 1B EST 51</t>
  </si>
  <si>
    <t>SOPÓ</t>
  </si>
  <si>
    <t>PUNTO DE PAGO- PLATIK - MUNICIPIO-PUNTO CENTRAL JL</t>
  </si>
  <si>
    <t>CL 3 2 13</t>
  </si>
  <si>
    <t>PUNTO DE PAGO- PLATIK - MUNICIPIO-TIENDA SMART MULTISERVICIOS</t>
  </si>
  <si>
    <t>CL 6 4 17 LC2</t>
  </si>
  <si>
    <t>PUNTO DE PAGO- PLATIK - AL NATURAL SALUD Y BELLEZA</t>
  </si>
  <si>
    <t>CLL 54 10C1 03</t>
  </si>
  <si>
    <t>PUNTO DE PAGO- PLATIK - CIGARRERIA LICORERIA JEM</t>
  </si>
  <si>
    <t>CR 6 91 92 S</t>
  </si>
  <si>
    <t>PUNTO DE PAGO- PLATIK - DROGUERIA BEERSEBA</t>
  </si>
  <si>
    <t>CL 59 27 ESTE 23</t>
  </si>
  <si>
    <t>PUNTO DE PAGO- PLATIK - DONDE YOLI</t>
  </si>
  <si>
    <t>KM 1 VÍA VEREDA CHIGUAZA</t>
  </si>
  <si>
    <t>PUNTO DE PAGO- PLATIK - VARIEDADES TITA LEON</t>
  </si>
  <si>
    <t>CL 6 D 79 A 56</t>
  </si>
  <si>
    <t>CR 102 A 135 15</t>
  </si>
  <si>
    <t>PUNTO DE PAGO- PLATIK -  STRONG POWER GYM</t>
  </si>
  <si>
    <t>DG 71 B 18 I 95 SUR</t>
  </si>
  <si>
    <t>PUNTO DE PAGO- PLATIK -  EMPORIO ANGY</t>
  </si>
  <si>
    <t>CRA 30 14A  60</t>
  </si>
  <si>
    <t>PUNTO DE PAGO- PLATIK - L Y S TELECOMUNICACIONES</t>
  </si>
  <si>
    <t>BLAS DELEZO MZ Z LT 28  ET 2</t>
  </si>
  <si>
    <t>PUNTO DE PAGO- PLATIK - DULCERIA Y HELADERIA DOLCE CASTELLO</t>
  </si>
  <si>
    <t>DG 62 SUR 20B 07</t>
  </si>
  <si>
    <t>PUNTO DE PAGO- PLATIK - VARIEDADES Y ABARROTES DISAN</t>
  </si>
  <si>
    <t>CL 19 25 04 LC 83091</t>
  </si>
  <si>
    <t>PUNTO DE PAGO- PLATIK - PAPELERIA Y MISCELANEA JOSUE</t>
  </si>
  <si>
    <t>TV 2BBIS 37A 15 S</t>
  </si>
  <si>
    <t>PUNTO DE PAGO- PLATIK - VARIEDADES LYLOS</t>
  </si>
  <si>
    <t>DG 77 120 A  68</t>
  </si>
  <si>
    <t>PUNTO DE PAGO- PLATIK - DROGUERIA Y VARIEDADES ECOPHARMA</t>
  </si>
  <si>
    <t>CRA 100 31A 16</t>
  </si>
  <si>
    <t>PUNTO DE PAGO- PLATIK - DROGUERIA POPULAR LOS CARACOLES</t>
  </si>
  <si>
    <t>MZ 75 LT 11 ET 1</t>
  </si>
  <si>
    <t>PUNTO DE PAGO- PLATIK - DROGUERIA ABBY</t>
  </si>
  <si>
    <t>MZ 2 LT 38</t>
  </si>
  <si>
    <t>CL 57 15A 08</t>
  </si>
  <si>
    <t>COGUA</t>
  </si>
  <si>
    <t>PUNTO DE PAGO- PLATIK - MUNICIPIO-PAPELERIA MARKITOS</t>
  </si>
  <si>
    <t>CRA 4 2 01</t>
  </si>
  <si>
    <t>PUNTO DE PAGO- PLATIK - PAPELERIA DAVINCI</t>
  </si>
  <si>
    <t>CL 25 A 6A 49 ESTE</t>
  </si>
  <si>
    <t>PUNTO DE PAGO- PLATIK - PAPELERIA EBENEZER</t>
  </si>
  <si>
    <t>DG 60 S 3B 28</t>
  </si>
  <si>
    <t>PUNTO DE PAGO- PLATIK - CAFE INTERNET BETEL</t>
  </si>
  <si>
    <t>CR 104A BIS 61A 59 SUR CASA 5 MZ 2</t>
  </si>
  <si>
    <t>PUNTO DE PAGO- PLATIK - VARIEDAD LD</t>
  </si>
  <si>
    <t>CL REAL 85 88</t>
  </si>
  <si>
    <t>PUNTO DE PAGO- PLATIK - PAPELERIA LA PROSPERIDAD</t>
  </si>
  <si>
    <t>CR 98A BIS 129C 07</t>
  </si>
  <si>
    <t>PUNTO DE PAGO- PLATIK - DROGUERIA FARMA JHON.A</t>
  </si>
  <si>
    <t>DG 139A BIS 127D 15</t>
  </si>
  <si>
    <t>PUNTO DE PAGO- PLATIK - SOLUCIONES LA 91</t>
  </si>
  <si>
    <t>CL 135 A 91 15</t>
  </si>
  <si>
    <t>PUNTO DE PAGO- PLATIK - AUTOSERVICIO EL REY</t>
  </si>
  <si>
    <t>CR 10C 30F 24 S</t>
  </si>
  <si>
    <t>CR 12 19A 06</t>
  </si>
  <si>
    <t>PUNTO DE PAGO- PLATIK - MUNICIPIO-PAPELERIA INTERNET</t>
  </si>
  <si>
    <t>CALLE 2 1 07</t>
  </si>
  <si>
    <t>PUNTO DE PAGO- PLATIK - TIENDA MILENIO</t>
  </si>
  <si>
    <t>CL 36 S 69 59</t>
  </si>
  <si>
    <t>PUNTO DE PAGO- PLATIK - EL CHAMO</t>
  </si>
  <si>
    <t>KR 80I 41F 18 S</t>
  </si>
  <si>
    <t>VILLAVICENCIO</t>
  </si>
  <si>
    <t>PUNTO DE PAGO- PLATIK - MULTIASEOS ISABELLA PLASTICOS Y DESECHABLES</t>
  </si>
  <si>
    <t>CR 17  17A 13</t>
  </si>
  <si>
    <t>PUNTO DE PAGO- PLATIK - TIENDA LOS AGUILERA</t>
  </si>
  <si>
    <t>CL 24A SUR 1A 15</t>
  </si>
  <si>
    <t>PUNTO DE PAGO- PLATIK - MUNICIPIO-MISELANEA Y PAPELERIA DANNIS</t>
  </si>
  <si>
    <t>CL 18 12 34</t>
  </si>
  <si>
    <t>PUNTO DE PAGO- PLATIK - MIGOLUCKY S.A.S</t>
  </si>
  <si>
    <t>CR 73 163 71</t>
  </si>
  <si>
    <t>PUNTO DE PAGO- PLATIK - CENTRO DE SERVICIOS LAGOS DE MALIBU</t>
  </si>
  <si>
    <t>CL 1 4F 56</t>
  </si>
  <si>
    <t>PUNTO DE PAGO- PLATIK - ENDA SALAZAR</t>
  </si>
  <si>
    <t>CL 45 20 101</t>
  </si>
  <si>
    <t>PUNTO DE PAGO- PLATIK - HUGINIO HERNANDEZ MATIZ</t>
  </si>
  <si>
    <t>CR 47 59A 36 SUR</t>
  </si>
  <si>
    <t>PUNTO DE PAGO- PLATIK - PAPELERIA Y MISCELANEA VENUS</t>
  </si>
  <si>
    <t>CRA 87 C 66 C 15 SUR</t>
  </si>
  <si>
    <t>PUNTO DE PAGO- PLATIK - COMUNICACIONES DAVID</t>
  </si>
  <si>
    <t>CL 81 SUR 5A 39</t>
  </si>
  <si>
    <t>PUNTO DE PAGO- PLATIK - VARIEDADES CLIP DE DIOS</t>
  </si>
  <si>
    <t>CL 94 A S 14B 18</t>
  </si>
  <si>
    <t>PUNTO DE PAGO- PLATIK - PAPELERIA JC</t>
  </si>
  <si>
    <t>DG 52 B SUR 53 16 LOCAL 2</t>
  </si>
  <si>
    <t>PUNTO DE PAGO- PLATIK - VARIEDADES INTERCLIPSE SANDRA CTG</t>
  </si>
  <si>
    <t>CRA 44D 30 46</t>
  </si>
  <si>
    <t>PUNTO DE PAGO- PLATIK - TIENDA NATURISTA VITAL HOUSE</t>
  </si>
  <si>
    <t>CRA 100 38B 28</t>
  </si>
  <si>
    <t>PUNTO DE PAGO- PLATIK - CAFETERIA MIEL</t>
  </si>
  <si>
    <t>CL 72  100 09</t>
  </si>
  <si>
    <t>PUNTO DE PAGO- PLATIK - VARIEDADES YIPE</t>
  </si>
  <si>
    <t>CR 28 52C 17 SUR</t>
  </si>
  <si>
    <t>PUNTO DE PAGO- PLATIK - MISCELANEA PAKIDASOS</t>
  </si>
  <si>
    <t>CL 58 14A 20</t>
  </si>
  <si>
    <t>PUNTO DE PAGO- PLATIK - TIENDA Y VARIEDADES ALZATE</t>
  </si>
  <si>
    <t>K 102 39C 18</t>
  </si>
  <si>
    <t>PUNTO DE PAGO- PLATIK - EFECTY INVERSIONES URIEL HUGO SEDE1</t>
  </si>
  <si>
    <t>CL 15 82 102</t>
  </si>
  <si>
    <t>PUNTO DE PAGO- PLATIK - PAPELERIA E INTERNETR ESQUIAQUI DANY</t>
  </si>
  <si>
    <t>DG 31A 69 52</t>
  </si>
  <si>
    <t>PUNTO DE PAGO- PLATIK - DROGUERIA RUGGIERO</t>
  </si>
  <si>
    <t>CRA 8A 56 46</t>
  </si>
  <si>
    <t>PUNTO DE PAGO- PLATIK - PAPELERIA CEN 7</t>
  </si>
  <si>
    <t>CR 24 65 18</t>
  </si>
  <si>
    <t>PUERTO LÓPEZ</t>
  </si>
  <si>
    <t>PUNTO DE PAGO- PLATIK - PAPELERIA Y MISCELANEA MI LU</t>
  </si>
  <si>
    <t>MZ I CS 4</t>
  </si>
  <si>
    <t>PUNTO DE PAGO- PLATIK - SAVAIS</t>
  </si>
  <si>
    <t>DG 39 S 72D 51</t>
  </si>
  <si>
    <t>PUNTO DE PAGO- PLATIK - MISCELANEA Y PELUCHES LA NUEVA ESPERANZA</t>
  </si>
  <si>
    <t>CL 71P  27G  03 SUR</t>
  </si>
  <si>
    <t>PUNTO DE PAGO- PLATIK - DROGUERIA Y MINIMARKET MEDICENTER SAS</t>
  </si>
  <si>
    <t>MZD LT21</t>
  </si>
  <si>
    <t>PUNTO DE PAGO- PLATIK - EFECTY Y SERVIENTREGA KRA 100</t>
  </si>
  <si>
    <t>KRA 100 38 67</t>
  </si>
  <si>
    <t>PUNTO DE PAGO- PLATIK - VARIEDADES MI SEGUNDO HOGAR</t>
  </si>
  <si>
    <t>MZ37 LT25 ET 1</t>
  </si>
  <si>
    <t>PUNTO DE PAGO- PLATIK - PAPEL Y LAPIZ FATIMA</t>
  </si>
  <si>
    <t>CR 35 51A 04 S</t>
  </si>
  <si>
    <t>PUNTO DE PAGO- PLATIK - DISTRIMAS, IMPRESIONES FOTOCOPIAS.</t>
  </si>
  <si>
    <t>KR 72 64A 32 SUR</t>
  </si>
  <si>
    <t>PUNTO DE PAGO- PLATIK - PUNTO WEB BOSA</t>
  </si>
  <si>
    <t>DG 70F S 78A 20</t>
  </si>
  <si>
    <t>PUNTO DE PAGO- PLATIK - PAPELERIA JUAN D</t>
  </si>
  <si>
    <t>CL 62 SUR 37 20</t>
  </si>
  <si>
    <t>TUNJA</t>
  </si>
  <si>
    <t>PUNTO DE PAGO- PLATIK - MISCELANEA DON LUCHO</t>
  </si>
  <si>
    <t>CR 3 5 72</t>
  </si>
  <si>
    <t>PUNTO DE PAGO- PLATIK - PAPELERIA LA 40</t>
  </si>
  <si>
    <t>CL 40B 8 07</t>
  </si>
  <si>
    <t>PUNTO DE PAGO- PLATIK - PUNTO ESTACION</t>
  </si>
  <si>
    <t>CR 129 19 02</t>
  </si>
  <si>
    <t>PUNTO DE PAGO- PLATIK - EFECTY 101 SAN JOSE</t>
  </si>
  <si>
    <t>SN JOSE DE LOS CAMPANOS CRA 101 39</t>
  </si>
  <si>
    <t>SÁCHICA</t>
  </si>
  <si>
    <t>PUNTO DE PAGO- PLATIK - MUNICIPIO-PAPELERIA MICHEL MG</t>
  </si>
  <si>
    <t>CRA 3 2 95</t>
  </si>
  <si>
    <t>PUNTO DE PAGO- PLATIK - SERVIITODO</t>
  </si>
  <si>
    <t>CR 87N 59C 97S LC 1</t>
  </si>
  <si>
    <t>PUNTO DE PAGO- PLATIK - TIAANNY</t>
  </si>
  <si>
    <t>KR 85C 24F 11 LC1</t>
  </si>
  <si>
    <t>PUNTO DE PAGO- PLATIK - SUS PAGOS</t>
  </si>
  <si>
    <t>CL 64D 105C 28</t>
  </si>
  <si>
    <t>PUNTO DE PAGO- PLATIK - DISTRIBUIDORA DE PRODUCTOS DE ASEO LOTUS</t>
  </si>
  <si>
    <t>CL 33 SUR 52A 84</t>
  </si>
  <si>
    <t>PUNTO DE PAGO- PLATIK - MEGAPAGOS</t>
  </si>
  <si>
    <t>CLL 56 F BIS 89 33 SUR</t>
  </si>
  <si>
    <t>PUNTO DE PAGO- PLATIK - KILIEN COMUNICACIONES</t>
  </si>
  <si>
    <t>CLL 11 SUR 7A 02</t>
  </si>
  <si>
    <t>PUNTO DE PAGO- PLATIK - MUNICIPIO-LA GRANJA D PILAR</t>
  </si>
  <si>
    <t>CL 2 4 37</t>
  </si>
  <si>
    <t>PUNTO DE PAGO- PLATIK - CVS</t>
  </si>
  <si>
    <t>DG 8 SUR 39  172</t>
  </si>
  <si>
    <t>PUNTO DE PAGO- PLATIK - PAPELERIA ORIS</t>
  </si>
  <si>
    <t>CL 39A SUR 3C 07 ESTE</t>
  </si>
  <si>
    <t>PUNTO DE PAGO- PLATIK - DROGUERIA + EL BUEN AHORRO</t>
  </si>
  <si>
    <t>CRA 79 MZ0 2P APT1</t>
  </si>
  <si>
    <t>PUNTO DE PAGO- PLATIK - EMELINA MORALES</t>
  </si>
  <si>
    <t>CRA 4  42A 57</t>
  </si>
  <si>
    <t>PUNTO DE PAGO- PLATIK - MEGA EXPRESS MI VAQUITA, DROGUERIA MI VAQUITA</t>
  </si>
  <si>
    <t>DG 31  81B 96</t>
  </si>
  <si>
    <t>PUNTO DE PAGO- PLATIK - COMESTIBLES TIPICOS COLOMBIANOS</t>
  </si>
  <si>
    <t>CR 14B BIS 95A 17 SUR</t>
  </si>
  <si>
    <t>PUNTO DE PAGO- PLATIK - COMESTIBLES TIPICOS COLOMBIANOS 2</t>
  </si>
  <si>
    <t>KR 14C 74B SUR15</t>
  </si>
  <si>
    <t>PUNTO DE PAGO- PLATIK - DROGUERIAS DOCTOR PEMBERTON</t>
  </si>
  <si>
    <t>KR 69 63B 29</t>
  </si>
  <si>
    <t>PUNTO DE PAGO- PLATIK - MATI ANA</t>
  </si>
  <si>
    <t>CL 134 143A 10</t>
  </si>
  <si>
    <t>PUNTO DE PAGO- PLATIK - ANNY FOTOGRAFIA Y COMUNICACIONES 2</t>
  </si>
  <si>
    <t>CR 87C 71A 34 SUR LC 41</t>
  </si>
  <si>
    <t>PUNTO DE PAGO- PLATIK - PAPELERIA J.P</t>
  </si>
  <si>
    <t>CL 98 69C 69</t>
  </si>
  <si>
    <t>PUNTO DE PAGO- PLATIK - PAPELERIA DAYLU QUINTA CAMACHO</t>
  </si>
  <si>
    <t>CRA 12 71 55</t>
  </si>
  <si>
    <t>PUNTO DE PAGO- PLATIK - LA FORTALEZA .E</t>
  </si>
  <si>
    <t>CR  75I 62H 40 SUR PI 1</t>
  </si>
  <si>
    <t>PUNTO DE PAGO- PLATIK - BLANCA ESTRELLA DIAZ VARGAS</t>
  </si>
  <si>
    <t>CRA 8 19 15 SUR</t>
  </si>
  <si>
    <t>PUNTO DE PAGO- PLATIK - MUCELANEA DIANA</t>
  </si>
  <si>
    <t>CL 72 SUR 45C 10</t>
  </si>
  <si>
    <t>PUNTO DE PAGO- PLATIK - APUESTAS JOHA</t>
  </si>
  <si>
    <t>KR 120 23 09</t>
  </si>
  <si>
    <t>PUNTO DE PAGO- PLATIK - MISCELANEA Y PAPELERIA ZAMBRANO REYES</t>
  </si>
  <si>
    <t>CL 127B 50A 61 LC2</t>
  </si>
  <si>
    <t>PUNTO DE PAGO- PLATIK - MILKOSITAS</t>
  </si>
  <si>
    <t>CL43A S 72 19</t>
  </si>
  <si>
    <t>PUNTO DE PAGO- PLATIK - HOGWARTS MISCELANEA EXPRESS</t>
  </si>
  <si>
    <t>TV 78 I BIS A 41 F 69 S</t>
  </si>
  <si>
    <t>PUNTO DE PAGO- PLATIK - SERVICIOS SAMUS</t>
  </si>
  <si>
    <t>CR 106 A 71 A 84</t>
  </si>
  <si>
    <t>PUNTO DE PAGO- PLATIK - ANDRES EDUARDO RODRÍGUEZ ARCINIEGAS</t>
  </si>
  <si>
    <t>CL 74 F 40B 21</t>
  </si>
  <si>
    <t>CL 64 F 74 A 39</t>
  </si>
  <si>
    <t>PUNTO DE PAGO- PLATIK - PAPELERIA Y ACCESORIOS LION'S</t>
  </si>
  <si>
    <t>CR 77 Q 46A 20 SUR</t>
  </si>
  <si>
    <t>PUNTO DE PAGO- PLATIK - ALHELÃ LA PROMESA</t>
  </si>
  <si>
    <t>CL 13A 80C 27</t>
  </si>
  <si>
    <t>PUNTO DE PAGO- PLATIK - GRAFITO'S</t>
  </si>
  <si>
    <t>KRA108A  139A  21</t>
  </si>
  <si>
    <t>PUNTO DE PAGO- PLATIK - TIENDAS MULTISERVICIOS COLORES</t>
  </si>
  <si>
    <t>CL 58 SUR 95B 16</t>
  </si>
  <si>
    <t>PUNTO DE PAGO- PLATIK - VARIEDADES ESMERALDA</t>
  </si>
  <si>
    <t>CLL 42D SUR 89C 81</t>
  </si>
  <si>
    <t>PUNTO DE PAGO- PLATIK - MISCELANEA LA IMPERIAL JB</t>
  </si>
  <si>
    <t>DIAG 42 A 81 C 05 SUR</t>
  </si>
  <si>
    <t>PUNTO DE PAGO- PLATIK - JM COMUNICACIONES .COM</t>
  </si>
  <si>
    <t>CL 9 4 66</t>
  </si>
  <si>
    <t>PUNTO DE PAGO- PLATIK - MUNICIPIO-TERRACOERCIALIZADORA DE COLOMBIA SAS</t>
  </si>
  <si>
    <t>CL 15 12 49</t>
  </si>
  <si>
    <t>PUNTO DE PAGO- PLATIK - CENTRO TECNOLÓGICO DE SERVICIOS INTEGRALES</t>
  </si>
  <si>
    <t>CR 96G 17B 05</t>
  </si>
  <si>
    <t>PUNTO DE PAGO- PLATIK - S C COMUNICACIONES M A</t>
  </si>
  <si>
    <t>TV 3C ESTE 43 16 SUR</t>
  </si>
  <si>
    <t>PUNTO DE PAGO- PLATIK - FERRETERIA VIDRIOS Y ALUMINIOS MIKE</t>
  </si>
  <si>
    <t>KR 16 6A 24</t>
  </si>
  <si>
    <t>PUNTO DE PAGO- PLATIK - VARIEDADES NAILA</t>
  </si>
  <si>
    <t>CALLE 76 7E 07</t>
  </si>
  <si>
    <t>PUNTO DE PAGO- PLATIK - MULTISERVICIO RED FACIL</t>
  </si>
  <si>
    <t>CRA 2 37F 17  SUR</t>
  </si>
  <si>
    <t>PUNTO DE PAGO- PLATIK - TIEMPO RECORDS VIDEO JUEGOS Y MISCELANEA</t>
  </si>
  <si>
    <t>CRA 58 93B 14</t>
  </si>
  <si>
    <t>PUNTO DE PAGO- PLATIK - VARIEDADES Y MICELANEA NORIEGA</t>
  </si>
  <si>
    <t>CR 82 42 C SUR 15</t>
  </si>
  <si>
    <t>PUNTO DE PAGO- PLATIK - FLOR MARIA CALDERON GARZON</t>
  </si>
  <si>
    <t>TV 13D 55 67 SUR</t>
  </si>
  <si>
    <t>PUNTO DE PAGO- PLATIK - CAFE INTERNET SAN</t>
  </si>
  <si>
    <t>CR 110 72 75</t>
  </si>
  <si>
    <t>PUNTO DE PAGO- PLATIK - PAPELERIA BARUCH</t>
  </si>
  <si>
    <t>KR 11 67 A 85 SUR</t>
  </si>
  <si>
    <t>PUNTO DE PAGO- PLATIK - ENVIOS OLGA PINZON</t>
  </si>
  <si>
    <t>DG 50 S 53 10</t>
  </si>
  <si>
    <t>PUNTO DE PAGO- PLATIK - SEL VARIEDADES</t>
  </si>
  <si>
    <t>B CEIBAMZ 3LT562</t>
  </si>
  <si>
    <t>PUNTO DE PAGO- PLATIK - MUNICIPIO-SERVICIOS INTEGRALES ASK</t>
  </si>
  <si>
    <t>CRA 3 1 112</t>
  </si>
  <si>
    <t>PUNTO DE PAGO- PLATIK - MUNICIPIO-TIENDA TRANSFER</t>
  </si>
  <si>
    <t>CRA 2 2 06</t>
  </si>
  <si>
    <t>PUNTO DE PAGO- PLATIK - MISCELANEA PAPELERIA KDB 2</t>
  </si>
  <si>
    <t>CL 92 C SUR 14 B BIS 87</t>
  </si>
  <si>
    <t>PUNTO DE PAGO- PLATIK - CIBERCADE</t>
  </si>
  <si>
    <t>KR 87C 68 A 19 S</t>
  </si>
  <si>
    <t>PUNTO DE PAGO- PLATIK - PAPELERIA TATYSS</t>
  </si>
  <si>
    <t>CL 49B SUR  11A 04</t>
  </si>
  <si>
    <t>PUNTO DE PAGO- PLATIK - DONDE PATY PATY!</t>
  </si>
  <si>
    <t>CL128C 103 40</t>
  </si>
  <si>
    <t>PUNTO DE PAGO- PLATIK - VARIEDADES MONIC</t>
  </si>
  <si>
    <t>CR 15 C 32 10 SUR</t>
  </si>
  <si>
    <t>PUNTO DE PAGO- PLATIK - MULTILOBO VARIEDADES</t>
  </si>
  <si>
    <t>CR 11 B 18 22 S</t>
  </si>
  <si>
    <t>PUNTO DE PAGO- PLATIK - CONFECCION LINA</t>
  </si>
  <si>
    <t>CLL 128 D BIS 87 B 69</t>
  </si>
  <si>
    <t>PUNTO DE PAGO- PLATIK - TIENDA Y COMUNICACIONES VALERIA</t>
  </si>
  <si>
    <t>CL 49 SUR 10 21 ESTE</t>
  </si>
  <si>
    <t>PUNTO DE PAGO- PLATIK - VARIEDADES VIVIS</t>
  </si>
  <si>
    <t>CR 44 B 77 21 SUR</t>
  </si>
  <si>
    <t>PUNTO DE PAGO- PLATIK - SERVIENTREGA EFECTI</t>
  </si>
  <si>
    <t>DG 40 SUR 34A 03</t>
  </si>
  <si>
    <t>PUNTO DE PAGO- PLATIK - MEGA EXPRESS N 10 AMBERES</t>
  </si>
  <si>
    <t>CL 30 42 02</t>
  </si>
  <si>
    <t>PUNTO DE PAGO- PLATIK - PINATERIA Y VARIEDADES FYL</t>
  </si>
  <si>
    <t>SN JOSE DE LOS CAMPANOS CL 100 39F 34</t>
  </si>
  <si>
    <t>CUCAITA</t>
  </si>
  <si>
    <t>PUNTO DE PAGO- PLATIK - MUNICIPIO-PAPELERIA MARIANA L</t>
  </si>
  <si>
    <t>CL 6 6 29</t>
  </si>
  <si>
    <t>PUNTO DE PAGO- PLATIK - VITALITY PUNTO DE PAGO</t>
  </si>
  <si>
    <t>CL 130 90 56</t>
  </si>
  <si>
    <t>PUNTO DE PAGO- PLATIK - MULTISERVICIOS JYS PGATODO</t>
  </si>
  <si>
    <t>CRA 147 143B 61</t>
  </si>
  <si>
    <t>PUNTO DE PAGO- PLATIK - MEGA EXPRES TERNERA</t>
  </si>
  <si>
    <t>DG 22 A N  29 118 LC 2</t>
  </si>
  <si>
    <t>PUNTO DE PAGO- PLATIK - PAPELERIA SHADAY</t>
  </si>
  <si>
    <t>CL 98 B SUR 0 29 ESTE</t>
  </si>
  <si>
    <t>PUNTO DE PAGO- PLATIK - MUNDO ZAPATOS SAS</t>
  </si>
  <si>
    <t>AC 1 74C SUR 46</t>
  </si>
  <si>
    <t>PUNTO DE PAGO- PLATIK - EAGLE ON TOP</t>
  </si>
  <si>
    <t>CL 70 S 88C 11</t>
  </si>
  <si>
    <t>PUNTO DE PAGO- PLATIK - DROGUERIA  CEDRIFARMA EXPRESS 147</t>
  </si>
  <si>
    <t>CL 147 13 94</t>
  </si>
  <si>
    <t>PUNTO DE PAGO- PLATIK - REDES Y SOFTWARE</t>
  </si>
  <si>
    <t>CLL 45D1 1F 09</t>
  </si>
  <si>
    <t>PUNTO DE PAGO- PLATIK -  BIG'S PHARMES</t>
  </si>
  <si>
    <t>KR 16H 27S 8</t>
  </si>
  <si>
    <t>KR 69B 37 52</t>
  </si>
  <si>
    <t>PUNTO DE PAGO- PLATIK - COMERCIALIZADORA EL SOLAR DE LA 32 SAS</t>
  </si>
  <si>
    <t>AC 32 5 56</t>
  </si>
  <si>
    <t>PUNTO DE PAGO- PLATIK - DROGUERIA MEGA MEDICA C.C</t>
  </si>
  <si>
    <t>CR 93 127 F 17</t>
  </si>
  <si>
    <t>PUNTO DE PAGO- PLATIK - PAPELERIA Y VARIEDADES LA 93</t>
  </si>
  <si>
    <t>CR 93 A 130B 17</t>
  </si>
  <si>
    <t>PUNTO DE PAGO- PLATIK - TALLER AUTOMOTRIZ</t>
  </si>
  <si>
    <t>AK 50 2 21</t>
  </si>
  <si>
    <t>PUNTO DE PAGO- PLATIK - PAPELERIA GARABATOS</t>
  </si>
  <si>
    <t>CR 14 68A 50 S</t>
  </si>
  <si>
    <t>PUNTO DE PAGO- PLATIK - EL DESVARE.COM</t>
  </si>
  <si>
    <t>CL 13 66 19</t>
  </si>
  <si>
    <t>PUNTO DE PAGO- PLATIK - MISCELANEA FABIOLA</t>
  </si>
  <si>
    <t>KR 81F 50A 25 S</t>
  </si>
  <si>
    <t>PUNTO DE PAGO- PLATIK - TRECE PAPELERIA</t>
  </si>
  <si>
    <t>CRA 24B 32 28 SUR</t>
  </si>
  <si>
    <t>PUNTO DE PAGO- PLATIK - PUNTO LEO</t>
  </si>
  <si>
    <t>CL 68A SUR 48  55</t>
  </si>
  <si>
    <t>PUNTO DE PAGO- PLATIK - PAPELERÍA FLOR DE LIZ</t>
  </si>
  <si>
    <t>CL 81 S 81 90</t>
  </si>
  <si>
    <t>PUNTO DE PAGO- PLATIK - SOLUCIONES TECNOLOGICAS BABYMAR</t>
  </si>
  <si>
    <t>CR 102A CL 39 46</t>
  </si>
  <si>
    <t>PUNTO DE PAGO- PLATIK - EFECTY ESPERANZA</t>
  </si>
  <si>
    <t>CRA 30 39 32 LC 2</t>
  </si>
  <si>
    <t>PUNTO DE PAGO- PLATIK - OVERCEL ANDROID</t>
  </si>
  <si>
    <t>CR 95B 130A 71</t>
  </si>
  <si>
    <t>PUNTO DE PAGO- PLATIK - MISCELONEOUS THE NEIGHBOR</t>
  </si>
  <si>
    <t>CR 113 77C 19</t>
  </si>
  <si>
    <t>PUNTO DE PAGO- PLATIK - SUPER  TIENDA LA 58</t>
  </si>
  <si>
    <t>KR 58B 129A 02</t>
  </si>
  <si>
    <t>PUNTO DE PAGO- PLATIK - FARMISALUD</t>
  </si>
  <si>
    <t>CR 51B 40A 49 S</t>
  </si>
  <si>
    <t>PUNTO DE PAGO- PLATIK - ENVIOS PALERMO</t>
  </si>
  <si>
    <t>CR 17 48 25</t>
  </si>
  <si>
    <t>PUNTO DE PAGO- PLATIK - ACUERELA</t>
  </si>
  <si>
    <t>CL 2 68F 20</t>
  </si>
  <si>
    <t>PUNTO DE PAGO- PLATIK - EFECTY-SERVIENTREGA CORALES</t>
  </si>
  <si>
    <t>TV 54 30 100 LC2</t>
  </si>
  <si>
    <t>PUNTO DE PAGO- PLATIK - DAEK TECHNOLOGY</t>
  </si>
  <si>
    <t>CL 12 1 50</t>
  </si>
  <si>
    <t>DG 49A S 52C 24</t>
  </si>
  <si>
    <t>PUNTO DE PAGO- PLATIK - CIGARRERIA DUFF</t>
  </si>
  <si>
    <t>CL 49G S 5U 34</t>
  </si>
  <si>
    <t>PUNTO DE PAGO- PLATIK - PAPELERIA TUTUNIS</t>
  </si>
  <si>
    <t>CR 80C 24D 81</t>
  </si>
  <si>
    <t>PUNTO DE PAGO- PLATIK - FOTO DIGITAL EL AMIGO</t>
  </si>
  <si>
    <t>KR 91B 128 52</t>
  </si>
  <si>
    <t>PUNTO DE PAGO- PLATIK - LAK0SITERIA</t>
  </si>
  <si>
    <t>TV 26A 46A 35 SUR</t>
  </si>
  <si>
    <t>PUNTO DE PAGO- PLATIK - EFECTY PLAZUELA</t>
  </si>
  <si>
    <t>CL 2 80D 23</t>
  </si>
  <si>
    <t>PUNTO DE PAGO- PLATIK - DROGUERIA LA REBAJA IDEAL 1</t>
  </si>
  <si>
    <t>TV 52C 49G 7</t>
  </si>
  <si>
    <t>PUNTO DE PAGO- PLATIK - SNACKS MALU</t>
  </si>
  <si>
    <t>CL 48 L  5A 40 S</t>
  </si>
  <si>
    <t>PUNTO DE PAGO- PLATIK - DROGUERÍA 427</t>
  </si>
  <si>
    <t>CL 35 S 79D 40</t>
  </si>
  <si>
    <t>PUNTO DE PAGO- PLATIK - PAPELERIA LIEL</t>
  </si>
  <si>
    <t>CR 73D 36 19 SUR</t>
  </si>
  <si>
    <t>PUNTO DE PAGO- PLATIK - PAPELERIA VIKYCAR</t>
  </si>
  <si>
    <t>CL 16 I 98 15</t>
  </si>
  <si>
    <t>CL68D BISA SUR 63 35</t>
  </si>
  <si>
    <t>PUNTO DE PAGO- PLATIK - PANALERA Y PAPELERIA DYE</t>
  </si>
  <si>
    <t>CL 55 SUR  31 85</t>
  </si>
  <si>
    <t>PUNTO DE PAGO- PLATIK - SUPER TIENDA NOVOA</t>
  </si>
  <si>
    <t>CL 21 14 38</t>
  </si>
  <si>
    <t>PUNTO DE PAGO- PLATIK - DEPOSITO SANTI</t>
  </si>
  <si>
    <t>CR 6D ESTE 88F 09 SUR</t>
  </si>
  <si>
    <t>PUNTO DE PAGO- PLATIK - DU GUSTO</t>
  </si>
  <si>
    <t>CL 57B SUR 86F 17</t>
  </si>
  <si>
    <t>PUNTO DE PAGO- PLATIK - HIPERDROGUERIA SERVICIO ÉTICO TOTAL</t>
  </si>
  <si>
    <t>CR 4H 55 10 S LOCAL 2</t>
  </si>
  <si>
    <t>PUNTO DE PAGO- PLATIK - TECNOSAJ</t>
  </si>
  <si>
    <t>AV KR 70  63C 36</t>
  </si>
  <si>
    <t>PUNTO DE PAGO- PLATIK - GIROS Y ENVIOS M-F</t>
  </si>
  <si>
    <t>KR 4 190A 47</t>
  </si>
  <si>
    <t>PUNTO DE PAGO- PLATIK - PAPELERIA 2 MAS 3</t>
  </si>
  <si>
    <t>KR 17 163 25</t>
  </si>
  <si>
    <t>PUNTO DE PAGO- PLATIK - PAPELERIA TRES REYES</t>
  </si>
  <si>
    <t>CL 10A 72B 12</t>
  </si>
  <si>
    <t>CL 22 128 43</t>
  </si>
  <si>
    <t>PUNTO DE PAGO- PLATIK - LA BONGUITA</t>
  </si>
  <si>
    <t>CL 31D 63 33 SC CENTRAL</t>
  </si>
  <si>
    <t>PUNTO DE PAGO- PLATIK - PAPELERIA YANA</t>
  </si>
  <si>
    <t>CR 36A 57B 10</t>
  </si>
  <si>
    <t>PUNTO DE PAGO- PLATIK - CIGARRERIA DESPENSA</t>
  </si>
  <si>
    <t>CL 22 S 10 49</t>
  </si>
  <si>
    <t>PUNTO DE PAGO- PLATIK - J&amp;G VARIEDADES</t>
  </si>
  <si>
    <t>CL 68 BIS S 80N 83</t>
  </si>
  <si>
    <t>PUNTO DE PAGO- PLATIK - TIENDA DE SANTIS</t>
  </si>
  <si>
    <t>CR 70 57B 22 S</t>
  </si>
  <si>
    <t>PUNTO DE PAGO- PLATIK - INTERNET Y PAPELERIA  SOFFI</t>
  </si>
  <si>
    <t>CL 39 SUR 68D 19</t>
  </si>
  <si>
    <t>PUNTO DE PAGO- PLATIK - PAPELERIA &amp; MISCELANIA LA 32</t>
  </si>
  <si>
    <t>DG 52 B 32 08 S</t>
  </si>
  <si>
    <t>PUNTO DE PAGO- PLATIK - PAPELERIA Y MISCELANEA MAKANEY</t>
  </si>
  <si>
    <t>CL 183B 7 ESTE 05</t>
  </si>
  <si>
    <t>PUNTO DE PAGO- PLATIK - GRAN PAPELERIA GUARIN MARIN</t>
  </si>
  <si>
    <t>AK 70 63A 22</t>
  </si>
  <si>
    <t>PUNTO DE PAGO- PLATIK - MUNICIPIO-SARA MARKEUP</t>
  </si>
  <si>
    <t>CL 3 4 87</t>
  </si>
  <si>
    <t>PUNTO DE PAGO- PLATIK - CIGARRERIA LUZ MA</t>
  </si>
  <si>
    <t>CL 163A 5B 10 LC 10</t>
  </si>
  <si>
    <t>PUNTO DE PAGO- PLATIK - PUNTO V.E.C.I</t>
  </si>
  <si>
    <t>CL 52B BIS SUR 88F 88</t>
  </si>
  <si>
    <t>PUNTO DE PAGO- PLATIK - V.P EL CEREZO</t>
  </si>
  <si>
    <t>CL 83 S 91 48</t>
  </si>
  <si>
    <t>PUNTO DE PAGO- PLATIK - SKAYNE COMMERCE</t>
  </si>
  <si>
    <t>CL 63 F 28A 80</t>
  </si>
  <si>
    <t>PUNTO DE PAGO- PLATIK - EFECTY ALHELI MARSELLA</t>
  </si>
  <si>
    <t>CR 69B 5C 05</t>
  </si>
  <si>
    <t>PUNTO DE PAGO- PLATIK - DROGUERIA MAXI RECREO</t>
  </si>
  <si>
    <t>CR 102 72 47 SUR CS56</t>
  </si>
  <si>
    <t>PUNTO DE PAGO- PLATIK - PAGA &amp; RECARGA</t>
  </si>
  <si>
    <t>KR 38 58C 24 SUR</t>
  </si>
  <si>
    <t>PUNTO DE PAGO- PLATIK - INVERSIONES WINRED S.A.S</t>
  </si>
  <si>
    <t>CL 44 80 28 OF 103</t>
  </si>
  <si>
    <t>PUNTO DE PAGO- PLATIK -  PAPELERIA &amp; VARIEDADES</t>
  </si>
  <si>
    <t>CLL 128 A 52 33</t>
  </si>
  <si>
    <t>PUNTO DE PAGO- PLATIK - LINK BOX S A S</t>
  </si>
  <si>
    <t>CRA 68H 72 35</t>
  </si>
  <si>
    <t>PUNTO DE PAGO- PLATIK - MEGA EXPRESS SANTA LUCIA</t>
  </si>
  <si>
    <t>SANTA LUCIA MZ B LT 1</t>
  </si>
  <si>
    <t>PUNTO DE PAGO- PLATIK - MAXIMERCAR PALENQUE|</t>
  </si>
  <si>
    <t>CR 78 F 42 16 SUR</t>
  </si>
  <si>
    <t>PUNTO DE PAGO- PLATIK - SALSAMENTARIA Y CIGARRERIA VAQUITA</t>
  </si>
  <si>
    <t>TV 73 11C 48</t>
  </si>
  <si>
    <t>PUNTO DE PAGO- PLATIK - MERCADITO EL SURTIDOR CAJERO</t>
  </si>
  <si>
    <t>CRA 6B N 7640</t>
  </si>
  <si>
    <t>PUNTO DE PAGO- PLATIK  - SERVICE Y DESING</t>
  </si>
  <si>
    <t>CRA 16 2 04</t>
  </si>
  <si>
    <t>PUNTO DE PAGO- PLATIK - MEGA EXPRESS TURBACO</t>
  </si>
  <si>
    <t>CRA 17 17 53 CLL REAL</t>
  </si>
  <si>
    <t>PUNTO DE PAGO- PLATIK - DROGUERIA BERE FARMA</t>
  </si>
  <si>
    <t>DG 62G SUR 73 05</t>
  </si>
  <si>
    <t>PUNTO DE PAGO- PLATIK - MEGA EXPRES N 16  TORICES</t>
  </si>
  <si>
    <t>CL 47 13 147</t>
  </si>
  <si>
    <t>PUNTO DE PAGO- PLATIK - ANNY FOTOGRAFIA Y COMUNICACIONES 1</t>
  </si>
  <si>
    <t>CR 80A 53 03 SUR</t>
  </si>
  <si>
    <t>PUNTO DE PAGO- PLATIK - SUPERMECADO VILLAS DEL SOL</t>
  </si>
  <si>
    <t>TV 78 D 10 B 44</t>
  </si>
  <si>
    <t>PUNTO DE PAGO- PLATIK - EFECTY ESPAÑA</t>
  </si>
  <si>
    <t>CL 30 48 06</t>
  </si>
  <si>
    <t>PUNTO DE PAGO- PLATIK - HIPERMARKET</t>
  </si>
  <si>
    <t>KR 74 44 29 S PORT 2</t>
  </si>
  <si>
    <t>PUNTO DE PAGO- PLATIK - TRIANA BEJARANO GIOVANNY</t>
  </si>
  <si>
    <t>CR13B ESTE 55A 82 SUR</t>
  </si>
  <si>
    <t>PUNTO DE PAGO- PLATIK - CIGARRERIA LA 27 KD</t>
  </si>
  <si>
    <t>KR 27 48A 40 S</t>
  </si>
  <si>
    <t>PUNTO DE PAGO- PLATIK - INTERNET LAS ACACIAS</t>
  </si>
  <si>
    <t>CR 19B 61 81 SUR</t>
  </si>
  <si>
    <t>PUNTO DE PAGO- PLATIK - VARIEDADES MONIKA</t>
  </si>
  <si>
    <t>CR 8A ESTE 30 25 SUR CASA 29</t>
  </si>
  <si>
    <t>PUNTO DE PAGO- PLATIK - MUNICIPIO-GROBAL RUAH</t>
  </si>
  <si>
    <t>PUNTO DE PAGO- PLATIK - SERVICIO TECNICO DE COMPUTADORES</t>
  </si>
  <si>
    <t>CR 145B 143B  73 LC2</t>
  </si>
  <si>
    <t>PUNTO DE PAGO- PLATIK - TRAMITODO</t>
  </si>
  <si>
    <t>CR 100 17 A 27 OFIC 105</t>
  </si>
  <si>
    <t>PUNTO DE PAGO- PLATIK - GRUPO ETL SAS</t>
  </si>
  <si>
    <t>CLL70 4 19</t>
  </si>
  <si>
    <t>PUNTO DE PAGO- PLATIK - EFECTY CONSULADO</t>
  </si>
  <si>
    <t>CLL 30 55 127</t>
  </si>
  <si>
    <t>PUNTO DE PAGO- PLATIK - EFECTY INVERSIONES URIEL HUGO SEDE 2</t>
  </si>
  <si>
    <t>DG 30 29F 49</t>
  </si>
  <si>
    <t>PUNTO DE PAGO- PLATIK - CALZADO BUCARAMANGA VERBENAL 2</t>
  </si>
  <si>
    <t>CL 188  15 59</t>
  </si>
  <si>
    <t>PUNTO DE PAGO- PLATIK - CALZADO BUCARAMANGA MERCURIO</t>
  </si>
  <si>
    <t>CR 7 31 35  LC204</t>
  </si>
  <si>
    <t>PUNTO DE PAGO- PLATIK - EL SITIO DE PELICULA</t>
  </si>
  <si>
    <t>CRA 21B 68B 36</t>
  </si>
  <si>
    <t>PUNTO DE PAGO- PLATIK - NALI BEAUTY</t>
  </si>
  <si>
    <t>CR 21 169 76 LC 115</t>
  </si>
  <si>
    <t>PUNTO DE PAGO- PLATIK - GENESIS  TECHNOLOGY G.T</t>
  </si>
  <si>
    <t>SAN FERNANDO CR 81 A CL 5</t>
  </si>
  <si>
    <t>PUNTO DE PAGO- PLATIK - JOSENET</t>
  </si>
  <si>
    <t>CALLE 75A 6 26</t>
  </si>
  <si>
    <t>PUNTO DE PAGO- PLATIK - CERRAJERIA LA LLAVERIA</t>
  </si>
  <si>
    <t>CL 72 35 50</t>
  </si>
  <si>
    <t>TABIO</t>
  </si>
  <si>
    <t>PUNTO DE PAGO- PLATIK - MUNICIPIO-PAPELERIA EL PORTAL SVSG</t>
  </si>
  <si>
    <t>CRA 3 3 07</t>
  </si>
  <si>
    <t>PUNTO DE PAGO- PLATIK - EFECTY CASTELLANA</t>
  </si>
  <si>
    <t>CR 31 30 14 LC163</t>
  </si>
  <si>
    <t>PUNTO DE PAGO- PLATIK - HUELLITAS PETS C&amp;H</t>
  </si>
  <si>
    <t>TV 16 BIS 45D  49 LC4</t>
  </si>
  <si>
    <t>SAN JUAN DE RIOSECO</t>
  </si>
  <si>
    <t>PUNTO DE PAGO- PLATIK - MUNICIPIO-MISELANEA TATIS Y LILI</t>
  </si>
  <si>
    <t>CRA 6 5 89</t>
  </si>
  <si>
    <t>PUNTO DE PAGO- PLATIK - TRAMITES Y PAPELERIA DE SUBA</t>
  </si>
  <si>
    <t>CR 105C 136A 21</t>
  </si>
  <si>
    <t>PUNTO DE PAGO- PLATIK - DMP ADVANCE</t>
  </si>
  <si>
    <t>KR 33 47B 06 S</t>
  </si>
  <si>
    <t>PUNTO DE PAGO- PLATIK - KAMILA PRODUCTOS DE BELLEZA TELECOMUNICACIONES Y PA</t>
  </si>
  <si>
    <t>AC 145 128 40 LC 19</t>
  </si>
  <si>
    <t>PUNTO DE PAGO- PLATIK - MAO PAPELERIA</t>
  </si>
  <si>
    <t>CLL 139 109 B 53</t>
  </si>
  <si>
    <t>PUNTO DE PAGO- PLATIK - SOLUCIONES BERLIN</t>
  </si>
  <si>
    <t>CLL 139 136 A 11</t>
  </si>
  <si>
    <t>PUNTO DE PAGO- PLATIK - ARQUI DIBUJO</t>
  </si>
  <si>
    <t>CR 105 16G 05</t>
  </si>
  <si>
    <t>PUNTO DE PAGO- PLATIK - DROGUERIA JR PHARMA</t>
  </si>
  <si>
    <t>CR 45 A 124 17</t>
  </si>
  <si>
    <t>PUNTO DE PAGO- PLATIK - JRUB</t>
  </si>
  <si>
    <t>CR 40 22A 91</t>
  </si>
  <si>
    <t>PUNTO DE PAGO- PLATIK - MARIA ELENA HERNANDEZ PLAZAS</t>
  </si>
  <si>
    <t>CL 106 7A 25</t>
  </si>
  <si>
    <t>PUNTO DE PAGO- PLATIK - LA CUEVA DE NICOL</t>
  </si>
  <si>
    <t>CR 44A 24A 65</t>
  </si>
  <si>
    <t>PUNTO DE PAGO- PLATIK - PAPELERIA PUNTO 52</t>
  </si>
  <si>
    <t>CL 52  15 45</t>
  </si>
  <si>
    <t>PUNTO DE PAGO- PLATIK - DROGUERIA PUERTO 1</t>
  </si>
  <si>
    <t>CL 49B SUR 1A 06 ESTE</t>
  </si>
  <si>
    <t>PUNTO DE PAGO- PLATIK - CABINA Y COMUNCACION VANESSA</t>
  </si>
  <si>
    <t>CL 128 BIS 53C 74</t>
  </si>
  <si>
    <t>PUNTO DE PAGO- PLATIK - MULTIPAGOS KALUA</t>
  </si>
  <si>
    <t>PUNTO DE PAGO- PLATIK - EL MALECON DEL SPRING</t>
  </si>
  <si>
    <t>CR52A 134A 82</t>
  </si>
  <si>
    <t>PUNTO DE PAGO- PLATIK - CALZADO BUCARAMANGA</t>
  </si>
  <si>
    <t>CR 10  14 59</t>
  </si>
  <si>
    <t>PUNTO DE PAGO- PLATIK - CAPIEXPRESS 2</t>
  </si>
  <si>
    <t>CL 142 16 63</t>
  </si>
  <si>
    <t>PUNTO DE PAGO- PLATIK - CIPRÉS MARKET EXPRESS</t>
  </si>
  <si>
    <t>CL 23 D  85 A 82</t>
  </si>
  <si>
    <t>PUNTO DE PAGO- PLATIK -  LA HERRADURA LA GOLOSINA</t>
  </si>
  <si>
    <t>CR 77C 62 I 32 SUR</t>
  </si>
  <si>
    <t>PUNTO DE PAGO- PLATIK - PAPELERIA AMARILLOS</t>
  </si>
  <si>
    <t>CLL 163A 15 88</t>
  </si>
  <si>
    <t>PUNTO DE PAGO- PLATIK - DROGUERIAS PHARMACIEN</t>
  </si>
  <si>
    <t>CLL 53  27 30</t>
  </si>
  <si>
    <t>PUNTO DE PAGO- PLATIK - FARMA S.O.S. 2</t>
  </si>
  <si>
    <t>CR 55 161 61</t>
  </si>
  <si>
    <t>PUNTO DE PAGO- PLATIK - CIGARRERIA ARENA</t>
  </si>
  <si>
    <t>AV CL 63 37 37</t>
  </si>
  <si>
    <t>PUNTO DE PAGO- PLATIK - TIENDA KAFEZOTE</t>
  </si>
  <si>
    <t>CR 58 129B 22</t>
  </si>
  <si>
    <t>PUNTO DE PAGO- PLATIK - R OSCAR FERNANDO AVILA MATEUS</t>
  </si>
  <si>
    <t>CLL 40 19-23</t>
  </si>
  <si>
    <t>PUNTO DE PAGO- PLATIK - PAPELERIA Y MISCELANEA LA ROCA UNO</t>
  </si>
  <si>
    <t>CR 52 143 07</t>
  </si>
  <si>
    <t>PUNTO DE PAGO- PLATIK - ZEUS DROGUERIA</t>
  </si>
  <si>
    <t>CR 16C 164 30</t>
  </si>
  <si>
    <t>PUNTO DE PAGO- PLATIK - SIPAGA SOACHA</t>
  </si>
  <si>
    <t>CL 16 05A 07 LC2</t>
  </si>
  <si>
    <t>PUNTO DE PAGO- PLATIK - AUTOSERVICIO JN</t>
  </si>
  <si>
    <t>KR 93B 42 75 S</t>
  </si>
  <si>
    <t>PUNTO DE PAGO- PLATIK - DIANA CAROLINA FLORES JIMENEZ</t>
  </si>
  <si>
    <t>CR 73D 69C 04 SUR</t>
  </si>
  <si>
    <t>CL 63A SUR 70G 68</t>
  </si>
  <si>
    <t>PUNTO DE PAGO- PLATIK - COMODIN DE PAPEL</t>
  </si>
  <si>
    <t>CR 25 29 04  SUR</t>
  </si>
  <si>
    <t>PUNTO DE PAGO- PLATIK - ALHELÃ ALQUERIA LA FRAGUA</t>
  </si>
  <si>
    <t>CR 68D S 38A 30</t>
  </si>
  <si>
    <t>PUNTO DE PAGO- PLATIK - FABICEL</t>
  </si>
  <si>
    <t>CRA20 110 16</t>
  </si>
  <si>
    <t>PUNTO DE PAGO- PLATIK - MISCELANIA  ANGIE Y CINDY</t>
  </si>
  <si>
    <t>KR 97 132A 08</t>
  </si>
  <si>
    <t>PUNTO DE PAGO- PLATIK - DON PAGO FLORALIA</t>
  </si>
  <si>
    <t>CL 58 NRTE 5B 62 AP 910</t>
  </si>
  <si>
    <t>PUNTO DE PAGO- PLATIK - VARIEDADES MANANTIAL DE VIDA</t>
  </si>
  <si>
    <t>CL 65 H 77 I 15 SUR</t>
  </si>
  <si>
    <t>PUNTO DE PAGO- PLATIK - PAPELERIA FENIX</t>
  </si>
  <si>
    <t>CR 70 C 68 B 45 SUR</t>
  </si>
  <si>
    <t>PUNTO DE PAGO- PLATIK - AUTOSERVICIO MERKATODO SIBATE</t>
  </si>
  <si>
    <t>CRA 7 7 95</t>
  </si>
  <si>
    <t>PUNTO DE PAGO- PLATIK - PUNTO DE PAGO EL GUAVIO</t>
  </si>
  <si>
    <t>KR 80 70D 22S</t>
  </si>
  <si>
    <t>PUNTO DE PAGO- PLATIK - LEONOR TORRES</t>
  </si>
  <si>
    <t>CL 3 5 34</t>
  </si>
  <si>
    <t>PUNTO DE PAGO- PLATIK - PAPELERIA Y VARIEDADES</t>
  </si>
  <si>
    <t>CL 128C 89A 86</t>
  </si>
  <si>
    <t>PUNTO DE PAGO- PLATIK - PAPELERIA Y MISCELANEA SIKOLERNE</t>
  </si>
  <si>
    <t>CL 58A S 88F 43</t>
  </si>
  <si>
    <t>PUNTO DE PAGO- PLATIK - TORRES DE PAPEL CJ</t>
  </si>
  <si>
    <t>CR 110 69 B 30</t>
  </si>
  <si>
    <t>PUNTO DE PAGO- PLATIK - PAPELERIA MARISELA</t>
  </si>
  <si>
    <t>KR 59 44A 15</t>
  </si>
  <si>
    <t>PUNTO DE PAGO- PLATIK - VARIEDADES ELY</t>
  </si>
  <si>
    <t>CR 29A 48 86</t>
  </si>
  <si>
    <t>PUNTO DE PAGO- PLATIK - GARRA-PATAS SAS</t>
  </si>
  <si>
    <t>CR 26 45C 96 LC 2</t>
  </si>
  <si>
    <t>PUNTO DE PAGO- PLATIK - PAPELERIA Y MICELANEA YIRETH</t>
  </si>
  <si>
    <t>CL 55 SUR 33 98</t>
  </si>
  <si>
    <t>PUNTO DE PAGO- PLATIK - SOLUCIONES LA CHUCUA</t>
  </si>
  <si>
    <t>CR 97 132 C 29</t>
  </si>
  <si>
    <t>PUNTO DE PAGO- PLATIK - LOS CINCO ANGELES</t>
  </si>
  <si>
    <t>CL 5 A 12 22</t>
  </si>
  <si>
    <t>PUNTO DE PAGO- PLATIK - HABLAME AL CELU</t>
  </si>
  <si>
    <t>KR 9 E 36J 13 S</t>
  </si>
  <si>
    <t>PUNTO DE PAGO- PLATIK - DROGUERIA Y PAPELERIA AYG</t>
  </si>
  <si>
    <t>CR 2B ESTE 51A 17 SUR</t>
  </si>
  <si>
    <t>PUNTO DE PAGO- PLATIK - MULTIACCES</t>
  </si>
  <si>
    <t>CL 57 16A 30</t>
  </si>
  <si>
    <t>PUNTO DE PAGO- PLATIK - BEAUTYCELL</t>
  </si>
  <si>
    <t>CL 41 S 27 47</t>
  </si>
  <si>
    <t>PUNTO DE PAGO- PLATIK - SOLUCIONS NET</t>
  </si>
  <si>
    <t>CL 75A S 27 22</t>
  </si>
  <si>
    <t>PUNTO DE PAGO- PLATIK - DISTRIBUIDORA Y DROGUERIAS FENIX SAS</t>
  </si>
  <si>
    <t>CL 63 18 29</t>
  </si>
  <si>
    <t>PUNTO DE PAGO- PLATIK - INVERSIONES HIPOTECARIAS N.B.</t>
  </si>
  <si>
    <t>CR 77I 60 37 SUR</t>
  </si>
  <si>
    <t>PUNTO DE PAGO- PLATIK - VARIEDADES TATIS</t>
  </si>
  <si>
    <t>CL 11 SUR 12D 15LC</t>
  </si>
  <si>
    <t>PUNTO DE PAGO- PLATIK - SUPERMERCADO OASIS</t>
  </si>
  <si>
    <t>CR 134A 14F 06</t>
  </si>
  <si>
    <t>PUNTO DE PAGO- PLATIK - LOS HERMANOS CHAGUALA</t>
  </si>
  <si>
    <t>CLL 48A 30C 05 ESTE</t>
  </si>
  <si>
    <t>PUNTO DE PAGO- PLATIK - ASVH ANDROIDCELL</t>
  </si>
  <si>
    <t>CL 34 BIS A SUR 89D 08</t>
  </si>
  <si>
    <t>PUNTO DE PAGO- PLATIK - MAYINET STORE</t>
  </si>
  <si>
    <t>DG 30 8A 57</t>
  </si>
  <si>
    <t>PUNTO DE PAGO- PLATIK - PAPELERÍA Y MISCELANEA ROKA PAPEL O TIJERA</t>
  </si>
  <si>
    <t>KR 5 E 27A 05 S</t>
  </si>
  <si>
    <t>PUNTO DE PAGO- PLATIK - TIENDA COSECHAR</t>
  </si>
  <si>
    <t>CANAPOTE CLL 62 CRA 15</t>
  </si>
  <si>
    <t>PUNTO DE PAGO- PLATIK - DROGUERIA PLUS M&amp;M</t>
  </si>
  <si>
    <t>CRA 17 74 31</t>
  </si>
  <si>
    <t>PUNTO DE PAGO- PLATIK - PAPELERIA Y VARIEDADES DONDE ANITA</t>
  </si>
  <si>
    <t>TV 76 32 21 LC 2</t>
  </si>
  <si>
    <t>PUNTO DE PAGO- PLATIK - VARIEDADES Y TIENDA DEYLIS</t>
  </si>
  <si>
    <t>MZ 11 A LOTE 5</t>
  </si>
  <si>
    <t>PUNTO DE PAGO- PLATIK - PUNTO AZUL NORTE</t>
  </si>
  <si>
    <t>CR 62 162 B 28</t>
  </si>
  <si>
    <t>PUNTO DE PAGO- PLATIK - DANNACOMUNICACIONES</t>
  </si>
  <si>
    <t>CL 40 SUR 73D 62</t>
  </si>
  <si>
    <t>PUNTO DE PAGO- PLATIK - TU PAPELERIA</t>
  </si>
  <si>
    <t>CL 10B 81F 70</t>
  </si>
  <si>
    <t>PUNTO DE PAGO- PLATIK - ALMACEN Y TALLER HK RACING</t>
  </si>
  <si>
    <t>CL 43 S 78I 16</t>
  </si>
  <si>
    <t>PUNTO DE PAGO- PLATIK - CIGARRERIA DONDE DANILO</t>
  </si>
  <si>
    <t>AV CR 14 73B 03 SUR</t>
  </si>
  <si>
    <t>PUNTO DE PAGO- PLATIK - PAPELERIA DONDE WILLY 53</t>
  </si>
  <si>
    <t>CL 53 7 11LC 103</t>
  </si>
  <si>
    <t>PUNTO DE PAGO- PLATIK - PAPELERIA Y CACHARRERIA CRAZY</t>
  </si>
  <si>
    <t>DG 36 12 04</t>
  </si>
  <si>
    <t>PUNTO DE PAGO- PLATIK - MILICOM</t>
  </si>
  <si>
    <t>CRA21 64 42</t>
  </si>
  <si>
    <t>PUNTO DE PAGO- PLATIK - DATACELL COMUNICACIONES</t>
  </si>
  <si>
    <t>TV 18 BIS14A 37 S</t>
  </si>
  <si>
    <t>PUNTO DE PAGO- PLATIK - PAPELERIA PAPIROS Y PERGAMINOS</t>
  </si>
  <si>
    <t>CL 25 SUR 7 63</t>
  </si>
  <si>
    <t>PUNTO DE PAGO- PLATIK - MOTO 8</t>
  </si>
  <si>
    <t>CR 7 40B 25</t>
  </si>
  <si>
    <t>PUNTO DE PAGO- PLATIK - PRODUCTOS PIPE</t>
  </si>
  <si>
    <t>CR 24I 77B 50 S</t>
  </si>
  <si>
    <t>PUNTO DE PAGO- PLATIK - PAGA TODO MISCELANEA MIL Y UN DETALLES BY NOY PINED</t>
  </si>
  <si>
    <t>CL 132C 91 24</t>
  </si>
  <si>
    <t>PUNTO DE PAGO- PLATIK - PAPELERIA Y VAREDADES DIAZ</t>
  </si>
  <si>
    <t>CL 22F 115  40</t>
  </si>
  <si>
    <t>PUNTO DE PAGO- PLATIK - PAPELERIA CAMALEON</t>
  </si>
  <si>
    <t>TV 53 N 70 10 SUR</t>
  </si>
  <si>
    <t>PUNTO DE PAGO- PLATIK - MISCELANEA Y PAPELERIA LA PROFE</t>
  </si>
  <si>
    <t>CR 2B 17 48</t>
  </si>
  <si>
    <t>PUNTO DE PAGO- PLATIK - JR STORE</t>
  </si>
  <si>
    <t>CR 91  71A 04</t>
  </si>
  <si>
    <t>PUNTO DE PAGO- PLATIK - PAPELERIA PLAY-PER</t>
  </si>
  <si>
    <t>CL 63 15 07</t>
  </si>
  <si>
    <t>PUNTO DE PAGO- PLATIK - MUNICIPIO-PAPELERIA Y COMUNICACIONES KAREN</t>
  </si>
  <si>
    <t>CL 2 1A 41</t>
  </si>
  <si>
    <t>PUNTO DE PAGO- PLATIK - AVIVACOMUNICACIONES</t>
  </si>
  <si>
    <t>CL 128D 92B 10</t>
  </si>
  <si>
    <t>PUNTO DE PAGO- PLATIK - COPIAS Y PAPELES FRANCY</t>
  </si>
  <si>
    <t>KR 5 81 56 SUR</t>
  </si>
  <si>
    <t>PUNTO DE PAGO- PLATIK - KAIROS PAPELERIA Y DETALLES JDRA</t>
  </si>
  <si>
    <t>KR 128 146 28</t>
  </si>
  <si>
    <t>PUNTO DE PAGO- PLATIK - ESTILOS CASYBLAK</t>
  </si>
  <si>
    <t>CL 65 S 78 34</t>
  </si>
  <si>
    <t>PUNTO DE PAGO- PLATIK - COMUNICACIONES K&amp;L</t>
  </si>
  <si>
    <t>CL 6 BIS A 90A 80</t>
  </si>
  <si>
    <t>PUNTO DE PAGO- PLATIK - AUTO ELECTRICOS VIOTA</t>
  </si>
  <si>
    <t>CL 14 8 59</t>
  </si>
  <si>
    <t>PUNTO DE PAGO- PLATIK - CIGARRERIA TECNOLOGIA BLUE</t>
  </si>
  <si>
    <t>CRA 6 16 62 CAMILO TORRES 2 SECTOR</t>
  </si>
  <si>
    <t>PUNTO DE PAGO- PLATIK - EL GORDO DE LA 63 Y LICORES 24/7</t>
  </si>
  <si>
    <t>CL 63 C 17 10</t>
  </si>
  <si>
    <t>PUNTO DE PAGO- PLATIK -  VARIEDADES LUCHITO 2</t>
  </si>
  <si>
    <t>CL 58 SUR 78J 10</t>
  </si>
  <si>
    <t>PUNTO DE PAGO- PLATIK - DROGUERIAS SOLMEDIC DISORT</t>
  </si>
  <si>
    <t>AC 68 61 36</t>
  </si>
  <si>
    <t>PUNTO DE PAGO- PLATIK - JACIBE ABRIL GARCIA</t>
  </si>
  <si>
    <t>CL174A 45 77</t>
  </si>
  <si>
    <t>PUNTO DE PAGO- PLATIK - DAVID SANTIAGO BERNAL SOLANO</t>
  </si>
  <si>
    <t>CL187 55A40 LC A25</t>
  </si>
  <si>
    <t>PUNTO DE PAGO- PLATIK - PASAJE COMERCIAL CENTRO USME</t>
  </si>
  <si>
    <t>CR 14 136 25 S</t>
  </si>
  <si>
    <t>PUNTO DE PAGO- PLATIK - SUPERLIDER 34</t>
  </si>
  <si>
    <t>AC 34 18 25</t>
  </si>
  <si>
    <t>PUNTO DE PAGO- PLATIK - TODO A MIL Y DOS MIL FONSECA</t>
  </si>
  <si>
    <t>TV 94 128D 04</t>
  </si>
  <si>
    <t>PUNTO DE PAGO- PLATIK - MUNICIPIO-CYBER@MARTINEZ</t>
  </si>
  <si>
    <t>VRD NARANJALITO</t>
  </si>
  <si>
    <t>PUNTO DE PAGO- PLATIK - MULTISERVICIOS HERNANDEZ 3</t>
  </si>
  <si>
    <t>CR 97C 42 45 SUR</t>
  </si>
  <si>
    <t>PUNTO DE PAGO- PLATIK - DIGITAL LAU</t>
  </si>
  <si>
    <t>CL 49 SUR 91 D 57</t>
  </si>
  <si>
    <t>PUNTO DE PAGO- PLATIK - INVERSIONES ANAYA EFECTY</t>
  </si>
  <si>
    <t>MZ 1 LT 2 URB PORTAL DEL VIRREY</t>
  </si>
  <si>
    <t>PUNTO DE PAGO- PLATIK - MINIMERCADO JD VALEN</t>
  </si>
  <si>
    <t>CR 79 C BIS 2B 10</t>
  </si>
  <si>
    <t>NOCAIMA</t>
  </si>
  <si>
    <t>PUNTO DE PAGO- PLATIK - MUNICIPIO-DONDE ELBER</t>
  </si>
  <si>
    <t>CARRERA 6  6 15</t>
  </si>
  <si>
    <t>PUNTO DE PAGO- PLATIK - PUNTO DE FABRICA</t>
  </si>
  <si>
    <t>PLATIK - PUNTO DE FABRICA</t>
  </si>
  <si>
    <t>PUNTO DE PAGO- PLATIK - PAPELERIA MILAN</t>
  </si>
  <si>
    <t>PLATIK - PAPELERIA MILAN</t>
  </si>
  <si>
    <t>SAN VICENTE DEL CAGUÁN</t>
  </si>
  <si>
    <t>PUNTO DE PAGO- PLATIK -  RESTAURANTE FUENTE AMAZONICA</t>
  </si>
  <si>
    <t>PLATIK -  RESTAURANTE FUENTE AMAZONICA</t>
  </si>
  <si>
    <t>PUNTO DE PAGO- PLATIK - PAÑALERA Y VARIEDADES EL LAGO</t>
  </si>
  <si>
    <t>PLATIK - PAÑALERA Y VARIEDADES EL LAGO</t>
  </si>
  <si>
    <t>PUNTO DE PAGO- PLATIK - LAS MASCOTAS DE PILI</t>
  </si>
  <si>
    <t>KR 12F E 28G 31 S</t>
  </si>
  <si>
    <t>PUNTO DE PAGO- PLATIK - ELIAS DANIEL GOMEZ COGOLLO</t>
  </si>
  <si>
    <t>VILLALUZ MAN 3 LT 11</t>
  </si>
  <si>
    <t>PUNTO DE PAGO- PLATIK - DROGUERÍA FARMAVISION</t>
  </si>
  <si>
    <t>CRA 32 36 39</t>
  </si>
  <si>
    <t>PUNTO DE PAGO- PLATIK - DROGUERIA TORRES</t>
  </si>
  <si>
    <t>SCTR LA PAZ MZ171 LT45</t>
  </si>
  <si>
    <t>PUNTO DE PAGO- PLATIK - CAFE INTERNET LA BENDICIÓN</t>
  </si>
  <si>
    <t>CLL 44B 92 14</t>
  </si>
  <si>
    <t>PUNTO DE PAGO- PLATIK - ANA OLIVA SUAREZ CASTIBLANCO</t>
  </si>
  <si>
    <t>KR 14L 73C S 07</t>
  </si>
  <si>
    <t>PUNTO DE PAGO- PLATIK - MISCELANEA Y VARIEDADES HANNAT</t>
  </si>
  <si>
    <t>CL 54A S 33A 52</t>
  </si>
  <si>
    <t>AGUA DE DIOS</t>
  </si>
  <si>
    <t>PUNTO DE PAGO- PLATIK - ADRIANA  MARTINEZ AGUIRRE</t>
  </si>
  <si>
    <t>CL 11A 13 25</t>
  </si>
  <si>
    <t>PUNTO DE PAGO- PLATIK - LA CIMA</t>
  </si>
  <si>
    <t>PUNTO DE PAGO- PLATIK - VARIEDADES YACOB</t>
  </si>
  <si>
    <t>CRA 111 A 16H 33</t>
  </si>
  <si>
    <t>PUNTO DE PAGO- PLATIK - WILSON BECERRA</t>
  </si>
  <si>
    <t>CR 149B 143 67</t>
  </si>
  <si>
    <t>PUNTO DE PAGO- PLATIK - ARTECHNOLOGY</t>
  </si>
  <si>
    <t>CL 51 13 67</t>
  </si>
  <si>
    <t>PUNTO DE PAGO- PLATIK - SUPER DROGUERÍA LUAN</t>
  </si>
  <si>
    <t>CL 60 SUR 22 86 CA 2</t>
  </si>
  <si>
    <t>PUNTO DE PAGO- PLATIK - EFECTY CIUDAD BOLIVAR</t>
  </si>
  <si>
    <t> CR 19 D 61 A 70 S LC 4</t>
  </si>
  <si>
    <t>PUNTO DE PAGO- PLATIK - EFECTY PATIO BONITO</t>
  </si>
  <si>
    <t>CL 33 SUR 86 F 20</t>
  </si>
  <si>
    <t>PUNTO DE PAGO- PLATIK - PAPELERIA Y VARIEDADES LA BENDICION</t>
  </si>
  <si>
    <t>MZ C LOTE 32</t>
  </si>
  <si>
    <t>PUNTO DE PAGO- PLATIK - RUTH MARYSOL FINO RAMIREZ</t>
  </si>
  <si>
    <t>CL 37D SUR 3A 16 ESTE</t>
  </si>
  <si>
    <t>PUNTO DE PAGO- PLATIK - EFECTY 13 DE JUNIO-TURBACO</t>
  </si>
  <si>
    <t>CR16 19 17</t>
  </si>
  <si>
    <t>PUNTO DE PAGO- PLATIK - PAPELERIA ANGEL K</t>
  </si>
  <si>
    <t>CLL 28  SUR 13K 37</t>
  </si>
  <si>
    <t>PUNTO DE PAGO- PLATIK - ANGIE IBAÑEZ</t>
  </si>
  <si>
    <t>CL 68BIS 80 83 SUR</t>
  </si>
  <si>
    <t>PUNTO DE PAGO- PLATIK - TRASMILENIO TINTAL</t>
  </si>
  <si>
    <t>CL 2 86 12</t>
  </si>
  <si>
    <t>PUNTO DE PAGO- PLATIK - VARIEDADES EMILY</t>
  </si>
  <si>
    <t>DG 64A 42B 04 S</t>
  </si>
  <si>
    <t>PUNTO DE PAGO- PLATIK - MATHIS PAPELERIA</t>
  </si>
  <si>
    <t>CLL 45BIS S 13K 36</t>
  </si>
  <si>
    <t>PUNTO DE PAGO- PLATIK - DANIFARMA DROGUERIA</t>
  </si>
  <si>
    <t>MZ 35 LOTE 2 ETAPA 2</t>
  </si>
  <si>
    <t>PUNTO DE PAGO- PLATIK - EXPRESIONES ROMY</t>
  </si>
  <si>
    <t>CR 98  55 23 SUR</t>
  </si>
  <si>
    <t>SANTA MARTA</t>
  </si>
  <si>
    <t>PUNTO DE PAGO- PLATIK - CESAR PIZZA V</t>
  </si>
  <si>
    <t>CL 17 CR 2 17 58</t>
  </si>
  <si>
    <t>PUNTO DE PAGO- PLATIK - PIO XII CR 80 C</t>
  </si>
  <si>
    <t>PUNTO DE PAGO- PLATIK - SANDRA VELOSA</t>
  </si>
  <si>
    <t>DG 115A 70F 51</t>
  </si>
  <si>
    <t>PUNTO DE PAGO- PLATIK - CALZADO BUCARAMANGA EL ENSUENO</t>
  </si>
  <si>
    <t>CR 51 59C SUR 93 LC 179</t>
  </si>
  <si>
    <t>PUNTO DE PAGO- PLATIK - DROGUERIA PHARMASANITAS</t>
  </si>
  <si>
    <t>CL 35 B S 87G 34</t>
  </si>
  <si>
    <t>PUNTO DE PAGO- PLATIK - CIGARRERIA EL TREBOL</t>
  </si>
  <si>
    <t>CL 7ABISC 80A 73</t>
  </si>
  <si>
    <t>PUNTO DE PAGO- PLATIK - PAPELERIA SIERRAS</t>
  </si>
  <si>
    <t>CL 65 S  6A 11 INT7CS16</t>
  </si>
  <si>
    <t>PUNTO DE PAGO- PLATIK - MEGACOMPUTO</t>
  </si>
  <si>
    <t>KR 78M 56C 36 S</t>
  </si>
  <si>
    <t>PUNTO DE PAGO- PLATIK - VIVIS STORE</t>
  </si>
  <si>
    <t>CL 138 153 31</t>
  </si>
  <si>
    <t>PUNTO DE PAGO- PLATIK - REFRESQUERIA DONDE SOL</t>
  </si>
  <si>
    <t>MZ H LOTE 4</t>
  </si>
  <si>
    <t>PUNTO DE PAGO- PLATIK - ALMACEN DE COMPRA VENTA JOYERIA SAN FERNANDO</t>
  </si>
  <si>
    <t>KR 83 14 12 B MEDELLIN</t>
  </si>
  <si>
    <t>PUNTO DE PAGO- PLATIK - PAPELERIA Y MISCELANEA JUSTIN</t>
  </si>
  <si>
    <t>CL 23G 104B 10</t>
  </si>
  <si>
    <t>PUNTO DE PAGO- PLATIK - COMUNICACIÓNES IKER</t>
  </si>
  <si>
    <t>CL 58 C SUR 42A 24</t>
  </si>
  <si>
    <t>PUNTO DE PAGO- PLATIK - SOLUCIONES ISABELLA</t>
  </si>
  <si>
    <t>AV CR 50 5 A 61</t>
  </si>
  <si>
    <t>PUNTO DE PAGO- PLATIK - MINI PUNTO EL BENDECIDO</t>
  </si>
  <si>
    <t>MZ 12 LOTE 5</t>
  </si>
  <si>
    <t>PUNTO DE PAGO- PLATIK - DROGUERIA TU FAVORITA</t>
  </si>
  <si>
    <t>TV 33 29B2 111</t>
  </si>
  <si>
    <t>PUNTO DE PAGO- PLATIK - PUNTO DE PAGO Y SERVICIOS BOLIVAR CAUCA</t>
  </si>
  <si>
    <t>CLL 8 5 26</t>
  </si>
  <si>
    <t>PUNTO DE PAGO- PLATIK - AGENCIA RESERVA A Y L</t>
  </si>
  <si>
    <t>CR 116A 15C 70  T 4 AP 108</t>
  </si>
  <si>
    <t>PUNTO DE PAGO- PLATIK - DROGUERIAS GIOSOMA FARMA</t>
  </si>
  <si>
    <t>CL 138 151D 13</t>
  </si>
  <si>
    <t>PUNTO DE PAGO- PLATIK - SOLUCIONES ZULUAGA</t>
  </si>
  <si>
    <t>CL 40 S 72N 73</t>
  </si>
  <si>
    <t xml:space="preserve">PUNTO DE PAGO- PLATIK - BOSA ATALAYAS </t>
  </si>
  <si>
    <t>CR 96 61 A 13 S</t>
  </si>
  <si>
    <t>PUNTO DE PAGO- PLATIK - INTERNET CONNECTXION</t>
  </si>
  <si>
    <t>URB. 11DE NOVIEMBRE MZ .1 LOTE 11</t>
  </si>
  <si>
    <t>PUNTO DE PAGO- PLATIK - CENTRO DE PAGOS Y SERVICIOS EL SOL</t>
  </si>
  <si>
    <t>CL 21A 2 08</t>
  </si>
  <si>
    <t>PUNTO DE PAGO- PLATIK - BETTYCEL</t>
  </si>
  <si>
    <t>MZ B LT 3 EL EDUCADOR</t>
  </si>
  <si>
    <t xml:space="preserve">PUNTO DE PAGO- PLATIK - MULTIPAGO </t>
  </si>
  <si>
    <t xml:space="preserve">CL 26 SUR 78 B 24 </t>
  </si>
  <si>
    <t>PUNTO DE PAGO- PLATIK - TIENDA NATURISTA NATUBELL</t>
  </si>
  <si>
    <t>KR 78K 33A 69 S</t>
  </si>
  <si>
    <t>PUNTO DE PAGO- PLATIK - SOLUCIONES GAMING WORD</t>
  </si>
  <si>
    <t>CL 35 26D 03 S</t>
  </si>
  <si>
    <t>PUNTO DE PAGO- PLATIK - PAÑALERA Y ACCESORIOS NA&amp;SOF</t>
  </si>
  <si>
    <t>CR 4 ESTE 10 25</t>
  </si>
  <si>
    <t>PUNTO DE PAGO- PLATIK - JHON MAURICIO RUA</t>
  </si>
  <si>
    <t>CL 52B SUR 5C 22 E</t>
  </si>
  <si>
    <t>PUNTO DE PAGO- PLATIK - INTERNETYISI</t>
  </si>
  <si>
    <t>CL 16F 100  20</t>
  </si>
  <si>
    <t>PUNTO DE PAGO- PLATIK - MI CANASTA</t>
  </si>
  <si>
    <t>CL 68 S 77L 27</t>
  </si>
  <si>
    <t>PUNTO DE PAGO- PLATIK - CITYPHARMA PLUS MAS</t>
  </si>
  <si>
    <t>CL REAL 17 10 LC 1</t>
  </si>
  <si>
    <t>PUNTO DE PAGO- PLATIK - PAPELERIA CROMATIC</t>
  </si>
  <si>
    <t>PUNTO DE PAGO- PLATIK - MISCELANIA Y VARIEDADES CARMEN A</t>
  </si>
  <si>
    <t>PUNTO DE PAGO- PLATIK - VARIEDADES B&amp;M</t>
  </si>
  <si>
    <t>CRA 2C 94 60</t>
  </si>
  <si>
    <t>PUNTO DE PAGO- PLATIK - PAPYROS PAPELERIA</t>
  </si>
  <si>
    <t>CR 80P 75 19 S</t>
  </si>
  <si>
    <t>PUNTO DE PAGO- PLATIK - PAPELERIA Y DETALLES MANAMI</t>
  </si>
  <si>
    <t>CL 143 138A 08</t>
  </si>
  <si>
    <t>PUNTO DE PAGO- PLATIK - SERVIENTREGA LA ALDEA</t>
  </si>
  <si>
    <t>CR 120 22 G 58</t>
  </si>
  <si>
    <t>PUNTO DE PAGO- PLATIK - DISTRIBUIDORA DON ADERSON</t>
  </si>
  <si>
    <t>CL 62 B SUR 19F 14</t>
  </si>
  <si>
    <t>PUNTO DE PAGO- PLATIK - MUNICIPIO-INTERFLEX.COM</t>
  </si>
  <si>
    <t>CARRERA 4 6 27</t>
  </si>
  <si>
    <t>PUNTO DE PAGO- PLATIK - LEVITEL COMUNICACIONES</t>
  </si>
  <si>
    <t>Calle 19 105 A 40</t>
  </si>
  <si>
    <t xml:space="preserve">CRA 20C N64- 40 SUR </t>
  </si>
  <si>
    <t>PUNTO DE PAGO- PLATIK - IMPRESOS  GUILLO</t>
  </si>
  <si>
    <t xml:space="preserve">CR 16 49 45 </t>
  </si>
  <si>
    <t>PUNTO DE PAGO- PLATIK - LA 4TA DROGUERIA Y MINIMARKET</t>
  </si>
  <si>
    <t>CRA 4  14 54</t>
  </si>
  <si>
    <t>PUNTO DE PAGO- PLATIK - MUNICIPIO-FOTO ESTUDIO DIGITAL</t>
  </si>
  <si>
    <t>CRA 3 1 55 SUR</t>
  </si>
  <si>
    <t>PUNTO DE PAGO- PLATIK - MINI MERCADO LA HUERTA</t>
  </si>
  <si>
    <t>CL 116 S 7B 41 ESTE</t>
  </si>
  <si>
    <t>PUNTO DE PAGO- PLATIK - PLASTICOS SHADDAI</t>
  </si>
  <si>
    <t>CL 4D 66 20</t>
  </si>
  <si>
    <t>PUNTO DE PAGO- PLATIK - APUESTA SU SUERTE</t>
  </si>
  <si>
    <t>CL 15 119A 07</t>
  </si>
  <si>
    <t>PUNTO DE PAGO- PLATIK - MENESES STORE</t>
  </si>
  <si>
    <t>CL 77C 21A 33</t>
  </si>
  <si>
    <t>PUNTO DE PAGO- PLATIK - PAPELERIA JHOAN</t>
  </si>
  <si>
    <t>DG 40SUR 34 27</t>
  </si>
  <si>
    <t>PUNTO DE PAGO- PLATIK - CENTRO DE COPIADO Y PUBLICITARIO IGNIS</t>
  </si>
  <si>
    <t>CALLE 79  18E  4</t>
  </si>
  <si>
    <t>PUNTO DE PAGO- PLATIK - FOTOCOPIADORA BUEBOS AIRES</t>
  </si>
  <si>
    <t>CRA 3 ESTE 26 1</t>
  </si>
  <si>
    <t>PUNTO DE PAGO- PLATIK - EASY SOLUTIONS.NET</t>
  </si>
  <si>
    <t>AV JIMENEZ 20-69</t>
  </si>
  <si>
    <t>PUNTO DE PAGO- PLATIK - PAPELERIA  MILROB</t>
  </si>
  <si>
    <t>CLL PRINCIPAL 58 56</t>
  </si>
  <si>
    <t>PUNTO DE PAGO- PLATIK - SERVIENTREGA LAGUNA</t>
  </si>
  <si>
    <t>CL 16 F 103 C 20</t>
  </si>
  <si>
    <t>PUNTO DE PAGO- PLATIK - PAPELERIA IDEAL BAQUERO</t>
  </si>
  <si>
    <t>CL 19 A 19 05</t>
  </si>
  <si>
    <t>PUNTO DE PAGO- PLATIK - DROGUERIA FARMA 79 II</t>
  </si>
  <si>
    <t>CR 36 23 53</t>
  </si>
  <si>
    <t>PUNTO DE PAGO- PLATIK -  J DESIGN</t>
  </si>
  <si>
    <t>KR 140 132A 12</t>
  </si>
  <si>
    <t>PUNTO DE PAGO- PLATIK - COFFE AND HOBIESS</t>
  </si>
  <si>
    <t>CL 57 B SUR 63 06</t>
  </si>
  <si>
    <t>PUNTO DE PAGO- PLATIK - PANDANET141</t>
  </si>
  <si>
    <t>CL 141 130 10</t>
  </si>
  <si>
    <t>PUNTO DE PAGO- PLATIK - MAXI COM LTDA</t>
  </si>
  <si>
    <t>CL 47 B SUR 24 B 33</t>
  </si>
  <si>
    <t>PUNTO DE PAGO- PLATIK - PAPER EXPRESS PAPELERIA</t>
  </si>
  <si>
    <t>KR 123 14 61</t>
  </si>
  <si>
    <t>PUNTO DE PAGO- PLATIK - BABY S Y FAMILY STORE</t>
  </si>
  <si>
    <t>CR 49A 166 71</t>
  </si>
  <si>
    <t>PUNTO DE PAGO- PLATIK - LA KOSITERIA LIFER</t>
  </si>
  <si>
    <t>TV 26A 46A  35 SUR LC5</t>
  </si>
  <si>
    <t>PUNTO DE PAGO- PLATIK - STELLA COBOS GARCIA</t>
  </si>
  <si>
    <t>DG 91B BIS SUR 18H 35</t>
  </si>
  <si>
    <t>PUNTO DE PAGO- PLATIK - SHOPPING 011"TU TIENDA DE MODA"</t>
  </si>
  <si>
    <t>CAÑO DE ORO 19 16</t>
  </si>
  <si>
    <t>PIAMONTE</t>
  </si>
  <si>
    <t>PUNTO DE PAGO- PLATIK - PUNTO DE ENCUENTRO 1</t>
  </si>
  <si>
    <t>CL 14 17 02</t>
  </si>
  <si>
    <t>PUNTO DE PAGO- PLATIK - TECHMOBILE</t>
  </si>
  <si>
    <t>CL 30 3 30 E</t>
  </si>
  <si>
    <t>TURBACO</t>
  </si>
  <si>
    <t>MZ 14 L 5</t>
  </si>
  <si>
    <t>PUNTO DE PAGO- PLATIK - CIGARRERIA PROVEEDORA DON PEPE</t>
  </si>
  <si>
    <t>CR 71 B 71 A 13</t>
  </si>
  <si>
    <t>PUNTO DE PAGO- PLATIK - CATLEYA MAPI</t>
  </si>
  <si>
    <t>KR 28 54 36 SUR LOC 2</t>
  </si>
  <si>
    <t>PUNTO DE PAGO- PLATIK - CLUB GAMES</t>
  </si>
  <si>
    <t>CR 19  39B  37</t>
  </si>
  <si>
    <t>PUNTO DE PAGO- PLATIK - BJB SOLUCIONES CASTILLA</t>
  </si>
  <si>
    <t>KR 80C 7A 95</t>
  </si>
  <si>
    <t>PUNTO DE PAGO- PLATIK - VARIEDASES N&amp;L</t>
  </si>
  <si>
    <t>CRA 5B 92 52</t>
  </si>
  <si>
    <t>CR 20C 62 85 SUR</t>
  </si>
  <si>
    <t>PUNTO DE PAGO- PLATIK - CIGARRERIA Y CAFETERIA LA LIBERTAD</t>
  </si>
  <si>
    <t>KR 87K 61 21 S</t>
  </si>
  <si>
    <t>PUNTO DE PAGO- PLATIK - VARIEDADES SORANGIE</t>
  </si>
  <si>
    <t>CR 3 3 74</t>
  </si>
  <si>
    <t>PUNTO DE PAGO- PLATIK - COLMENA DROGUERIA</t>
  </si>
  <si>
    <t>CL 131 102 19</t>
  </si>
  <si>
    <t>PUNTO DE PAGO- PLATIK - MISELANIA Y PAPELERIA MUNDO DE PAPEL</t>
  </si>
  <si>
    <t>CL 73 D SUR 14 A 39</t>
  </si>
  <si>
    <t>PUNTO DE PAGO- PLATIK - MEGLOBUBACOM</t>
  </si>
  <si>
    <t>CLL 11 S 12B 15</t>
  </si>
  <si>
    <t>PUNTO DE PAGO- PLATIK - MISELANIA MAFIS</t>
  </si>
  <si>
    <t>CR 113 78 C 06</t>
  </si>
  <si>
    <t>PUNTO DE PAGO- PLATIK - TECNOLOGIAS JIREH</t>
  </si>
  <si>
    <t>CR 45 73 42 SUR</t>
  </si>
  <si>
    <t>PUNTO DE PAGO- PLATIK - LYCANS TECHNOLOGY</t>
  </si>
  <si>
    <t>CL 163 8 74</t>
  </si>
  <si>
    <t>PUNTO DE PAGO- PLATIK - MULTIPAGOS ONLINE</t>
  </si>
  <si>
    <t>CR 18  10 21</t>
  </si>
  <si>
    <t>GUADUAS</t>
  </si>
  <si>
    <t>PUNTO DE PAGO- PLATIK - MUNICIPIO-SALON DIGITAL</t>
  </si>
  <si>
    <t>CALLE 4 4 63</t>
  </si>
  <si>
    <t>PUNTO DE PAGO- PLATIK - DISTRIJORGE</t>
  </si>
  <si>
    <t>CR 7  3 25</t>
  </si>
  <si>
    <t>PUNTO DE PAGO- PLATIK - DESTELLO FUCCSIA</t>
  </si>
  <si>
    <t>CR 7 E 90D 04 S</t>
  </si>
  <si>
    <t>PUNTO DE PAGO- PLATIK - MUNICIPIO-LUZ MARINA ROZO</t>
  </si>
  <si>
    <t>CRA 3A 2G 19</t>
  </si>
  <si>
    <t>PUNTO DE PAGO- PLATIK - MULTISERVICIOS CABITEL DYA</t>
  </si>
  <si>
    <t>KR 5 ESTE 25 I 39</t>
  </si>
  <si>
    <t>PUNTO DE PAGO- PLATIK - REPOSTERIA Y HELADERIA EL BULEVAR</t>
  </si>
  <si>
    <t>2000 MZ 1 LT 2</t>
  </si>
  <si>
    <t>PUNTO DE PAGO- PLATIK - CYBER NEUTRON</t>
  </si>
  <si>
    <t>MZ 3 LOTE 6</t>
  </si>
  <si>
    <t>PUNTO DE PAGO- PLATIK - PAPELERIA PATY</t>
  </si>
  <si>
    <t>CL 42F S 98 16</t>
  </si>
  <si>
    <t>PUNTO DE PAGO- PLATIK - VARIEDADES KARENCITA</t>
  </si>
  <si>
    <t>CR 49 142 05</t>
  </si>
  <si>
    <t>PUNTO DE PAGO- PLATIK - BENYGONZA</t>
  </si>
  <si>
    <t>TV 73B 61A 45 SUR</t>
  </si>
  <si>
    <t>PUNTO DE PAGO- PLATIK - SOLUCIONES BILBAO</t>
  </si>
  <si>
    <t>CLL 143 B 145 C 29</t>
  </si>
  <si>
    <t>PUNTO DE PAGO- PLATIK - DROGUERIAS GRUPO MEDICAL LIFE</t>
  </si>
  <si>
    <t>DG 85 85 14</t>
  </si>
  <si>
    <t>PUNTO DE PAGO- PLATIK - ZONA.TEC</t>
  </si>
  <si>
    <t>CRA 10A ESTE 48 27 LC 103</t>
  </si>
  <si>
    <t>PUNTO DE PAGO- PLATIK - PRODUCTOS DE ASEO LA PAISITA</t>
  </si>
  <si>
    <t>AV 1KR 27 29A 20 SUR</t>
  </si>
  <si>
    <t>PUNTO DE PAGO- PLATIK - TIENDA MARIA</t>
  </si>
  <si>
    <t>CL 29 S 29A 42</t>
  </si>
  <si>
    <t>PUNTO DE PAGO- PLATIK - PAPELERIA Y MICELANIA SYC</t>
  </si>
  <si>
    <t>CLL 25A 3 08</t>
  </si>
  <si>
    <t>PUNTO DE PAGO- PLATIK - PAPELERIA COPYTECH</t>
  </si>
  <si>
    <t>CR 16 63B 45</t>
  </si>
  <si>
    <t>PUNTO DE PAGO- PLATIK - PAPELERIA PAPELAZO</t>
  </si>
  <si>
    <t>CR 16 63 84 LC 2</t>
  </si>
  <si>
    <t>PUNTO DE PAGO- PLATIK - SOLO PAGOS</t>
  </si>
  <si>
    <t>CL77SUR4 60ET3A501</t>
  </si>
  <si>
    <t>PUNTO DE PAGO- PLATIK - PAPELERIA Y MISCELANEA MELLOS</t>
  </si>
  <si>
    <t>TR 73 A BIS B 35D 16 S</t>
  </si>
  <si>
    <t>PUNTO DE PAGO- PLATIK - OSCAR</t>
  </si>
  <si>
    <t>CL 160 59 22</t>
  </si>
  <si>
    <t>PUNTO DE PAGO- PLATIK - ANGELLS</t>
  </si>
  <si>
    <t>CRA 6O 102A 100</t>
  </si>
  <si>
    <t>PUNTO DE PAGO- PLATIK - VARIEDADES SARA</t>
  </si>
  <si>
    <t>TR 49A 70 26 SUR</t>
  </si>
  <si>
    <t>PUNTO DE PAGO- PLATIK - COMERCIALIZADORA JUANK</t>
  </si>
  <si>
    <t>CL 69A 91 10</t>
  </si>
  <si>
    <t>PUNTO DE PAGO- PLATIK - DROGUERIA Y PERFUMERIA JENNYFER</t>
  </si>
  <si>
    <t>CL 73D S 82F 08</t>
  </si>
  <si>
    <t>PUNTO DE PAGO- PLATIK - SENDA STILO</t>
  </si>
  <si>
    <t>CRA 24 16 09</t>
  </si>
  <si>
    <t>SAMACÁ</t>
  </si>
  <si>
    <t>PUNTO DE PAGO- PLATIK - PAPELERIA Y PAGOS PUNTO A LA MANO LYJ</t>
  </si>
  <si>
    <t>CR 4 6 31</t>
  </si>
  <si>
    <t>MONIQUIRÁ</t>
  </si>
  <si>
    <t>PUNTO DE PAGO- PLATIK - MUNICIPIO-VARIEDADES LUCIANA</t>
  </si>
  <si>
    <t>CALLE 19 8 55</t>
  </si>
  <si>
    <t>PUNTO DE PAGO- PLATIK - MUNICIPIO-ACA.NET</t>
  </si>
  <si>
    <t>CARRERA 5 18 19</t>
  </si>
  <si>
    <t>PUNTO DE PAGO- PLATIK - DIEGO ALEJANDRO BERNAL</t>
  </si>
  <si>
    <t>CL 47 8 99</t>
  </si>
  <si>
    <t>PUNTO DE PAGO- PLATIK - MUNICIPIO-DROGUERIAS FARMA HOGHAR</t>
  </si>
  <si>
    <t>CARRERA 3 5A 20</t>
  </si>
  <si>
    <t>SAN FRANCISCO</t>
  </si>
  <si>
    <t>PUNTO DE PAGO- PLATIK - MUNICIPIO-COMUNICACIONES MYM.COM</t>
  </si>
  <si>
    <t>CRA 2 2 29</t>
  </si>
  <si>
    <t>PUNTO DE PAGO- PLATIK - PUNTO DE CELULAR LA 90</t>
  </si>
  <si>
    <t>TV 113F 64B 18 LC 10</t>
  </si>
  <si>
    <t>PUNTO DE PAGO- PLATIK - COMPUTADORES Y ALGO MAS</t>
  </si>
  <si>
    <t>CLL 26 SUR 13J 17</t>
  </si>
  <si>
    <t>PUNTO DE PAGO- PLATIK - PAPELERIA Y VARIEDADES ISABET</t>
  </si>
  <si>
    <t>CL 33 SUR 87C 09 LC2</t>
  </si>
  <si>
    <t>PUNTO DE PAGO- PLATIK - PAPELERIA SANCHEZ</t>
  </si>
  <si>
    <t>CL 100A 135A 03</t>
  </si>
  <si>
    <t>PUNTO DE PAGO- PLATIK - MERCAFRUVER LOS TRES HERMANOS</t>
  </si>
  <si>
    <t>CLL 26 SUR 19C 55</t>
  </si>
  <si>
    <t>PUNTO DE PAGO- PLATIK - DROGUERIA JR PHARMA SANTA TERESA</t>
  </si>
  <si>
    <t>AV 9 166 76 LC 2</t>
  </si>
  <si>
    <t>PUNTO DE PAGO- PLATIK - MERCATODO EL DIVINO NIÑOJR</t>
  </si>
  <si>
    <t>CR 20 58 50</t>
  </si>
  <si>
    <t>CL 17 S 6B 02</t>
  </si>
  <si>
    <t>PUNTO DE PAGO- PLATIK - EMPAMI CENTRO DE SOLUCIONES</t>
  </si>
  <si>
    <t>CL 67 SUR 17F 08</t>
  </si>
  <si>
    <t>PUNTO DE PAGO- PLATIK - COPY PAGE WS</t>
  </si>
  <si>
    <t>KR 8 D ESTE 89 A 14 SUR</t>
  </si>
  <si>
    <t>PUNTO DE PAGO- PLATIK - EFECTY LA SIERRITA</t>
  </si>
  <si>
    <t>LA SIERRITS 4  83  91</t>
  </si>
  <si>
    <t>PUNTO DE PAGO- PLATIK - SUPER STAR</t>
  </si>
  <si>
    <t>CR 114 152 B 42</t>
  </si>
  <si>
    <t>PUNTO DE PAGO- PLATIK - INTERSERVICIO</t>
  </si>
  <si>
    <t>CL 129 103 31</t>
  </si>
  <si>
    <t>PUNTO DE PAGO- PLATIK - OP GAME &amp; GIFTS</t>
  </si>
  <si>
    <t>CL 20 82 52 LOC 252</t>
  </si>
  <si>
    <t>PUNTO DE PAGO- PLATIK - MISCELANEALA FUENTE DE LA ECONOMIA</t>
  </si>
  <si>
    <t>CR 93 D 72 47 SUR</t>
  </si>
  <si>
    <t>PUNTO DE PAGO- PLATIK - MRFOOD</t>
  </si>
  <si>
    <t>CR 9 17 69 S</t>
  </si>
  <si>
    <t>PUNTO DE PAGO- PLATIK - ROCK PAPER AND SCISSORS</t>
  </si>
  <si>
    <t>AV CL 100 62 19</t>
  </si>
  <si>
    <t>PUNTO DE PAGO- PLATIK - COMUNICACIONES EMSA</t>
  </si>
  <si>
    <t>CL 132D 158 33</t>
  </si>
  <si>
    <t>PUNTO DE PAGO- PLATIK - MOVIE HOME</t>
  </si>
  <si>
    <t>KR 95A 128 30</t>
  </si>
  <si>
    <t>PUNTO DE PAGO- PLATIK - EFECTY CAFE INTERNET LA DE @CARMEN</t>
  </si>
  <si>
    <t>CAMINO DEL MEDIO CLL 31 A 44</t>
  </si>
  <si>
    <t>PUNTO DE PAGO- PLATIK - AUTO VARGAS</t>
  </si>
  <si>
    <t>CRA 100  22A 12</t>
  </si>
  <si>
    <t>PUNTO DE PAGO- PLATIK - VARIEDADES MG</t>
  </si>
  <si>
    <t>KR 99A 26 80 S</t>
  </si>
  <si>
    <t>PUNTO DE PAGO- PLATIK - COMUNICACIONESNISSI</t>
  </si>
  <si>
    <t>PUNTO DE PAGO- PLATIK - AUTOSERVICIOS DULCE</t>
  </si>
  <si>
    <t>CRA 26 62 04 SUR</t>
  </si>
  <si>
    <t>PUNTO DE PAGO- PLATIK - PAPELERIA Y MISCELANEA L&amp;M</t>
  </si>
  <si>
    <t>TV 124A BIS  130F 66</t>
  </si>
  <si>
    <t>PUNTO DE PAGO- PLATIK - VARIEDADES SERVI EXPRES</t>
  </si>
  <si>
    <t>DG 100 C SUR 5 20</t>
  </si>
  <si>
    <t>PUNTO DE PAGO- PLATIK - DROGUERIA SUPER MEDICFARMA</t>
  </si>
  <si>
    <t>CR 3 29 04 S</t>
  </si>
  <si>
    <t>PUNTO DE PAGO- PLATIK - DROGUERIA SUPER MEDICFARMA 2</t>
  </si>
  <si>
    <t>CL 27 S 6 30</t>
  </si>
  <si>
    <t>PUNTO DE PAGO- PLATIK - PAPELERIA CHUCHINS</t>
  </si>
  <si>
    <t>CL 18 107 52</t>
  </si>
  <si>
    <t>PUNTO DE PAGO- PLATIK - CONFECCIONES LAUNER</t>
  </si>
  <si>
    <t>CRA 4B 190A 32</t>
  </si>
  <si>
    <t>PUNTO DE PAGO- PLATIK - COPYPAPEL DETALLES JELMI</t>
  </si>
  <si>
    <t>CR 18 20 23</t>
  </si>
  <si>
    <t>PUNTO DE PAGO- PLATIK - MUNICIPIO-CENTRO DE NEGOSIOS EL BOSQUE</t>
  </si>
  <si>
    <t>CALLE 12 10 55</t>
  </si>
  <si>
    <t>PUNTO DE PAGO- PLATIK - CORRESPONSAL YC</t>
  </si>
  <si>
    <t>CL 63 S 99C 46</t>
  </si>
  <si>
    <t>PUNTO DE PAGO- PLATIK - MUNICIPIO-TECNOLOGIA YACCESORIOS UNICELL</t>
  </si>
  <si>
    <t>CRA 1 13 61</t>
  </si>
  <si>
    <t>PUNTO DE PAGO- PLATIK - MANDRAKE CIGARRERÍA</t>
  </si>
  <si>
    <t>CR 7 48 04</t>
  </si>
  <si>
    <t>PUNTO DE PAGO- PLATIK - PAPELERIA MUNDO SORPRESAS</t>
  </si>
  <si>
    <t>KR 59B 131 49</t>
  </si>
  <si>
    <t>PUNTO DE PAGO- PLATIK - CELULARES PUNTO 90</t>
  </si>
  <si>
    <t>CR 90 69A 25</t>
  </si>
  <si>
    <t>PUNTO DE PAGO- PLATIK - CIGARRERIA 23</t>
  </si>
  <si>
    <t>CR 27 63A 15</t>
  </si>
  <si>
    <t>PUNTO DE PAGO- PLATIK - DISTRIBUIDORA DE BELLEZA MONALISA</t>
  </si>
  <si>
    <t>CL 67 115A 31</t>
  </si>
  <si>
    <t>PUNTO DE PAGO- PLATIK - COMUNICACIONES GUÍALE.COM</t>
  </si>
  <si>
    <t>DG 26 1A 15</t>
  </si>
  <si>
    <t>PUNTO DE PAGO- PLATIK - DIANA PAOLA MORENO ANGARITA</t>
  </si>
  <si>
    <t>CL 6S 1 04</t>
  </si>
  <si>
    <t>PUNTO DE PAGO- PLATIK -  DISTRITO BIKES SHOP</t>
  </si>
  <si>
    <t>CR 100  16 I 13</t>
  </si>
  <si>
    <t>PUNTO DE PAGO- PLATIK - PAPELERIA Y VARIEDADES BRAYAN</t>
  </si>
  <si>
    <t>CR91 36A 19</t>
  </si>
  <si>
    <t>PUNTO DE PAGO- PLATIK - LUIS FERNANDO GALEANO QUINTERO</t>
  </si>
  <si>
    <t>MZ 13 LT28</t>
  </si>
  <si>
    <t>PUNTO DE PAGO- PLATIK - SERVICIOS LORENA</t>
  </si>
  <si>
    <t>CR 3 7 08</t>
  </si>
  <si>
    <t>PUNTO DE PAGO- PLATIK - PAPELERIA LA NYKOLS</t>
  </si>
  <si>
    <t>CL67B SUR 65 39</t>
  </si>
  <si>
    <t>PUNTO DE PAGO- PLATIK - VAINILLA DETAILS</t>
  </si>
  <si>
    <t>KR 106A 64 02</t>
  </si>
  <si>
    <t>PUNTO DE PAGO- PLATIK - TIENDA MI JV</t>
  </si>
  <si>
    <t>TV 27H 72D 14 SUR</t>
  </si>
  <si>
    <t>PUNTO DE PAGO- PLATIK - DISTRIBUIDORA DE PRODUCTOS COSMÉTICOS CG</t>
  </si>
  <si>
    <t>CL 71D S 14 07 LOCAL 2</t>
  </si>
  <si>
    <t>PUNTO DE PAGO- PLATIK - CIGARRERIA DON FLAMI</t>
  </si>
  <si>
    <t>CR 78 72 20</t>
  </si>
  <si>
    <t>PUNTO DE PAGO- PLATIK - PRODUCTOS DE BELLEZA MARIANA</t>
  </si>
  <si>
    <t>CL 138 157 85</t>
  </si>
  <si>
    <t>PUNTO DE PAGO- PLATIK - VARIEDADES TADEO CARIDAD</t>
  </si>
  <si>
    <t>CA 13 VILLA MARGARITA</t>
  </si>
  <si>
    <t>PUNTO DE PAGO- PLATIK - MASCOTAS PELUPEET</t>
  </si>
  <si>
    <t>AK 50 29C 72 S</t>
  </si>
  <si>
    <t>PUNTO DE PAGO- PLATIK - ZAYD VARIEDADES Y PAPELERÍA</t>
  </si>
  <si>
    <t>CL 104 S 14 80</t>
  </si>
  <si>
    <t>CALDAS</t>
  </si>
  <si>
    <t>PUNTO DE PAGO- PLATIK - SERVICIOS &amp; PAPELERIA SAMYSEL</t>
  </si>
  <si>
    <t>CL 132 SUR 44 190</t>
  </si>
  <si>
    <t>PUNTO DE PAGO- PLATIK - MUNICIPIO-PAPELERIA MI LUGAR FAVORITO</t>
  </si>
  <si>
    <t>CALLE 12 6 91</t>
  </si>
  <si>
    <t>PUNTO DE PAGO- PLATIK - MUNICIPIO- COMERCIAL LA TORRE SAS</t>
  </si>
  <si>
    <t>CARRERA 3E  6 89</t>
  </si>
  <si>
    <t>PUNTO DE PAGO- PLATIK - PAPELERIA CECY</t>
  </si>
  <si>
    <t>CR 100 50B 45 S SEC 2</t>
  </si>
  <si>
    <t>PUNTO DE PAGO- PLATIK - TIENDA MARIN</t>
  </si>
  <si>
    <t>CL 54F SUR 91B 21</t>
  </si>
  <si>
    <t>LA ARGENTINA</t>
  </si>
  <si>
    <t>PUNTO DE PAGO- PLATIK - TECNOLOGY SOLUTIONS</t>
  </si>
  <si>
    <t>DG 13BIS S 24 27</t>
  </si>
  <si>
    <t>PUNTO DE PAGO- PLATIK - LEMON MOBILE</t>
  </si>
  <si>
    <t>CR 24 31B 52 S</t>
  </si>
  <si>
    <t>PUNTO DE PAGO- PLATIK - PLACE KIDS</t>
  </si>
  <si>
    <t>CL 31C SUR 3A 54 ESTE</t>
  </si>
  <si>
    <t>PUNTO DE PAGO- PLATIK - + QUE PAPEL</t>
  </si>
  <si>
    <t>CL 75D SUR 73L 03</t>
  </si>
  <si>
    <t>PUNTO DE PAGO- PLATIK - ELECTRO CENTER LA ARGENTINA</t>
  </si>
  <si>
    <t>CL 5E  5 26</t>
  </si>
  <si>
    <t>PUNTO DE PAGO- PLATIK - MUNICIPIO-PAPELERIA MICELANEA FOTOCOMPUTO</t>
  </si>
  <si>
    <t>CARRERA 10 23 55</t>
  </si>
  <si>
    <t>PUNTO DE PAGO- PLATIK - MUNICIPIO-CYBER ANGELES</t>
  </si>
  <si>
    <t>CALLE 73 2 08</t>
  </si>
  <si>
    <t>PUNTO DE PAGO- PLATIK - MUNICIPIO-PAPELERIA E INTERNET JK</t>
  </si>
  <si>
    <t>TV 2 BIS 65A 46</t>
  </si>
  <si>
    <t>PUNTO DE PAGO- PLATIK -  DON PAGO DE OCCIDENTE</t>
  </si>
  <si>
    <t>TV 78 D 10B 37</t>
  </si>
  <si>
    <t>PUNTO DE PAGO- PLATIK - BICICLETERIA JGONZALEZ</t>
  </si>
  <si>
    <t>CR 1 D BIS 49 A 21 SUR</t>
  </si>
  <si>
    <t>PUNTO DE PAGO- PLATIK - JUVENTUD INGLES</t>
  </si>
  <si>
    <t>DG 40 S 26A 40 LC 1</t>
  </si>
  <si>
    <t>PUNTO DE PAGO- PLATIK - CAFETERIA EL HOSPI DE URGENCIAS</t>
  </si>
  <si>
    <t>DG39SUR 3 35 ESTE</t>
  </si>
  <si>
    <t>PUNTO DE PAGO- PLATIK - TELE COMUNICACIONES  LUZ ELENA</t>
  </si>
  <si>
    <t>CALLE 51B 4 SUR 65</t>
  </si>
  <si>
    <t>PUNTO DE PAGO- PLATIK - NIKOLS TECNOLOGIC</t>
  </si>
  <si>
    <t>TV 1 65 D 58 SUR LC 160</t>
  </si>
  <si>
    <t>PUNTO DE PAGO- PLATIK - ESTILOS IVONNE</t>
  </si>
  <si>
    <t>AC 132 102 05</t>
  </si>
  <si>
    <t>PUNTO DE PAGO- PLATIK - COMPUCEL DC</t>
  </si>
  <si>
    <t>MZ 27 LT8</t>
  </si>
  <si>
    <t>PUNTO DE PAGO- PLATIK - CELL TOUCH MAS</t>
  </si>
  <si>
    <t>TV54CR88MZ42LT1P3</t>
  </si>
  <si>
    <t>PUNTO DE PAGO- PLATIK - JR PHARMA PRADERAS</t>
  </si>
  <si>
    <t>KR 11A 190 12 LC 23</t>
  </si>
  <si>
    <t>PUNTO DE PAGO- PLATIK - SOLUTIONS UNIVERSAL</t>
  </si>
  <si>
    <t>KR 69 B 26 36 SUR</t>
  </si>
  <si>
    <t>PUNTO DE PAGO- PLATIK - EL LOCAL DEL NORTE</t>
  </si>
  <si>
    <t>KR 136 16B 05</t>
  </si>
  <si>
    <t>PUNTO DE PAGO- PLATIK - TAMARINDO EXPRESS SAS</t>
  </si>
  <si>
    <t>CR 24  50 26</t>
  </si>
  <si>
    <t>PUNTO DE PAGO- PLATIK - SASTRERIA Y PAPELERIA SOFI</t>
  </si>
  <si>
    <t>KR 5 48 Z 03 SUR</t>
  </si>
  <si>
    <t>PUNTO DE PAGO- PLATIK - FENIX G Y E COMUNICACIONES</t>
  </si>
  <si>
    <t>CL  132D 126 A 23</t>
  </si>
  <si>
    <t>PUNTO DE PAGO- PLATIK - DLUXORSS</t>
  </si>
  <si>
    <t>CL 17 S 50 27</t>
  </si>
  <si>
    <t>PUNTO DE PAGO- PLATIK - GLOBAL SERVICES AND SUPPLIES SAS</t>
  </si>
  <si>
    <t>CL 4 SUR 19 03</t>
  </si>
  <si>
    <t>PUNTO DE PAGO- PLATIK - MIGUEL ALARCON</t>
  </si>
  <si>
    <t>CR 80 49B 03 SUR</t>
  </si>
  <si>
    <t>PUNTO DE PAGO- PLATIK - AJEGA SAS</t>
  </si>
  <si>
    <t>CR46 20C 84</t>
  </si>
  <si>
    <t>PUNTO DE PAGO- PLATIK - PAPELERIA ACUARELA</t>
  </si>
  <si>
    <t>CL 64 F 74 B 30</t>
  </si>
  <si>
    <t>PUNTO DE PAGO- PLATIK - MUNICIPIO-DISTRIBELLEZA LIZ</t>
  </si>
  <si>
    <t>TV 5 66A 12</t>
  </si>
  <si>
    <t>PUNTO DE PAGO- PLATIK - TECHNOLOGY STORE</t>
  </si>
  <si>
    <t>KR154 134 10</t>
  </si>
  <si>
    <t>PUNTO DE PAGO- PLATIK - MUNICIPIO MAPELERIA EMMANUELSAN</t>
  </si>
  <si>
    <t>DG 67 6 09</t>
  </si>
  <si>
    <t>PUNTO DE PAGO- PLATIK - INTER MASCOTAS</t>
  </si>
  <si>
    <t>CRA 109 23F 43</t>
  </si>
  <si>
    <t>PUNTO DE PAGO- PLATIK - PAPELERIA MAYO</t>
  </si>
  <si>
    <t>CRA 27Q 74B BIS 38 SUR</t>
  </si>
  <si>
    <t>PUNTO DE PAGO- PLATIK - TIENDA MILAN</t>
  </si>
  <si>
    <t>CL 45 18A 38</t>
  </si>
  <si>
    <t>CRA10 12 80 LC 109</t>
  </si>
  <si>
    <t>PUNTO DE PAGO- PLATIK - THE BLUE COMICS SAS</t>
  </si>
  <si>
    <t>CL 143 127A 29</t>
  </si>
  <si>
    <t>PUNTO DE PAGO- PLATIK - VARIEDADES LUNA</t>
  </si>
  <si>
    <t>CL 75A S 34 88</t>
  </si>
  <si>
    <t>ANAPOIMA</t>
  </si>
  <si>
    <t>PUNTO DE PAGO- PLATIK - MULTISERVICIOS NIA</t>
  </si>
  <si>
    <t>CR 5 7 16</t>
  </si>
  <si>
    <t>PUNTO DE PAGO- PLATIK - PAPELERIA MI COLEGIO</t>
  </si>
  <si>
    <t>CL 64F  72A 17</t>
  </si>
  <si>
    <t>PUNTO DE PAGO- PLATIK - MULTISOLUCIONES J Y L</t>
  </si>
  <si>
    <t>CL 47 52 12</t>
  </si>
  <si>
    <t>PUNTO DE PAGO- PLATIK -  APUESTAS LED</t>
  </si>
  <si>
    <t>KR 120A 23B 26</t>
  </si>
  <si>
    <t>PUNTO DE PAGO- PLATIK - MISELANEA EL EDEN</t>
  </si>
  <si>
    <t>CL 1C 53 82</t>
  </si>
  <si>
    <t>PUNTO DE PAGO- PLATIK - TECHNOPLANTAS</t>
  </si>
  <si>
    <t>CL 18 111 A 25</t>
  </si>
  <si>
    <t>PUNTO DE PAGO- PLATIK - MERCADOS DIEROS</t>
  </si>
  <si>
    <t>CR 91 A 75 03</t>
  </si>
  <si>
    <t>GARAGOA</t>
  </si>
  <si>
    <t>PUNTO DE PAGO- PLATIK - MUNICIPIO-SONIA RUEDA</t>
  </si>
  <si>
    <t>CARRERA 10 12 16</t>
  </si>
  <si>
    <t>PUNTO DE PAGO- PLATIK - VARIEDADES N&amp;S</t>
  </si>
  <si>
    <t>CR 109A 63A 35</t>
  </si>
  <si>
    <t>PUNTO DE PAGO- PLATIK - PAPELERIA NOVARA CENTRO DE SERVICIOS</t>
  </si>
  <si>
    <t>KR 94H 83B 39</t>
  </si>
  <si>
    <t>PUNTO DE PAGO- PLATIK - MONTESION</t>
  </si>
  <si>
    <t>CL 52A S 77U 17</t>
  </si>
  <si>
    <t>PUNTO DE PAGO- PLATIK - MASTER MECHANICS</t>
  </si>
  <si>
    <t>CL 42 A SUR 89 A 85</t>
  </si>
  <si>
    <t>PUNTO DE PAGO- PLATIK - MISCELÁNEA LA GRAN INOVACIÓN</t>
  </si>
  <si>
    <t>CLL 8 N 2 96 SUSA</t>
  </si>
  <si>
    <t>PUNTO DE PAGO- PLATIK - NEGOCIOS J&amp;R.E</t>
  </si>
  <si>
    <t>CR 12B 9C  75</t>
  </si>
  <si>
    <t>PUNTO DE PAGO- PLATIK - SUPERMERCADO A GRANEL GRANOS DEL CAMPO</t>
  </si>
  <si>
    <t>KR 129 139 54</t>
  </si>
  <si>
    <t>PUNTO DE PAGO- PLATIK -  MISELANEA Y PAPELERIA KAIROS</t>
  </si>
  <si>
    <t>CRA 42 71 51 S</t>
  </si>
  <si>
    <t>PUNTO DE PAGO- PLATIK - MULTIPAPELERIA M&amp;D</t>
  </si>
  <si>
    <t>CL 24 SUR 26 26</t>
  </si>
  <si>
    <t>PUNTO DE PAGO- PLATIK - VARIEDADES SOFILANDIA</t>
  </si>
  <si>
    <t>CL 66 S 21A 77</t>
  </si>
  <si>
    <t>PUNTO DE PAGO- PLATIK - LAS COSAS DE KOKO</t>
  </si>
  <si>
    <t>CRA111 A 22 D 53</t>
  </si>
  <si>
    <t>PUNTO DE PAGO- PLATIK -  MISELANEOS ARKOIRIS</t>
  </si>
  <si>
    <t>CR 64 77 28</t>
  </si>
  <si>
    <t>PUNTO DE PAGO- PLATIK - JOTAPE PAPELERIA</t>
  </si>
  <si>
    <t>AV SAN MARTIN 9 52</t>
  </si>
  <si>
    <t>PUNTO DE PAGO- PLATIK - MULTISERVICIOS YUMEVA</t>
  </si>
  <si>
    <t>CL 10  8 43</t>
  </si>
  <si>
    <t>PUNTO DE PAGO- PLATIK - CIGARRERIA Y PAPELERIA LOS PICAPIEDRA</t>
  </si>
  <si>
    <t>CL 62 SUR 43 09</t>
  </si>
  <si>
    <t>KR 45 A 70 C 108 SUR</t>
  </si>
  <si>
    <t>PUNTO DE PAGO- PLATIK - JEIMY ESTEFANIA ARIZA ARREDONDO</t>
  </si>
  <si>
    <t>CL 36H S 11C 97</t>
  </si>
  <si>
    <t>PUNTO DE PAGO- PLATIK - PETS SHOP</t>
  </si>
  <si>
    <t>CL 19 122 A 69</t>
  </si>
  <si>
    <t>PUNTO DE PAGO- PLATIK - PAPELERIA MOLAN</t>
  </si>
  <si>
    <t>CL 66A 77 17</t>
  </si>
  <si>
    <t>PUNTO DE PAGO- PLATIK - TEKNOPOLY 1</t>
  </si>
  <si>
    <t>CR 78 K 35 A O7 SUR</t>
  </si>
  <si>
    <t>PUNTO DE PAGO- PLATIK - SERVICIOS Y REPARACIONES EL 20</t>
  </si>
  <si>
    <t>20 DE JULIO</t>
  </si>
  <si>
    <t>PUNTO DE PAGO- PLATIK - CIGARRERIA Y CAFETERIA AS</t>
  </si>
  <si>
    <t>CL 31B  SUR  26D 64</t>
  </si>
  <si>
    <t>PUNTO DE PAGO- PLATIK - ROCKSTAR.NET</t>
  </si>
  <si>
    <t>CR 60 66 04</t>
  </si>
  <si>
    <t>PUNTO DE PAGO- PLATIK - PAPELERIA  MI SARITA</t>
  </si>
  <si>
    <t>CL 69 A 71 98</t>
  </si>
  <si>
    <t>PUNTO DE PAGO- PLATIK - PAPELERIA COPIADO PUNTO 72</t>
  </si>
  <si>
    <t>KR 11 71 69</t>
  </si>
  <si>
    <t>PUNTO DE PAGO- PLATIK - JUAN MANUEL FAJARDO HERNANDEZ</t>
  </si>
  <si>
    <t>CR 94A 71 46 SUR</t>
  </si>
  <si>
    <t>PUNTO DE PAGO- PLATIK - VARIEDADES ADRIAN</t>
  </si>
  <si>
    <t>CR 26 B 29A 16 S</t>
  </si>
  <si>
    <t>PUNTO DE PAGO- PLATIK - CELL TOUCH SAN JOSE</t>
  </si>
  <si>
    <t>DENIVEK00@GMAIL.COM</t>
  </si>
  <si>
    <t>PUNTO DE PAGO- PLATIK - CELL TOUCH</t>
  </si>
  <si>
    <t>MZ 42 LT 1</t>
  </si>
  <si>
    <t>PUNTO DE PAGO- PLATIK - DROGUERIA Y MINI MARKET PHARMA LIFE</t>
  </si>
  <si>
    <t>CL 17 A 98 85</t>
  </si>
  <si>
    <t>PUNTO DE PAGO- PLATIK - VARIEDADES LC</t>
  </si>
  <si>
    <t>TR 73 73B 42S</t>
  </si>
  <si>
    <t>PUNTO DE PAGO- PLATIK - MUNICIPIO-ASERVIS.JD</t>
  </si>
  <si>
    <t>CALLE 13 15 55</t>
  </si>
  <si>
    <t>PUNTO DE PAGO- PLATIK - MISCELANEA WD2</t>
  </si>
  <si>
    <t>CR 1 3 182</t>
  </si>
  <si>
    <t>PUNTO DE PAGO- PLATIK - MUNICIPIO-CELUTRONIK ACCESORIOS DE LA 11</t>
  </si>
  <si>
    <t>CALLE11 12 40</t>
  </si>
  <si>
    <t>PUNTO DE PAGO- PLATIK - DROGUERIAS VALUES</t>
  </si>
  <si>
    <t>CL 55A S 68A 15</t>
  </si>
  <si>
    <t>PUNTO DE PAGO- PLATIK - MULTISERVICE FLOR</t>
  </si>
  <si>
    <t>CL 13 80 D 09</t>
  </si>
  <si>
    <t>PUNTO DE PAGO- PLATIK - MUNICIPIO-TECHNOFASHIONS</t>
  </si>
  <si>
    <t>CRA 1 3  44</t>
  </si>
  <si>
    <t>PUNTO DE PAGO- PLATIK - MUNICIPIO-VARIEDADES LA TORRE</t>
  </si>
  <si>
    <t>CL 3 8 27</t>
  </si>
  <si>
    <t>PUNTO DE PAGO- PLATIK - LEIDY VANESSA JIMENEZ VELANDIA</t>
  </si>
  <si>
    <t>CL27 9-28  SUR</t>
  </si>
  <si>
    <t>PUNTO DE PAGO- PLATIK - MISELANEA LA UNICA</t>
  </si>
  <si>
    <t>CALLE 23 G 104 A65</t>
  </si>
  <si>
    <t>PUNTO DE PAGO- PLATIK - DROGUERIAS IXIA</t>
  </si>
  <si>
    <t>CL 14 SUR 22 63</t>
  </si>
  <si>
    <t>PUNTO DE PAGO- PLATIK - GREEN LIFE AND STRONG</t>
  </si>
  <si>
    <t>MZ 3 LT 1 ET 3 NUEVO BOSQUE</t>
  </si>
  <si>
    <t>PUNTO DE PAGO- PLATIK - PAPELERIA EL EMPERADOR</t>
  </si>
  <si>
    <t>CR 20 10 75</t>
  </si>
  <si>
    <t>PUNTO DE PAGO- PLATIK - IPHONE PURPPLE</t>
  </si>
  <si>
    <t>CL 72 F 111C 43</t>
  </si>
  <si>
    <t>PUNTO DE PAGO- PLATIK - SHIFU</t>
  </si>
  <si>
    <t>CL 161 61 21 L2</t>
  </si>
  <si>
    <t>PUNTO DE PAGO- PLATIK - SERVI RED 1</t>
  </si>
  <si>
    <t>CL 26 33 49</t>
  </si>
  <si>
    <t>PUNTO DE PAGO- PLATIK - SERVI RED 2</t>
  </si>
  <si>
    <t>CR 7 32 12 LOCAL 1</t>
  </si>
  <si>
    <t>PUNTO DE PAGO- PLATIK - MUNICIPIO-MULTISERVICIO 15 15</t>
  </si>
  <si>
    <t>CALLE 15 11 35</t>
  </si>
  <si>
    <t>PUNTO DE PAGO- PLATIK - PERFUMERIA DANUBIO</t>
  </si>
  <si>
    <t>DG 59 SUR 2 97</t>
  </si>
  <si>
    <t>PUNTO DE PAGO- PLATIK - MISCELANEA MELISSA</t>
  </si>
  <si>
    <t>CR 89 A 46 46 S</t>
  </si>
  <si>
    <t>FIRAVITOBA</t>
  </si>
  <si>
    <t>PUNTO DE PAGO- PLATIK - MUNICIPIO-VARIEDADES LIZ</t>
  </si>
  <si>
    <t>CRA 4  6  34</t>
  </si>
  <si>
    <t>MELGAR</t>
  </si>
  <si>
    <t>PUNTO DE PAGO- PLATIK - MULTISERVICIOS LAS 3 S</t>
  </si>
  <si>
    <t>CL 1 28A 09</t>
  </si>
  <si>
    <t>PUNTO DE PAGO- PLATIK - PUNTO DE INFORMACIÓN JAGUAR</t>
  </si>
  <si>
    <t>CL 14 SUR 19 20</t>
  </si>
  <si>
    <t>PUNTO DE PAGO- PLATIK - MUNICIPIO-PAPELERIA SANTIAGO</t>
  </si>
  <si>
    <t>CARRERA16 11 27</t>
  </si>
  <si>
    <t>PUNTO DE PAGO- PLATIK - VARIEDADES PAÑALERA</t>
  </si>
  <si>
    <t>KR 7 C ESTE 105 A 56 SUR</t>
  </si>
  <si>
    <t>PUNTO DE PAGO- PLATIK - TIENDA CARLEYS</t>
  </si>
  <si>
    <t>CL 23 B 116 B 03</t>
  </si>
  <si>
    <t>PUNTO DE PAGO- PLATIK - ACC&amp;TEL</t>
  </si>
  <si>
    <t>CR 63 72 13</t>
  </si>
  <si>
    <t>PUNTO DE PAGO- PLATIK - SURTICENTRO CUCUTA</t>
  </si>
  <si>
    <t>AV 4 NTE 6 6 00</t>
  </si>
  <si>
    <t>PUNTO DE PAGO- PLATIK - DROGUERIA MEDIGOOD</t>
  </si>
  <si>
    <t>CRA 80D 9 88</t>
  </si>
  <si>
    <t>PUNTO DE PAGO- PLATIK - ELISENIA ESTER PAYARES DORIA</t>
  </si>
  <si>
    <t>CL 74 SUR 80M 28</t>
  </si>
  <si>
    <t>PUNTO DE PAGO- PLATIK - PAPELERÍA SAMI</t>
  </si>
  <si>
    <t>KR 118A 17A 56</t>
  </si>
  <si>
    <t>PUNTO DE PAGO- PLATIK - MISELANEA MAURO</t>
  </si>
  <si>
    <t>CL 33 SUR 26G 17</t>
  </si>
  <si>
    <t>PUNTO DE PAGO- PLATIK - MARIA LUZ VERA</t>
  </si>
  <si>
    <t>CR 78K 73D 57 S</t>
  </si>
  <si>
    <t>CL 34A SUR 89C 17</t>
  </si>
  <si>
    <t>PUNTO DE PAGO- PLATIK - VARIEDADES Y PIJAMERIA DUBIS</t>
  </si>
  <si>
    <t>CL 90A SUR 15 23 ESTE</t>
  </si>
  <si>
    <t>PUNTO DE PAGO- PLATIK - MUNICIPIO-SERVICIOS&amp;SERVICIOS M.R</t>
  </si>
  <si>
    <t>CARRERA  26 3 24</t>
  </si>
  <si>
    <t>PUNTO DE PAGO- PLATIK - FERRETERIA Y VARIEDADES LA 51</t>
  </si>
  <si>
    <t>TV 51 21A 72</t>
  </si>
  <si>
    <t>PUNTO DE PAGO- PLATIK - VARIEDAD MADRID</t>
  </si>
  <si>
    <t>MZN 20 LT 20</t>
  </si>
  <si>
    <t>PUNTO DE PAGO- PLATIK - DISTRIBUIDORA Y PAPELERIA PAPPYRUS SAS</t>
  </si>
  <si>
    <t>CL 10 4 32 LC 2</t>
  </si>
  <si>
    <t>PUNTO DE PAGO- PLATIK - CLARO AGENTE AUTORIZADO</t>
  </si>
  <si>
    <t>CLL 42 A 80 G 53  SUR</t>
  </si>
  <si>
    <t>PUNTO DE PAGO- PLATIK - DROGUERIA ADULAM</t>
  </si>
  <si>
    <t>CLL 69F SUR 17P 04</t>
  </si>
  <si>
    <t>PUNTO DE PAGO- PLATIK - ELOHIM DISTRIBUCIONES</t>
  </si>
  <si>
    <t>CLL 62 SUR N5 18</t>
  </si>
  <si>
    <t>PUNTO DE PAGO- PLATIK - VARIEDADES EL NOGAL</t>
  </si>
  <si>
    <t>CL 9 72A 23</t>
  </si>
  <si>
    <t>PUNTO DE PAGO- PLATIK - MOVITECLA</t>
  </si>
  <si>
    <t>TV 54 30 32</t>
  </si>
  <si>
    <t>PUNTO DE PAGO- PLATIK - DROGUERIA Y VARIEDADES VILMA ESTER</t>
  </si>
  <si>
    <t>MZ F LT 6</t>
  </si>
  <si>
    <t>PUNTO DE PAGO- PLATIK - DISTRBUSIONES LA ESTRELLA DE GADAYAL</t>
  </si>
  <si>
    <t>CR 78 G 38 23 SUR</t>
  </si>
  <si>
    <t>PUNTO DE PAGO- PLATIK - PAPELERIA Y BARBERIA SAM</t>
  </si>
  <si>
    <t>CR 78A 79 SUR 53 MZ 1D IN 3</t>
  </si>
  <si>
    <t>PUNTO DE PAGO- PLATIK - WILLIAM</t>
  </si>
  <si>
    <t>CRA 109A 135B 12</t>
  </si>
  <si>
    <t>PUNTO DE PAGO- PLATIK - COMIDAS EL PARADERO</t>
  </si>
  <si>
    <t>CR 45 69J 15 SUR</t>
  </si>
  <si>
    <t>PUNTO DE PAGO- PLATIK - MUNICIPIO-CENTREODE SERVICIOS ECOSISTEMAS</t>
  </si>
  <si>
    <t>CARRERA 26 11A 27</t>
  </si>
  <si>
    <t>PUNTO DE PAGO- PLATIK - MUNICIPIO-CETRODE SERVICIOSECOSISTEMAS 2</t>
  </si>
  <si>
    <t>CARRERA 22 09 142</t>
  </si>
  <si>
    <t>PUNTO DE PAGO- PLATIK - VARIEDADES Q&amp;R</t>
  </si>
  <si>
    <t>TV 11C 6 SUR 52</t>
  </si>
  <si>
    <t>PUNTO DE PAGO- PLATIK -  EL BUHO LAPIZ CAFE</t>
  </si>
  <si>
    <t>CR16 63A 30</t>
  </si>
  <si>
    <t>PUNTO DE PAGO- PLATIK - VIVERES Y VARIEDADES LULU</t>
  </si>
  <si>
    <t>CR 102 72 47 SUR CASA 7</t>
  </si>
  <si>
    <t>PUNTO DE PAGO- PLATIK - MUNICIPIO-PAPELERIA COLLAGE</t>
  </si>
  <si>
    <t>CARRERA 11 2026</t>
  </si>
  <si>
    <t>PUNTO DE PAGO- PLATIK - MUNICIPIO-IPERMERCADO GRAN AHORRO</t>
  </si>
  <si>
    <t>CARRERA 18 5 10</t>
  </si>
  <si>
    <t>PUNTO DE PAGO- PLATIK - FARMA COUNTRY HIPERDROGUERIAS</t>
  </si>
  <si>
    <t>CL 134 9A 76</t>
  </si>
  <si>
    <t>PUNTO DE PAGO- PLATIK - PAPELERIA Y SERVICIOS SM</t>
  </si>
  <si>
    <t>KR 54 46 59 S</t>
  </si>
  <si>
    <t>PUNTO DE PAGO- PLATIK - T Y K  ACESORIOS</t>
  </si>
  <si>
    <t>CL 129  D 122 C 21</t>
  </si>
  <si>
    <t>PUNTO DE PAGO- PLATIK - INVERSIONES Y NEGOCIOS RD SAS</t>
  </si>
  <si>
    <t>CLL 3 A 69 B 03</t>
  </si>
  <si>
    <t>CL 74 B SUR 11 26</t>
  </si>
  <si>
    <t>PUNTO DE PAGO- PLATIK - LIBRERIA FERIA INTERNACIONAL</t>
  </si>
  <si>
    <t>CR37 25 37</t>
  </si>
  <si>
    <t>PUNTO DE PAGO- PLATIK - MISCELANEA Y PAPELERIA PAO</t>
  </si>
  <si>
    <t>CL 14 ESTE 60D28 SUR</t>
  </si>
  <si>
    <t>PUNTO DE PAGO- PLATIK - ALIADO SURTIMAX MERCAMIA</t>
  </si>
  <si>
    <t>CR 90B 70A  19</t>
  </si>
  <si>
    <t>PUNTO DE PAGO- PLATIK - CAFE INTERNET ATV</t>
  </si>
  <si>
    <t>TR 44 BIS  78 14 S</t>
  </si>
  <si>
    <t>PUNTO DE PAGO- PLATIK - LE NATURI</t>
  </si>
  <si>
    <t>CR 13 60 34 LOC32 CC COLORS 61</t>
  </si>
  <si>
    <t>PUNTO DE PAGO- PLATIK - INTERNET ROSI 37</t>
  </si>
  <si>
    <t>CR 98D 62A SUR 21 MZ 61</t>
  </si>
  <si>
    <t>PUNTO DE PAGO- PLATIK - JUAN MANUEL HERNANDEZ NIÑO</t>
  </si>
  <si>
    <t>CL 71 SUR 102 51</t>
  </si>
  <si>
    <t>PUNTO DE PAGO- PLATIK - MELANITAX</t>
  </si>
  <si>
    <t>KR 100 65 46 S</t>
  </si>
  <si>
    <t>PUNTO DE PAGO- PLATIK - FARMA 100</t>
  </si>
  <si>
    <t>CRA 100 23 G 25</t>
  </si>
  <si>
    <t>PUNTO DE PAGO- PLATIK - JDTECH TIENDA DE TECNOLOGIA</t>
  </si>
  <si>
    <t>CL 84 SUR 14A 48</t>
  </si>
  <si>
    <t>PUNTO DE PAGO- PLATIK - RESTAURANTE Y CAFETERIA CHAVIS</t>
  </si>
  <si>
    <t>CR 3A SUR 37C20 ESTE</t>
  </si>
  <si>
    <t>PUNTO DE PAGO- PLATIK - PAPELERIA SHADDAI.COM</t>
  </si>
  <si>
    <t>CR 9A 16A 185</t>
  </si>
  <si>
    <t>PUNTO DE PAGO- PLATIK - FERRETERÍA  RD21</t>
  </si>
  <si>
    <t>CL 68A 89 09</t>
  </si>
  <si>
    <t>PUNTO DE PAGO- PLATIK - TECHNO CENTER PLUS</t>
  </si>
  <si>
    <t>CRA 26 27A 12 SUR</t>
  </si>
  <si>
    <t>PUNTO DE PAGO- PLATIK - 20GB SERVICIO TECNICO</t>
  </si>
  <si>
    <t>CL 181C 13 91 APTO 40 502</t>
  </si>
  <si>
    <t>PUNTO DE PAGO- PLATIK - RD COMUNICACION</t>
  </si>
  <si>
    <t>CRA 100 16  16</t>
  </si>
  <si>
    <t>PUNTO DE PAGO- PLATIK - MUNICIPIO-BLANCA MORALES</t>
  </si>
  <si>
    <t>CARRERA 9A 11 10</t>
  </si>
  <si>
    <t>PUNTO DE PAGO- PLATIK - JORGE ALBEIRO MONTAÑA QUINTANA</t>
  </si>
  <si>
    <t>CL 72 SUR 104 41 BL 1 CS 42</t>
  </si>
  <si>
    <t>PUNTO DE PAGO- PLATIK - BIBIANA MARCELA AMAYA</t>
  </si>
  <si>
    <t>CR 18C 67 SUR 05</t>
  </si>
  <si>
    <t>PUNTO DE PAGO- PLATIK - VARIEDADES DANI</t>
  </si>
  <si>
    <t>CRA 20 22 68 SUR</t>
  </si>
  <si>
    <t>PUNTO DE PAGO- PLATIK - MISELANEA ARCOIRIS 2</t>
  </si>
  <si>
    <t>CRA 100 16 H 37</t>
  </si>
  <si>
    <t>PUNTO DE PAGO- PLATIK - JOSE ISRAEL PEÑA</t>
  </si>
  <si>
    <t>CL104 SUR 14 61</t>
  </si>
  <si>
    <t>PUNTO DE PAGO- PLATIK - MUNCIPIO-PAPELERIA YOLANDA</t>
  </si>
  <si>
    <t>CALLE 23 6 43</t>
  </si>
  <si>
    <t>PUNTO DE PAGO- PLATIK - SURTIVARIEDADES MAJO</t>
  </si>
  <si>
    <t>DG15 B 104 - 46</t>
  </si>
  <si>
    <t>PUNTO DE PAGO- PLATIK - DISTRIBUIDORA LAUVIC</t>
  </si>
  <si>
    <t>LA ISABELA MZ 1 CASA 6</t>
  </si>
  <si>
    <t>CLL 4 19A SUR 38</t>
  </si>
  <si>
    <t>PUNTO DE PAGO- PLATIK - CADAPA</t>
  </si>
  <si>
    <t>CLL 64 A  30 54</t>
  </si>
  <si>
    <t>PUNTO DE PAGO- PLATIK - PAPELERIA FRANCEDY</t>
  </si>
  <si>
    <t>CL 3 S 14 36</t>
  </si>
  <si>
    <t>UBAQUE</t>
  </si>
  <si>
    <t>PUNTO DE PAGO- PLATIK - COMUNICACIONES DE ORIENTE</t>
  </si>
  <si>
    <t>CR 5  2 01</t>
  </si>
  <si>
    <t>PUNTO DE PAGO- PLATIK - VARIEDADES NYG</t>
  </si>
  <si>
    <t>KR 7 104 14 SUR</t>
  </si>
  <si>
    <t>PUNTO DE PAGO- PLATIK - LIMPIEZA ABIHAIL</t>
  </si>
  <si>
    <t>CR 123 13 C 10</t>
  </si>
  <si>
    <t>PUNTO DE PAGO- PLATIK - SAMY GIRLS</t>
  </si>
  <si>
    <t>CLL 62 S 70 01</t>
  </si>
  <si>
    <t>CRA 7 24 89</t>
  </si>
  <si>
    <t>PUNTO DE PAGO- PLATIK - D ROSSY STORE</t>
  </si>
  <si>
    <t>CRA 87 K 56 F 86 SUR LC 110</t>
  </si>
  <si>
    <t>PUNTO DE PAGO- PLATIK - JO</t>
  </si>
  <si>
    <t>CL 63 H 117 17</t>
  </si>
  <si>
    <t>PUNTO DE PAGO- PLATIK - GRAN FRUVER Y ABARROTES EL SOCORRO</t>
  </si>
  <si>
    <t>CL 49 SUR 77P 03</t>
  </si>
  <si>
    <t>PUNTO DE PAGO- PLATIK - TIENDA DON DANNO</t>
  </si>
  <si>
    <t>CR 90A 26 28 SUR CASA 4A</t>
  </si>
  <si>
    <t>PUNTO DE PAGO- PLATIK - DROGUERIA LA HEROICA</t>
  </si>
  <si>
    <t>CLL 15 82A BARRIO SAN FERNANDO</t>
  </si>
  <si>
    <t>PUNTO DE PAGO- PLATIK - DISTRIPLAST HERMANOS GERRERO</t>
  </si>
  <si>
    <t>CLL 42 S 28 36</t>
  </si>
  <si>
    <t>PUNTO DE PAGO- PLATIK - GARCIA PAPELERIA</t>
  </si>
  <si>
    <t>KR 91 128A 59</t>
  </si>
  <si>
    <t>PUNTO DE PAGO- PLATIK - PAPELERIA MAGIC</t>
  </si>
  <si>
    <t>DG 13 BIS S 24 57</t>
  </si>
  <si>
    <t>PUNTO DE PAGO- PLATIK - PAPELERIA  HUELLITAS</t>
  </si>
  <si>
    <t>CL 132F 129 88</t>
  </si>
  <si>
    <t>PUNTO DE PAGO- PLATIK - R AURA MARIA HERRERA SANCHEZ</t>
  </si>
  <si>
    <t>CL 147 12 67</t>
  </si>
  <si>
    <t>PUNTO DE PAGO- PLATIK - MEGA EXPRESS COORDINADOR</t>
  </si>
  <si>
    <t>CL 18 103B 78</t>
  </si>
  <si>
    <t>PUNTO DE PAGO- PLATIK - DROGA EXPRES FARMA YA 1</t>
  </si>
  <si>
    <t>CR 87 C 69 B 12 S</t>
  </si>
  <si>
    <t>PUNTO DE PAGO- PLATIK - VARIEDADES Y PAPELERIA SAMU</t>
  </si>
  <si>
    <t>CLL 26 SUR 13J17 LC 3</t>
  </si>
  <si>
    <t>PUNTO DE PAGO- PLATIK - PAPELERIA  BUGS</t>
  </si>
  <si>
    <t>CL 123 7C 06</t>
  </si>
  <si>
    <t>PUNTO DE PAGO- PLATIK - LOS COSTEÑOS</t>
  </si>
  <si>
    <t>CR 2 81 53</t>
  </si>
  <si>
    <t>PUNTO DE PAGO- PLATIK - CAFE INTERNET RED BOX</t>
  </si>
  <si>
    <t>CR 126 A 136 A 07</t>
  </si>
  <si>
    <t>PUNTO DE PAGO- PLATIK - AIRPAGOS</t>
  </si>
  <si>
    <t>CR 105 16 H 77</t>
  </si>
  <si>
    <t>PUNTO DE PAGO- PLATIK - FLORES SAN FERNANDO</t>
  </si>
  <si>
    <t>CR 120 129 35</t>
  </si>
  <si>
    <t>PUNTO DE PAGO- PLATIK - DROGUERIA KAREN</t>
  </si>
  <si>
    <t>KR 100 23H 15</t>
  </si>
  <si>
    <t>PUNTO DE PAGO- PLATIK - DKOS COMUNICACIONES</t>
  </si>
  <si>
    <t>CLL 51 C SUR 89 A 77</t>
  </si>
  <si>
    <t>PUNTO DE PAGO- PLATIK - MISELANEA Y PAPELERÍA PRISMA</t>
  </si>
  <si>
    <t>CALLE 29A 34A 55</t>
  </si>
  <si>
    <t>PUNTO DE PAGO- PLATIK - DISTRIBUIDORA M.M</t>
  </si>
  <si>
    <t>MZ 10 LT 1</t>
  </si>
  <si>
    <t>PUNTO DE PAGO- PLATIK - PAPEL Y ARTE DE CARTAGENA</t>
  </si>
  <si>
    <t>CARRERA 5 100 05</t>
  </si>
  <si>
    <t>PUNTO DE PAGO- PLATIK - MUNICIPIO-CENTRO DE SERVICIOS MOVIL INTEGRAL</t>
  </si>
  <si>
    <t>MAZNA19 CASA2</t>
  </si>
  <si>
    <t>PUNTO DE PAGO- PLATIK - MUNICIPIO INTERNET MILENIUM</t>
  </si>
  <si>
    <t>PUNTO DE PAGO- PLATIK - MUNICIPIO BELLAVISTA SAN ANTONIO</t>
  </si>
  <si>
    <t>CALLE 4 418</t>
  </si>
  <si>
    <t>PUNTO DE PAGO- PLATIK - PAPELERIA Y REGALOS</t>
  </si>
  <si>
    <t>CR 59 152B 79  LC 137</t>
  </si>
  <si>
    <t>PUNTO DE PAGO- PLATIK - PAPELERIA NIMZAY</t>
  </si>
  <si>
    <t>DIG 53 9 9 S</t>
  </si>
  <si>
    <t>PUNTO DE PAGO- PLATIK - MERKATODO LAS DELICIAS</t>
  </si>
  <si>
    <t>CLL 49 H SUR 9A 06</t>
  </si>
  <si>
    <t>PUNTO DE PAGO- PLATIK - VARIEDADES MARIANITA</t>
  </si>
  <si>
    <t>URB PUERTAS DE LOS ALPES</t>
  </si>
  <si>
    <t>PUNTO DE PAGO- PLATIK - MOVILES DAVINCI</t>
  </si>
  <si>
    <t>CL 59C SUR 49 22</t>
  </si>
  <si>
    <t>PUNTO DE PAGO- PLATIK - RAPITIENDA DE SUBA</t>
  </si>
  <si>
    <t>CR 100A 141 10 LC3</t>
  </si>
  <si>
    <t>PUNTO DE PAGO- PLATIK - DROGUERIA SOY SALUD</t>
  </si>
  <si>
    <t>CL 62D S 75 I 12</t>
  </si>
  <si>
    <t>PUNTO DE PAGO- PLATIK - DROGUERIA MAE Y MINIMARKET S.A.S</t>
  </si>
  <si>
    <t>CR 32 25B 87</t>
  </si>
  <si>
    <t>PUNTO DE PAGO- PLATIK - PUNTO 26</t>
  </si>
  <si>
    <t>CR 30 25A 47</t>
  </si>
  <si>
    <t>PUNTO DE PAGO- PLATIK - MUNICIPIO MB COMPANY</t>
  </si>
  <si>
    <t>CARRERA 4 C 29 L108</t>
  </si>
  <si>
    <t>PUNTO DE PAGO- PLATIK - MUNICIPIO DISTRIBUIDORA JAIMERCAR</t>
  </si>
  <si>
    <t>CARRERA 4B 105  40</t>
  </si>
  <si>
    <t>PUNTO DE PAGO- PLATIK - PAPELERIA Y VARIEDADES SALOME</t>
  </si>
  <si>
    <t>CR 81 22A 35 P1 AP 3</t>
  </si>
  <si>
    <t>PUNTO DE PAGO- PLATIK - ATMA SERVICIO Y COMUNICACIONES</t>
  </si>
  <si>
    <t>CR 22G 58B 48 SUR 2 P 1</t>
  </si>
  <si>
    <t>PUNTO DE PAGO- PLATIK - CAFETERIA VIVERES RF</t>
  </si>
  <si>
    <t>KR 52 68 08</t>
  </si>
  <si>
    <t>PUNTO DE PAGO- PLATIK - CIGARRERIA LA ECONOMIA CS</t>
  </si>
  <si>
    <t>KR 142 143B 23</t>
  </si>
  <si>
    <t>PUNTO DE PAGO- PLATIK - V&amp;-ACCESORIOS</t>
  </si>
  <si>
    <t>CR 10 72 21</t>
  </si>
  <si>
    <t>PUNTO DE PAGO- PLATIK - LE RESERVA MINIMARKET</t>
  </si>
  <si>
    <t>CL 13B S 25B 60 E</t>
  </si>
  <si>
    <t>PUNTO DE PAGO- PLATIK - MUNICIPIO MB COMPANY LA 21</t>
  </si>
  <si>
    <t>CARRERA 4 ESTADIO CLL21 L017</t>
  </si>
  <si>
    <t>PUNTO DE PAGO- PLATIK - MISCELANEA E INTERNET PRIMAVERA</t>
  </si>
  <si>
    <t>CR 76 A 60 A 52 S</t>
  </si>
  <si>
    <t>PUNTO DE PAGO- PLATIK - PAÑALERIA Y MISCELANEA MILAGRITOS DE AMOR</t>
  </si>
  <si>
    <t>CL 74A 119C 26</t>
  </si>
  <si>
    <t>PUNTO DE PAGO- PLATIK - DROGUERIA FARMA ENCUENTRO R A</t>
  </si>
  <si>
    <t>CR 99 69 A 81</t>
  </si>
  <si>
    <t>PUNTO DE PAGO- PLATIK - SEGURIDAD SOCIAL EXPRES</t>
  </si>
  <si>
    <t>TV 47 5F BIS 45</t>
  </si>
  <si>
    <t>PUNTO DE PAGO- PLATIK - COPIAS PATY</t>
  </si>
  <si>
    <t>DG 9 4B 107</t>
  </si>
  <si>
    <t>PUNTO DE PAGO- PLATIK - DROGUERIA MEGASPHARMA II</t>
  </si>
  <si>
    <t>AV CR 50  31 42 S</t>
  </si>
  <si>
    <t>PUNTO DE PAGO- PLATIK - PAPELERÍA MISCELANEA ALEX</t>
  </si>
  <si>
    <t>KR 102 72 47 S CASA 113</t>
  </si>
  <si>
    <t>PUNTO DE PAGO- PLATIK - DROGUERIA HERMAR SH</t>
  </si>
  <si>
    <t>CR 19 MZ 13 LT 10</t>
  </si>
  <si>
    <t>PUNTO DE PAGO- PLATIK - VARIEDADES KLEMESNS</t>
  </si>
  <si>
    <t>CLL 31A S 26D 48</t>
  </si>
  <si>
    <t>PUNTO DE PAGO- PLATIK - DIANA PATRICIA MENDOZA CUBILOS</t>
  </si>
  <si>
    <t>CL68 99A 21</t>
  </si>
  <si>
    <t>PUNTO DE PAGO- PLATIK - CIBERNET RAQUELITA</t>
  </si>
  <si>
    <t>CR 9 E 29D 17</t>
  </si>
  <si>
    <t>PUNTO DE PAGO- PLATIK - MUNICIPIO WINNER-PACK</t>
  </si>
  <si>
    <t>CL 15 3 24</t>
  </si>
  <si>
    <t>PUNTO DE PAGO- PLATIK - DROGAS LA 46 JD</t>
  </si>
  <si>
    <t>CL 27SUR 10D31</t>
  </si>
  <si>
    <t>PUNTO DE PAGO- PLATIK - ASESORIA Y CONSULTORIAS JG PAGO FACIL</t>
  </si>
  <si>
    <t>KR 87 84A 78</t>
  </si>
  <si>
    <t>PUNTO DE PAGO- PLATIK - AGUAMARINA PET SPA</t>
  </si>
  <si>
    <t>CL 132D 158 19</t>
  </si>
  <si>
    <t>AV CL 72 110 B 21</t>
  </si>
  <si>
    <t>PUNTO DE PAGO- PLATIK - TELEYA.MURCIA</t>
  </si>
  <si>
    <t>CL 90S 7A 27</t>
  </si>
  <si>
    <t>PUNTO DE PAGO- PLATIK - LUCRY SWEETS AND COFFEE</t>
  </si>
  <si>
    <t>KR 100 22G 25</t>
  </si>
  <si>
    <t>PUNTO DE PAGO- PLATIK - DROGUERIA SIMUR</t>
  </si>
  <si>
    <t>CL 74 A SUR 80 N 97</t>
  </si>
  <si>
    <t>PUNTO DE PAGO- PLATIK - MEGAPAGO$</t>
  </si>
  <si>
    <t>CL 57 SUR 87A 15</t>
  </si>
  <si>
    <t>PUNTO DE PAGO- PLATIK - VARIEDADES D&amp;H</t>
  </si>
  <si>
    <t>CRA 140 B 138 32</t>
  </si>
  <si>
    <t>PUNTO DE PAGO- PLATIK - LA REALEZA</t>
  </si>
  <si>
    <t>CR 3 49 56 S</t>
  </si>
  <si>
    <t>PUNTO DE PAGO- PLATIK - DROGUERIA COPIESPERANZA 3</t>
  </si>
  <si>
    <t>CR 81 76 A 06</t>
  </si>
  <si>
    <t>SANTA MARÍA</t>
  </si>
  <si>
    <t>PUNTO DE PAGO- PLATIK - MUNICIPIO-PAPELERIA Y MISELANEA LAURA</t>
  </si>
  <si>
    <t>KR3 5 20</t>
  </si>
  <si>
    <t>PUNTO DE PAGO- PLATIK - VARIEDADES.COM</t>
  </si>
  <si>
    <t>CR 41 63 15 S</t>
  </si>
  <si>
    <t>PUNTO DE PAGO- PLATIK - INTERNACIONAL DE COMUNICACIONES</t>
  </si>
  <si>
    <t>CLL 19 S 20 A 15</t>
  </si>
  <si>
    <t>PUNTO DE PAGO- PLATIK - PAPELERIA EL DE TODITO DE ANITA</t>
  </si>
  <si>
    <t>CR 9ESTE 27A 08 SUR</t>
  </si>
  <si>
    <t>PUNTO DE PAGO- PLATIK - INTERNET SION</t>
  </si>
  <si>
    <t>DG 67 A SUR 77B 46</t>
  </si>
  <si>
    <t>PUNTO DE PAGO- PLATIK - PAPELERIA CHOTIS</t>
  </si>
  <si>
    <t>CR 69I 66 23</t>
  </si>
  <si>
    <t>PUNTO DE PAGO- PLATIK - E Y G ENERGI GROUP</t>
  </si>
  <si>
    <t>POZON M2 2LT 37</t>
  </si>
  <si>
    <t>PUNTO DE PAGO- PLATIK - LA GRAMA CIGARRERIA Y LICORES</t>
  </si>
  <si>
    <t>TV 74 11A 63</t>
  </si>
  <si>
    <t>PUNTO DE PAGO- PLATIK - PAPELERIA EL SOL</t>
  </si>
  <si>
    <t>CR 21 A 66 10 SUR</t>
  </si>
  <si>
    <t>PUNTO DE PAGO- PLATIK - PAPELERIA Y VARIEDADES J&amp;M</t>
  </si>
  <si>
    <t>CR 3F E 59 D 57 S</t>
  </si>
  <si>
    <t>PUNTO DE PAGO- PLATIK - JULIAN DANILO AMAYA TORRES</t>
  </si>
  <si>
    <t>CR 89A 90 41 IN5</t>
  </si>
  <si>
    <t>SAN LUIS DE GACENO</t>
  </si>
  <si>
    <t>PUNTO DE PAGO- PLATIK - MUNICIPIO-VARIEDADES FIESTA</t>
  </si>
  <si>
    <t>CALLE5 3 39</t>
  </si>
  <si>
    <t>PUNTO DE PAGO- PLATIK - PAPELERIA KAELYN</t>
  </si>
  <si>
    <t>CL 6BIS 90A 49</t>
  </si>
  <si>
    <t>PUNTO DE PAGO- PLATIK - QUE DETALLE</t>
  </si>
  <si>
    <t>CR 82  22 A  83</t>
  </si>
  <si>
    <t>PUNTO DE PAGO- PLATIK - PAPELERIA TIERRA BUENA</t>
  </si>
  <si>
    <t>KR 97 F 26 71 SUR CA 379</t>
  </si>
  <si>
    <t>PUNTO DE PAGO- PLATIK - MISCELANEA Y PAPELERIA AYLIN</t>
  </si>
  <si>
    <t>KR 66A 9A 25</t>
  </si>
  <si>
    <t>PUNTO DE PAGO- PLATIK - ART MAISON TATTO</t>
  </si>
  <si>
    <t>DG 2B 82 30 LC 26-28</t>
  </si>
  <si>
    <t>PUNTO DE PAGO- PLATIK - DANIEL AGUIRRE MONTOYA</t>
  </si>
  <si>
    <t>CR 17 19 26 SUR</t>
  </si>
  <si>
    <t>PUNTO DE PAGO- PLATIK -LA MAGIA DE LAS COMUNICACINES</t>
  </si>
  <si>
    <t>CR 29 62A 45 S</t>
  </si>
  <si>
    <t>PUNTO DE PAGO- PLATIK - DESECHABLES LA TERMINAL</t>
  </si>
  <si>
    <t>TRANS 54</t>
  </si>
  <si>
    <t>PUNTO DE PAGO- PLATIK - CV ARCOIRIS ADMINISTRADOR</t>
  </si>
  <si>
    <t>31 71-53</t>
  </si>
  <si>
    <t>PUNTO DE PAGO- PLATIK - DISTRIBUIDORA EL RINCONCITO</t>
  </si>
  <si>
    <t>CL 37BIS A SUR 1 04</t>
  </si>
  <si>
    <t>PUNTO DE PAGO- PLATIK - JAS PAPER</t>
  </si>
  <si>
    <t>CL 23 G  103 -51</t>
  </si>
  <si>
    <t>PUNTO DE PAGO- PLATIK - VARIEDAD Y PAPELERIA LUCHI</t>
  </si>
  <si>
    <t>TRANS 54 LT 1A AP 123</t>
  </si>
  <si>
    <t>TIBANÁ</t>
  </si>
  <si>
    <t>PUNTO DE PAGO- PLATIK - MUNICIPIO-DROGUERIA AMIGA</t>
  </si>
  <si>
    <t>CALLE 6 5 13</t>
  </si>
  <si>
    <t>PUNTO DE PAGO- PLATIK - MUNICIPIO-M&amp;N MUNDO DIGITAL</t>
  </si>
  <si>
    <t>PZ LCAL 4</t>
  </si>
  <si>
    <t>PUNTO DE PAGO- PLATIK - MISCELANIA CIELO</t>
  </si>
  <si>
    <t>CL 41 B S 78C 3</t>
  </si>
  <si>
    <t>PUNTO DE PAGO- PLATIK - PAPELERIA JOP</t>
  </si>
  <si>
    <t>CLL 74 A 62 33</t>
  </si>
  <si>
    <t>PUNTO DE PAGO- PLATIK - MISCELANEA LUIS ADRIAN</t>
  </si>
  <si>
    <t>KR 14 P 73 25 SUR</t>
  </si>
  <si>
    <t>PUNTO DE PAGO- PLATIK - ALCALA 1</t>
  </si>
  <si>
    <t>DG 69 A SUR 14 U 61</t>
  </si>
  <si>
    <t>PUNTO DE PAGO- PLATIK - CARLOS CASTAÑEDA</t>
  </si>
  <si>
    <t>CL 75B 94 05 LC102</t>
  </si>
  <si>
    <t>PUNTO DE PAGO- PLATIK - CIGARRERIA EL DORADO 1987</t>
  </si>
  <si>
    <t>DG 3C 8 63 ESTE</t>
  </si>
  <si>
    <t>PUNTO DE PAGO- PLATIK - CIGARRERIA BILLARES EL DORADO DESDE 1987</t>
  </si>
  <si>
    <t>CR 9ESTE 1A 16</t>
  </si>
  <si>
    <t>PUNTO DE PAGO- PLATIK - CIGARRERIA ESQUINA</t>
  </si>
  <si>
    <t>CR 48 B 72 A 52 S</t>
  </si>
  <si>
    <t>PUNTO DE PAGO- PLATIK - MISCELANEA NANY</t>
  </si>
  <si>
    <t>PUNTO DE PAGO- PLATIK - CONSTRUCTORA INMOBILIARIA A.M</t>
  </si>
  <si>
    <t>CR 91 129B 16</t>
  </si>
  <si>
    <t>PUNTO DE PAGO- PLATIK - SINDY PULGARIN</t>
  </si>
  <si>
    <t>CRA 98B 69 06 SUR INT 17</t>
  </si>
  <si>
    <t>CARRERA 4B 105 40</t>
  </si>
  <si>
    <t>PUNTO DE PAGO- CEAS - CEAUTO</t>
  </si>
  <si>
    <t>CL 15 40 01 VILLA MARIA</t>
  </si>
  <si>
    <t>PUNTO DE PAGO- PLATIK - FARMACOSTA M&amp;M</t>
  </si>
  <si>
    <t>MZ 12 LOTE 1</t>
  </si>
  <si>
    <t>PUNTO DE PAGO- PLATIK - INGENIERIA &amp; SERVICIOS</t>
  </si>
  <si>
    <t>KR 114 139A 20</t>
  </si>
  <si>
    <t>PUNTO DE PAGO- PLATIK - LUIS ALEJANDRO ARDILA MEDINA</t>
  </si>
  <si>
    <t>CALLE 139 112 29</t>
  </si>
  <si>
    <t>PUNTO DE PAGO- PLATIK - PAPELERIA BEATRIZ</t>
  </si>
  <si>
    <t>CLL 49 S Q 5J 86</t>
  </si>
  <si>
    <t>PUNTO DE PAGO- PLATIK - DONDE NARVAEZ</t>
  </si>
  <si>
    <t>CR 73F BIS 69F 60 S</t>
  </si>
  <si>
    <t>PUNTO DE PAGO- PLATIK - INVERSIONES RCH COORDINADOR</t>
  </si>
  <si>
    <t>CRA 53 82 86</t>
  </si>
  <si>
    <t>PUNTO DE PAGO- PLATIK - OPTIMOS ESTUDIO CREATIVO, IMPRESION DIGITAL</t>
  </si>
  <si>
    <t>CR 5 27 27</t>
  </si>
  <si>
    <t>PUNTO DE PAGO- PLATIK - VILLA CONTAINER</t>
  </si>
  <si>
    <t>CR 11 ESTE 43 05 S</t>
  </si>
  <si>
    <t>PUNTO DE PAGO- PLATIK - GRANOS Y FRUVER ESTEBITAN</t>
  </si>
  <si>
    <t>KR 14C 77B 21 SUR</t>
  </si>
  <si>
    <t>PUNTO DE PAGO- PLATIK - SERVIFIJOS</t>
  </si>
  <si>
    <t>CR 111A 72F 06</t>
  </si>
  <si>
    <t>PUNTO DE PAGO- PLATIK - PAPELERIA MISCELANIA LA VICTORIA JV 1</t>
  </si>
  <si>
    <t>CL 42 A 99 22 SUR</t>
  </si>
  <si>
    <t>PUNTO DE PAGO- PLATIK - PAPELERIA MISCELANIA LA VICTORIA JV 2</t>
  </si>
  <si>
    <t>CL 40 96 27 SUR</t>
  </si>
  <si>
    <t>PUNTO DE PAGO- PLATIK - MISELANEA STITCH</t>
  </si>
  <si>
    <t>KR 14 ESTE 76 33 S</t>
  </si>
  <si>
    <t>PUNTO DE PAGO- PLATIK - DORGUERIA CONDER T.B</t>
  </si>
  <si>
    <t>CR 97F 34A 30 S</t>
  </si>
  <si>
    <t>PUNTO DE PAGO- PLATIK -DROGUERIA C D 2</t>
  </si>
  <si>
    <t>CL 8 C 92 - 72</t>
  </si>
  <si>
    <t>PUNTO DE PAGO- PLATIK - INVERSIONES RCH SAS</t>
  </si>
  <si>
    <t>SAN CARLOS</t>
  </si>
  <si>
    <t>PUNTO DE PAGO- PLATIK - PAGO FÁCIL SAN CARLOS</t>
  </si>
  <si>
    <t>MZ1 LOTE 12</t>
  </si>
  <si>
    <t>PUNTO DE PAGO- PLATIK - METAPHARMA DROGUERIAS MINIMARKET</t>
  </si>
  <si>
    <t>CL 20D 96C98</t>
  </si>
  <si>
    <t>PUNTO DE PAGO- PLATIK - LA TIENDA DE ALEJO 1</t>
  </si>
  <si>
    <t>CL 33 S 6 45 E</t>
  </si>
  <si>
    <t>PUNTO DE PAGO- PLATIK - PAPELERIA ALEJANDRA 137</t>
  </si>
  <si>
    <t>CL 147 12 27</t>
  </si>
  <si>
    <t>PUNTO DE PAGO- PLATIK - DROGUERIA Y COSMETICA CEDRIREBAJAS</t>
  </si>
  <si>
    <t>CL 147 12 11</t>
  </si>
  <si>
    <t>PUNTO DE PAGO- PLATIK - PAPELERIA T.A.T</t>
  </si>
  <si>
    <t>VDA YACARANDA C M SAN RAFAEL</t>
  </si>
  <si>
    <t>PUNTO DE PAGO- PLATIK - MAXIDROGAS FREDONIA</t>
  </si>
  <si>
    <t>FREDONIA CLL 33 MZ 79 51</t>
  </si>
  <si>
    <t>PUNTO DE PAGO- PLATIK - FARMASERVICIO LA 82</t>
  </si>
  <si>
    <t>NUEBO PARAISO</t>
  </si>
  <si>
    <t>PUNTO DE PAGO- PLATIK - MAXIDROGAS 3</t>
  </si>
  <si>
    <t>LOS ALPES</t>
  </si>
  <si>
    <t>PUNTO DE PAGO- PLATIK - FARMASERVICIO LA 40</t>
  </si>
  <si>
    <t>LA CANDELARIA</t>
  </si>
  <si>
    <t>PUNTO DE PAGO- PLATIK - MAXIDROGAS 4</t>
  </si>
  <si>
    <t>NUEBO PARAISO (BOMBA DE TERPEL)</t>
  </si>
  <si>
    <t>PUNTO DE PAGO- PLATIK - MAXIDROGAS 5</t>
  </si>
  <si>
    <t>OLAYA ( LA ARROCERA)</t>
  </si>
  <si>
    <t>AV CR 50 31 42 S</t>
  </si>
  <si>
    <t>PUNTO DE PAGO- PLATIK - FARMALIFE PLUS</t>
  </si>
  <si>
    <t>CL 71 G SUR 14 14</t>
  </si>
  <si>
    <t>PUNTO DE PAGO- PLATIK - PANADERIA Y PASTELERIA GOYI´S GOURMET</t>
  </si>
  <si>
    <t>CR 82 13A 81</t>
  </si>
  <si>
    <t>PUNTO DE PAGO- PLATIK - VARIEDADES MAVASOWY</t>
  </si>
  <si>
    <t>CR 1 EST 24 14 S</t>
  </si>
  <si>
    <t>PUNTO DE PAGO- PLATIK - FARMA VARON</t>
  </si>
  <si>
    <t>KR 68L 38D 33 S</t>
  </si>
  <si>
    <t>PUNTO DE PAGO- PLATIK - SARY CAFE</t>
  </si>
  <si>
    <t>CL 100 16 75</t>
  </si>
  <si>
    <t>PUNTO DE PAGO- PLATIK - FERRETERÍA ANDRADE</t>
  </si>
  <si>
    <t>CL 56 SUR 4 K 24</t>
  </si>
  <si>
    <t>PUNTO DE PAGO- PLATIK - VARIEDADES ACM LEÓN</t>
  </si>
  <si>
    <t>CL 73 S 14 14</t>
  </si>
  <si>
    <t>PUNTO DE PAGO- PLATIK - LAVASECO BURBUJAS BLUE</t>
  </si>
  <si>
    <t>CR 40B 18 24 S</t>
  </si>
  <si>
    <t>PUNTO DE PAGO- CEAS - CEA AUTOPREMIER</t>
  </si>
  <si>
    <t>CRA 91 134A 07 P 2</t>
  </si>
  <si>
    <t>CR 52 68 08</t>
  </si>
  <si>
    <t>PUNTO DE PAGO- PLATIK - EXPRES</t>
  </si>
  <si>
    <t>CL 161 8C 68</t>
  </si>
  <si>
    <t>PUNTO DE PAGO- PLATIK - MOBA AIRES ACONDICIONADOS</t>
  </si>
  <si>
    <t>CL 17 F 115 03</t>
  </si>
  <si>
    <t>PUNTO DE PAGO- PLATIK - MISCELÁNEA</t>
  </si>
  <si>
    <t>PUNTO DE PAGO- PLATIK - PAPELERIA HUELLITAS</t>
  </si>
  <si>
    <t>PUNTO DE PAGO- CEAS - CEA JUAN KART</t>
  </si>
  <si>
    <t>CRA 2 54 29</t>
  </si>
  <si>
    <t>PUNTO DE PAGO- PLATIK - MISCELANIA Y ACCESORIOS JM</t>
  </si>
  <si>
    <t>CL 129D 104D 34</t>
  </si>
  <si>
    <t>PUNTO DE PAGO- PLATIK - F S M DISTRIBUCIONES</t>
  </si>
  <si>
    <t>CR 3 1 03</t>
  </si>
  <si>
    <t>PUNTO DE PAGO- PLATIK - PERCEPHONET</t>
  </si>
  <si>
    <t>CL 71 SUR 89 26</t>
  </si>
  <si>
    <t>PUNTO DE PAGO- PLATIK - MACRO-GIROS LU&amp;SA</t>
  </si>
  <si>
    <t>CR 7 40B 93</t>
  </si>
  <si>
    <t>PUNTO DE PAGO- PLATIK - SUPER ENVIOS Y PAPELERIA</t>
  </si>
  <si>
    <t>CL 21 8 81</t>
  </si>
  <si>
    <t>PUNTO DE PAGO- PLATIK - PAPELERIA Y MISCELANIA ESTEFANY</t>
  </si>
  <si>
    <t>CL 50B S 89A 58</t>
  </si>
  <si>
    <t>PUNTO DE PAGO- CEAS - CEA AUTO Y PISTA</t>
  </si>
  <si>
    <t>DG 23C 69 55 LC 1-231</t>
  </si>
  <si>
    <t>PUNTO DE PAGO- CEAS - CEA VISION VIAL</t>
  </si>
  <si>
    <t>CL 64 119A 51</t>
  </si>
  <si>
    <t>PUNTO DE PAGO- PLATIK - INTERNET LA 26</t>
  </si>
  <si>
    <t>CRA 26 112 116</t>
  </si>
  <si>
    <t>PUNTO DE PAGO- PLATIK - DROGUERIA GALENO 2</t>
  </si>
  <si>
    <t>MZ H LT 79</t>
  </si>
  <si>
    <t>PUNTO DE PAGO- PLATIK - TIEXI</t>
  </si>
  <si>
    <t>CRA 42 ESTE 38I 59</t>
  </si>
  <si>
    <t>PUNTO DE PAGO- PLATIK - SHOP DTODO</t>
  </si>
  <si>
    <t>CR 20 70D 45 SUR</t>
  </si>
  <si>
    <t>PUNTO DE PAGO- PLATIK - DON PAGO ALQUERIA LA FRAGUA</t>
  </si>
  <si>
    <t>CL 37B S 68F 58</t>
  </si>
  <si>
    <t>PUNTO DE PAGO- PLATIK - CIGARRERIA GABY</t>
  </si>
  <si>
    <t>KRA 109 N 152F 55</t>
  </si>
  <si>
    <t>PUNTO DE PAGO- PLATIK - MULTISERVICIO LA FLORIDA</t>
  </si>
  <si>
    <t>CR 87 70 A 08</t>
  </si>
  <si>
    <t>PUNTO DE PAGO- PLATIK - GRANERO LA ECONOMIA</t>
  </si>
  <si>
    <t>CR 86 F 56 23 SUR</t>
  </si>
  <si>
    <t>PUNTO DE PAGO- PLATIK - TEKNOPOLI 2</t>
  </si>
  <si>
    <t>CL 26 SUR 78 K 17</t>
  </si>
  <si>
    <t>PUNTO DE PAGO- CEAS - CEA NUEVO MILENIO</t>
  </si>
  <si>
    <t>CRA 16 57 22</t>
  </si>
  <si>
    <t>PUNTO DE PAGO- CEAS - CEA IR Y VENIR</t>
  </si>
  <si>
    <t>AV PRADILLA 2 09</t>
  </si>
  <si>
    <t>PUNTO DE PAGO- PLATIK - TIENDA MARBELLA</t>
  </si>
  <si>
    <t>CRA 5B 91 96</t>
  </si>
  <si>
    <t>PUNTO DE PAGO- PLATIK - COMERCIALIZADORA COLOMBIANA DE FRANQUICIAS S.A.S</t>
  </si>
  <si>
    <t>CL 33 A 21 09</t>
  </si>
  <si>
    <t>PUNTO DE PAGO- PLATIK - T Y K ACESORIOS</t>
  </si>
  <si>
    <t>CL 129 D 122 C 21</t>
  </si>
  <si>
    <t>CARRERA 26 3 24</t>
  </si>
  <si>
    <t>CR 5 2 01</t>
  </si>
  <si>
    <t>PUNTO DE PAGO- PLATIK - MULTISERVICIOS LA FRONTERA P&amp;P</t>
  </si>
  <si>
    <t>CR 24 45F 68</t>
  </si>
  <si>
    <t>PUNTO DE PAGO- PLATIK - MUNICIPIO-CENTRO DE COPIADO COPYPRINT</t>
  </si>
  <si>
    <t>CARRERA 10 2 10</t>
  </si>
  <si>
    <t>PUNTO DE PAGO- PLATIK - DROGUERIA NATURAL FARMACIA</t>
  </si>
  <si>
    <t>CL 4 1C 39</t>
  </si>
  <si>
    <t>PUNTO DE PAGO- PLATIK - THE BETS ACCESORIOS</t>
  </si>
  <si>
    <t>AV CR 68 75A 50</t>
  </si>
  <si>
    <t>PUNTO DE PAGO- PLATIK - LOS PAPELES DE SARA</t>
  </si>
  <si>
    <t>KR 10B S 2136 E</t>
  </si>
  <si>
    <t>PUNTO DE PAGO- PLATIK - CIGARRERIA Y CAFETERÍA LOS AISLADOS</t>
  </si>
  <si>
    <t>CL 37 SUR 51 G 06</t>
  </si>
  <si>
    <t>PUNTO DE PAGO- PLATIK - SALON DE ONCES PAN Y CAFE</t>
  </si>
  <si>
    <t>CL 15 119A-20</t>
  </si>
  <si>
    <t>PUNTO DE PAGO- PLATIK - EL BUHO LAPIZ CAFE</t>
  </si>
  <si>
    <t>PUNTO DE PAGO- PLATIK - IPVOX S.A.S</t>
  </si>
  <si>
    <t>CL 10 SUR 14 95</t>
  </si>
  <si>
    <t>CR 90B 70A 19</t>
  </si>
  <si>
    <t>PUNTO DE PAGO- PLATIK - AVIPOLLOLA 57</t>
  </si>
  <si>
    <t>CR 102 72 47 SUR</t>
  </si>
  <si>
    <t>PUNTO DE PAGO- CEAS - CEA AUTO STOP NORTE</t>
  </si>
  <si>
    <t>CRA 60 99 43</t>
  </si>
  <si>
    <t>GUAYABAL DE SÍQUIMA</t>
  </si>
  <si>
    <t>CARRERA 3E 6 89</t>
  </si>
  <si>
    <t>PUNTO DE PAGO- PLATIK - CAFE INTERNET ROCA VIVA NET</t>
  </si>
  <si>
    <t>CRA 145 144 61</t>
  </si>
  <si>
    <t>PUNTO DE PAGO- PLATIK - EL IMPERIO DEL ASEO M M</t>
  </si>
  <si>
    <t>CR 74 40A SUR 03</t>
  </si>
  <si>
    <t>PUNTO DE PAGO- PLATIK - PAPELERIA CRIS.COM Y MAS</t>
  </si>
  <si>
    <t>CR 96 71A 30</t>
  </si>
  <si>
    <t>CR 24 50 26</t>
  </si>
  <si>
    <t>PUNTO DE PAGO- PLATIK - VARIEDADES SOL NACIENTE</t>
  </si>
  <si>
    <t>CR 24 8 02 S</t>
  </si>
  <si>
    <t>PUNTO DE PAGO- PLATIK - CENTRO DE COPIADO ANDREA</t>
  </si>
  <si>
    <t>CL 9 SUR 19 05</t>
  </si>
  <si>
    <t>CL 5E 5 26</t>
  </si>
  <si>
    <t>PUNTO DE PAGO- PLATIK - VARIEDADES TURQUEZA</t>
  </si>
  <si>
    <t>CL 1 CRA 24 39</t>
  </si>
  <si>
    <t>PUNTO DE PAGO- PLATIK - OASIS DE LIMPIEZA</t>
  </si>
  <si>
    <t>TV 73F 39B SUR 36</t>
  </si>
  <si>
    <t>PUNTO DE PAGO- PLATIK - CREDITRADE SAS</t>
  </si>
  <si>
    <t>CR 57 44 53</t>
  </si>
  <si>
    <t>PUNTO DE PAGO- PLATIK - PUNTO CEL R&amp;C</t>
  </si>
  <si>
    <t>CL 26 S 78 44</t>
  </si>
  <si>
    <t>PUNTO DE PAGO- PLATIK - SOLUCIONES R Y P</t>
  </si>
  <si>
    <t>DG 5C BIS 45 34</t>
  </si>
  <si>
    <t>CL 132D 126 A 23</t>
  </si>
  <si>
    <t>CRA 100 16 16</t>
  </si>
  <si>
    <t>PUNTO DE PAGO- PLATIK - J"WALKER SHOP</t>
  </si>
  <si>
    <t>KR 9A 77 03 S</t>
  </si>
  <si>
    <t>PUNTO DE PAGO- PLATIK - SHIFU SANTA ISABEL</t>
  </si>
  <si>
    <t>KR 27 4 41</t>
  </si>
  <si>
    <t>PUNTO DE PAGO- PLATIK - MISELANEA Y PAPELERIA KAIROS</t>
  </si>
  <si>
    <t>PUNTO DE PAGO- PLATIK - SEVENKASE</t>
  </si>
  <si>
    <t>CR 98B 72 25 S CS26</t>
  </si>
  <si>
    <t>PUNTO DE PAGO- PLATIK - PUNTO FACIL P&amp;J</t>
  </si>
  <si>
    <t>CRA 21A 62 34 SUR</t>
  </si>
  <si>
    <t>PUNTO DE PAGO- PLATIK - MASIVOS EXPRESS KENNEDY</t>
  </si>
  <si>
    <t>CL 52 S 77M 04</t>
  </si>
  <si>
    <t>PUNTO DE PAGO- PLATIK - DONDE JUAN STEBAN 2</t>
  </si>
  <si>
    <t>CR 11ESTE 62C04 SUR</t>
  </si>
  <si>
    <t>PUNTO DE PAGO- PLATIK - DONDE JUAN STEBAN</t>
  </si>
  <si>
    <t>DG 43A BIS SUR 6B 30 ESTE</t>
  </si>
  <si>
    <t>PUNTO DE PAGO- PLATIK - DONDE JUAN STEBAN 4</t>
  </si>
  <si>
    <t>CR 13B ESTE 42A60 S</t>
  </si>
  <si>
    <t>PUNTO DE PAGO- PLATIK - PAPELERIA LA NUEVA PANTERA</t>
  </si>
  <si>
    <t>CL80C BIS 94- 12</t>
  </si>
  <si>
    <t>PUNTO DE PAGO- PLATIK - MISCELANEA KENIA</t>
  </si>
  <si>
    <t>CL 38D S 90A 90</t>
  </si>
  <si>
    <t>CLL 42 A 80 G 53 SUR</t>
  </si>
  <si>
    <t>PUNTO DE PAGO- PLATIK - DON PAGO SUCURSAL SUBA</t>
  </si>
  <si>
    <t>CL 158 92 00</t>
  </si>
  <si>
    <t>PUNTO DE PAGO- PLATIK - DON PAGO PRADERA</t>
  </si>
  <si>
    <t>CLL 60 S 4 C 47</t>
  </si>
  <si>
    <t>PUNTO DE PAGO- PLATIK - MUNICIPIO PAPELERIA Y MISELANEA SNATANDER FP</t>
  </si>
  <si>
    <t>AV NORTE 53 12</t>
  </si>
  <si>
    <t>PUNTO DE PAGO- PLATIK - DON PAGO MELENDEZ</t>
  </si>
  <si>
    <t>CR 224 07</t>
  </si>
  <si>
    <t>CR 94 4 86</t>
  </si>
  <si>
    <t>PUNTO DE PAGO- PLATIK - DON PAGO BUENOS AIRES</t>
  </si>
  <si>
    <t>CR 73 3 39</t>
  </si>
  <si>
    <t>PUNTO DE PAGO- PLATIK - DON PAGO LA 72</t>
  </si>
  <si>
    <t>CL 72 J 4 06 NORTE</t>
  </si>
  <si>
    <t>CL 74 3 03 NORTE</t>
  </si>
  <si>
    <t>PUNTO DE PAGO- PLATIK - DON PAGO ALEGRIA</t>
  </si>
  <si>
    <t>CRA 23 1 36 OESTE</t>
  </si>
  <si>
    <t>PUNTO DE PAGO- PLATIK - DON PAGO SOKA</t>
  </si>
  <si>
    <t>AV 7 53 51</t>
  </si>
  <si>
    <t>YOPAL</t>
  </si>
  <si>
    <t>PUNTO DE PAGO- PLATIK - MASIVOS EXPRESS YOPAL VILLA BENILDA</t>
  </si>
  <si>
    <t>CL 30 29 08</t>
  </si>
  <si>
    <t>PUNTO DE PAGO- PLATIK - MASIVOS ARACATACA CATAQUITA</t>
  </si>
  <si>
    <t>CL 8B 1 41</t>
  </si>
  <si>
    <t>PUNTO DE PAGO- PLATIK - MASIVOS EXPRESS FUSAGASUGA C/CIAL UNO A</t>
  </si>
  <si>
    <t>CL 8 9 50</t>
  </si>
  <si>
    <t>FLORIDABLANCA</t>
  </si>
  <si>
    <t>PUNTO DE PAGO- PLATIK - MASIVOS EXPRESS FLORIDABLANCA</t>
  </si>
  <si>
    <t>CR 9E 30 23</t>
  </si>
  <si>
    <t>SANTA ROSA DEL SUR</t>
  </si>
  <si>
    <t>PUNTO DE PAGO- PLATIK - MASIVOS EXPRESS SANTA ROSA DEL SUR</t>
  </si>
  <si>
    <t>CL 15 3 87</t>
  </si>
  <si>
    <t>PUNTO DE PAGO- PLATIK - HERCILIA CAMACHO FONSECA</t>
  </si>
  <si>
    <t>CR 17 20 A 04</t>
  </si>
  <si>
    <t>YACOPÍ</t>
  </si>
  <si>
    <t>PUNTO DE PAGO- PLATIK - MASIVOS EXPRESS YACOPI</t>
  </si>
  <si>
    <t>CL 3 9 44</t>
  </si>
  <si>
    <t>PUNTO DE PAGO- PLATIK - MASIVOS EXPRESS FUSAGASUGA</t>
  </si>
  <si>
    <t>CL 23 1B 63</t>
  </si>
  <si>
    <t>PUNTO DE PAGO- PLATIK - PARQUE AGROECOLÓGICO IIMUY SUACHA</t>
  </si>
  <si>
    <t>CORR 1 VER PANAMA MZ A C 1</t>
  </si>
  <si>
    <t>PUNTO DE PAGO- PLATIK - DON PAGO TINTALA</t>
  </si>
  <si>
    <t>CL 5 A SUR 87 D 43</t>
  </si>
  <si>
    <t>CL 64F 72A 17</t>
  </si>
  <si>
    <t>PUNTO DE PAGO- PLATIK - FARMABELTOR</t>
  </si>
  <si>
    <t>CL 8 6 01</t>
  </si>
  <si>
    <t>VILLANUEVA</t>
  </si>
  <si>
    <t>PUNTO DE PAGO- PLATIK - CARNES MAYRA</t>
  </si>
  <si>
    <t>CL 27 13 15</t>
  </si>
  <si>
    <t>PUNTO DE PAGO- PLATIK - SERVICIO TECNICO DJ</t>
  </si>
  <si>
    <t>CL 131B 106 08</t>
  </si>
  <si>
    <t>PUNTO DE PAGO- PLATIK - DROGUERIA SUPERFARMA DE LA 72 PLUS</t>
  </si>
  <si>
    <t>CR 80 72B 34</t>
  </si>
  <si>
    <t>PUNTO DE PAGO- PLATIK - PAPELERIA Y MISCELANIA AGATA</t>
  </si>
  <si>
    <t>CL 23H BIS 101B 06</t>
  </si>
  <si>
    <t>PUNTO DE PAGO- PLATIK - FLORISTERIA TIBABUYES</t>
  </si>
  <si>
    <t>CL 143 129A 05</t>
  </si>
  <si>
    <t>CR 82 22 A 83</t>
  </si>
  <si>
    <t>PUNTO DE PAGO- CEAS - CENTRO DE ENSEÑANZA AUTOMOVILISTICA AUTOMONACO</t>
  </si>
  <si>
    <t>CRA 72 53 77</t>
  </si>
  <si>
    <t>PUNTO DE PAGO- CEAS - CEA AUTORICHARD</t>
  </si>
  <si>
    <t>CL 25 SUR 69A 13</t>
  </si>
  <si>
    <t>PUNTO DE PAGO- PLATIK - PAPELERIA GREEN PAPER</t>
  </si>
  <si>
    <t>CL 31 C SUR 3A 67 ESTE</t>
  </si>
  <si>
    <t>PUNTO DE PAGO- PLATIK - PEDRO CASTIBLANCO</t>
  </si>
  <si>
    <t>CR 12D BIS 22B 29 SUR</t>
  </si>
  <si>
    <t>PUNTO DE PAGO- PLATIK - PAPELERIA COPY SERV</t>
  </si>
  <si>
    <t>CR 12 BIS 25 09 SUR</t>
  </si>
  <si>
    <t>PUNTO DE PAGO- PLATIK - LFKDISTRIBUCIONES PAPELERIA FLOR</t>
  </si>
  <si>
    <t>TV 97A 2 70 P TINTAL 3 T 12 AP 106</t>
  </si>
  <si>
    <t>PUNTO DE PAGO- PLATIK - DARISAGO LOGISTIC</t>
  </si>
  <si>
    <t>CL 57B SUR 63 31</t>
  </si>
  <si>
    <t>PUNTO DE PAGO- PLATIK - COMERCIALIZADORA JUANKA</t>
  </si>
  <si>
    <t>PUNTO DE PAGO- PLATIK - CONDUCCION MASTER</t>
  </si>
  <si>
    <t>CL 72 100 02</t>
  </si>
  <si>
    <t>PUNTO DE PAGO- PLATIK - PLASTICOS Y DESECHABLES PUNTO 82</t>
  </si>
  <si>
    <t>CR 72 22A58</t>
  </si>
  <si>
    <t>PUNTO DE PAGO- PLATIK - LIDA MARIA CAMELO GRIMALDO</t>
  </si>
  <si>
    <t>CL 69 SUR 89A 81</t>
  </si>
  <si>
    <t>PUNTO DE PAGO- PLATIK - SUMINISTROS Y PAPELERIA MYM</t>
  </si>
  <si>
    <t>CR 72 11B 33</t>
  </si>
  <si>
    <t>POPAYÁN</t>
  </si>
  <si>
    <t>PUNTO DE PAGO- PLATIK - ISABEL CRISTINA DAZA PACHECO</t>
  </si>
  <si>
    <t>CR 19 8 17</t>
  </si>
  <si>
    <t>EL CHARCO</t>
  </si>
  <si>
    <t>PUNTO DE PAGO- PLATIK - VARIEDADES DLY</t>
  </si>
  <si>
    <t>CR 2 11 03</t>
  </si>
  <si>
    <t>PUNTO DE PAGO- PLATIK - PAPELERIA GREEN PAPER II</t>
  </si>
  <si>
    <t>KR 9 E 36G 38 S</t>
  </si>
  <si>
    <t>PUNTO DE PAGO- PLATIK - PUNTO CADE</t>
  </si>
  <si>
    <t>CR 88I BIS 59 54 SUR</t>
  </si>
  <si>
    <t>PUNTO DE PAGO- PLATIK - PAPELERIA ZONA ZERO</t>
  </si>
  <si>
    <t>AVCL 63 77A 55</t>
  </si>
  <si>
    <t>PUNTO DE PAGO- PLATIK - VARIEDADES JCCHM</t>
  </si>
  <si>
    <t>CR 10 8-41 SUR</t>
  </si>
  <si>
    <t>PUNTO DE PAGO- PLATIK - PAPELERIA GREEN PAPER I</t>
  </si>
  <si>
    <t>KR 9 E 28C 18 S</t>
  </si>
  <si>
    <t>PUNTO DE PAGO- PLATIK - MUNICIPIO-FERNANADO CARDONA</t>
  </si>
  <si>
    <t>CRA 10 14 02</t>
  </si>
  <si>
    <t>PUNTO DE PAGO- PLATIK - MUNICIPIO-CALLE 12 EXITO</t>
  </si>
  <si>
    <t>CLL12 12 84LC 102</t>
  </si>
  <si>
    <t>PUNTO DE PAGO- PLATIK - MUNICIPIO- SERVICIO SOGAMOSO 1</t>
  </si>
  <si>
    <t>CRA 10 12 14</t>
  </si>
  <si>
    <t>PUNTO DE PAGO- PLATIK - MUNICIPIO-SERVIENVIOS SOGAMOSO 2</t>
  </si>
  <si>
    <t>CL 11 18 43</t>
  </si>
  <si>
    <t>TUTA</t>
  </si>
  <si>
    <t>PUNTO DE PAGO- PLATIK - MUNICIPIO-CYBERCOR TELECOOMUNICACIONES</t>
  </si>
  <si>
    <t>CALLE 6 7 71</t>
  </si>
  <si>
    <t>PUNTO DE PAGO- PLATIK - MUNICIPIO-COMPUTO TOTAL</t>
  </si>
  <si>
    <t>CARRERA 8 5 46</t>
  </si>
  <si>
    <t>PUNTO DE PAGO- PLATIK - PAPELERIA Y MISCELANEA LUCKY</t>
  </si>
  <si>
    <t>CL 132 132A 21</t>
  </si>
  <si>
    <t>PUNTO DE PAGO- PLATIK - MULTIPAGOS Y VARIEDADES RUKITA</t>
  </si>
  <si>
    <t>CR 87 B 66 C 21 S</t>
  </si>
  <si>
    <t>PUNTO DE PAGO- PLATIK - MISCELÁNEA Y PAPELERÍA ARTBLUE</t>
  </si>
  <si>
    <t>KR 82 5A 12 S</t>
  </si>
  <si>
    <t>PUNTO DE PAGO- PLATIK - CIGARRERIA Y MISCELANEA SERGIOS MLI</t>
  </si>
  <si>
    <t>KR 96B 17B 31</t>
  </si>
  <si>
    <t>PUNTO DE PAGO- PLATIK - DROGUERIA SAN ANTONIO</t>
  </si>
  <si>
    <t>CL 23D 106 37</t>
  </si>
  <si>
    <t>SOATÁ</t>
  </si>
  <si>
    <t>PUNTO DE PAGO- CEAS - C.E.A TUNDAMA SOATA</t>
  </si>
  <si>
    <t>CRA 5 10 72</t>
  </si>
  <si>
    <t>PUNTO DE PAGO- CEAS - CEA MASTERCARS</t>
  </si>
  <si>
    <t>CRA 24 68 71 P 3</t>
  </si>
  <si>
    <t>PUNTO DE PAGO- CEAS - ACADEMIA UNIVERSAL DE AUTOMOVILISMO LTDA</t>
  </si>
  <si>
    <t>CL 19 SUR 15 08</t>
  </si>
  <si>
    <t>LA DORADA</t>
  </si>
  <si>
    <t>PUNTO DE PAGO- CEAS - ACADEMIA AUTOMOVILISTICA GUIA LTDA</t>
  </si>
  <si>
    <t>CRA 2 14 60</t>
  </si>
  <si>
    <t>PUNTO DE PAGO- PLATIK - PAPELERIA MECAM E INTERRAPIDISIMO</t>
  </si>
  <si>
    <t>CRA 8 45 7 LC 2</t>
  </si>
  <si>
    <t>PUNTO DE PAGO- PLATIK - FARMA EXPRESS Y VARIEDADES</t>
  </si>
  <si>
    <t>CRA3D 45 H 34</t>
  </si>
  <si>
    <t>PUNTO DE PAGO- PLATIK - SYCSERVICIOS</t>
  </si>
  <si>
    <t>CL 1 6A 15</t>
  </si>
  <si>
    <t>PUNTO DE PAGO- PLATIK - COLPAGOS MONTERIA-CARMEN LUCIA NEGRETE RAMOS</t>
  </si>
  <si>
    <t>CLL 5 9-40</t>
  </si>
  <si>
    <t>PUNTO DE PAGO- PLATIK - DROGUERIA PROVERBIOS</t>
  </si>
  <si>
    <t>MZ 11 LT 16</t>
  </si>
  <si>
    <t>PUNTO DE PAGO- PLATIK - ANDERSON CELL</t>
  </si>
  <si>
    <t>OUTLET DEL BOSQUE</t>
  </si>
  <si>
    <t>PUNTO DE PAGO- PLATIK - BARANOA VIAJES Y TURISMO SAS</t>
  </si>
  <si>
    <t>CL 8 SUR 35A 39</t>
  </si>
  <si>
    <t>PUNTO DE PAGO- PLATIK - COMUNICACIONES JYL</t>
  </si>
  <si>
    <t>KR 97F 26 71 S</t>
  </si>
  <si>
    <t>PUNTO DE PAGO- PLATIK - CIGARRERIA ICATA EXPRESS</t>
  </si>
  <si>
    <t>CLL 152 A 8 A 96</t>
  </si>
  <si>
    <t>PUNTO DE PAGO- PLATIK - MATMA TIENDA DE MASCOTAS</t>
  </si>
  <si>
    <t>CL 23D 107 59</t>
  </si>
  <si>
    <t>PUNTO DE PAGO- PLATIK - CIGARRERIA BAR EL DORADO 1985</t>
  </si>
  <si>
    <t>CL 1 BIS B 2 27</t>
  </si>
  <si>
    <t>PUNTO DE PAGO- PLATIK - PAPELERIA SUCRE</t>
  </si>
  <si>
    <t>KR 3 A 111 09 SUR</t>
  </si>
  <si>
    <t>PUNTO DE PAGO- COMUNIQUEMONOS CORP S.A.S</t>
  </si>
  <si>
    <t>CR 6 53 29 TORREON EMPRESARIAL OF 804</t>
  </si>
  <si>
    <t xml:space="preserve">CR 77 C 61 05 </t>
  </si>
  <si>
    <t>PUNTO DE PAGO- PLATIK - PAPELERIA BETTY</t>
  </si>
  <si>
    <t>CR19A 8A 36 LOC 0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>
    <font>
      <sz val="11"/>
      <color theme="1"/>
      <name val="Calibri"/>
      <family val="2"/>
      <scheme val="minor"/>
    </font>
    <font>
      <b/>
      <sz val="9"/>
      <color rgb="FFFFFFFF"/>
      <name val="Scotia"/>
      <family val="2"/>
    </font>
    <font>
      <sz val="9"/>
      <color theme="1"/>
      <name val="Scotia"/>
      <family val="2"/>
    </font>
  </fonts>
  <fills count="3">
    <fill>
      <patternFill patternType="none"/>
    </fill>
    <fill>
      <patternFill patternType="gray125"/>
    </fill>
    <fill>
      <patternFill patternType="solid">
        <fgColor rgb="FFC00000"/>
        <bgColor indexed="64"/>
      </patternFill>
    </fill>
  </fills>
  <borders count="5">
    <border>
      <left/>
      <right/>
      <top/>
      <bottom/>
      <diagonal/>
    </border>
    <border>
      <left/>
      <right style="thin">
        <color rgb="FFFFFFFF"/>
      </right>
      <top style="thin">
        <color rgb="FF808080"/>
      </top>
      <bottom/>
      <diagonal/>
    </border>
    <border>
      <left/>
      <right style="thin">
        <color rgb="FFFFFFFF"/>
      </right>
      <top style="thin">
        <color rgb="FF808080"/>
      </top>
      <bottom style="thin">
        <color rgb="FFFFFFFF"/>
      </bottom>
      <diagonal/>
    </border>
    <border>
      <left style="thin">
        <color rgb="FFFFFFFF"/>
      </left>
      <right/>
      <top style="thin">
        <color rgb="FF808080"/>
      </top>
      <bottom style="thin">
        <color rgb="FFFFFFFF"/>
      </bottom>
      <diagonal/>
    </border>
    <border>
      <left style="thin">
        <color rgb="FFFFFFFF"/>
      </left>
      <right style="thin">
        <color rgb="FF808080"/>
      </right>
      <top style="thin">
        <color rgb="FF808080"/>
      </top>
      <bottom style="thin">
        <color rgb="FFFFFFFF"/>
      </bottom>
      <diagonal/>
    </border>
  </borders>
  <cellStyleXfs count="1">
    <xf numFmtId="0" fontId="0" fillId="0" borderId="0"/>
  </cellStyleXfs>
  <cellXfs count="7">
    <xf numFmtId="0" fontId="0" fillId="0" borderId="0" xfId="0"/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center" vertical="center"/>
    </xf>
    <xf numFmtId="0" fontId="2" fillId="0" borderId="0" xfId="0" applyFont="1"/>
    <xf numFmtId="1" fontId="2" fillId="0" borderId="0" xfId="0" applyNumberFormat="1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CEF805-D747-49D5-9791-1D825035828C}">
  <dimension ref="A1:G4079"/>
  <sheetViews>
    <sheetView tabSelected="1" workbookViewId="0"/>
  </sheetViews>
  <sheetFormatPr baseColWidth="10" defaultRowHeight="14.5"/>
  <cols>
    <col min="1" max="1" width="20.90625" customWidth="1"/>
    <col min="3" max="3" width="14.90625" customWidth="1"/>
    <col min="4" max="4" width="14.08984375" customWidth="1"/>
    <col min="6" max="6" width="38.453125" customWidth="1"/>
    <col min="7" max="7" width="25.08984375" customWidth="1"/>
  </cols>
  <sheetData>
    <row r="1" spans="1:7">
      <c r="A1" s="1" t="s">
        <v>0</v>
      </c>
      <c r="B1" s="1" t="s">
        <v>1</v>
      </c>
      <c r="C1" s="2" t="s">
        <v>2</v>
      </c>
      <c r="D1" s="3" t="s">
        <v>3</v>
      </c>
      <c r="E1" s="3" t="s">
        <v>4</v>
      </c>
      <c r="F1" s="3" t="s">
        <v>5</v>
      </c>
      <c r="G1" s="4" t="s">
        <v>6</v>
      </c>
    </row>
    <row r="2" spans="1:7">
      <c r="A2" s="5" t="s">
        <v>7</v>
      </c>
      <c r="B2" s="5">
        <v>1</v>
      </c>
      <c r="C2" s="5" t="s">
        <v>8</v>
      </c>
      <c r="D2" s="5" t="s">
        <v>8</v>
      </c>
      <c r="E2" s="6">
        <v>11001</v>
      </c>
      <c r="F2" s="5" t="s">
        <v>9</v>
      </c>
      <c r="G2" s="5" t="s">
        <v>10</v>
      </c>
    </row>
    <row r="3" spans="1:7">
      <c r="A3" s="5" t="s">
        <v>7</v>
      </c>
      <c r="B3" s="5">
        <v>2</v>
      </c>
      <c r="C3" s="5" t="s">
        <v>8</v>
      </c>
      <c r="D3" s="5" t="s">
        <v>8</v>
      </c>
      <c r="E3" s="6">
        <v>11001</v>
      </c>
      <c r="F3" s="5" t="s">
        <v>11</v>
      </c>
      <c r="G3" s="5" t="s">
        <v>12</v>
      </c>
    </row>
    <row r="4" spans="1:7">
      <c r="A4" s="5" t="s">
        <v>7</v>
      </c>
      <c r="B4" s="5">
        <v>3</v>
      </c>
      <c r="C4" s="5" t="s">
        <v>8</v>
      </c>
      <c r="D4" s="5" t="s">
        <v>8</v>
      </c>
      <c r="E4" s="6">
        <v>11001</v>
      </c>
      <c r="F4" s="5" t="s">
        <v>13</v>
      </c>
      <c r="G4" s="5" t="s">
        <v>14</v>
      </c>
    </row>
    <row r="5" spans="1:7">
      <c r="A5" s="5" t="s">
        <v>7</v>
      </c>
      <c r="B5" s="5">
        <v>4</v>
      </c>
      <c r="C5" s="5" t="s">
        <v>8</v>
      </c>
      <c r="D5" s="5" t="s">
        <v>8</v>
      </c>
      <c r="E5" s="6">
        <v>11001</v>
      </c>
      <c r="F5" s="5" t="s">
        <v>15</v>
      </c>
      <c r="G5" s="5" t="s">
        <v>16</v>
      </c>
    </row>
    <row r="6" spans="1:7">
      <c r="A6" s="5" t="s">
        <v>7</v>
      </c>
      <c r="B6" s="5">
        <v>5</v>
      </c>
      <c r="C6" s="5" t="s">
        <v>8</v>
      </c>
      <c r="D6" s="5" t="s">
        <v>8</v>
      </c>
      <c r="E6" s="6">
        <v>11001</v>
      </c>
      <c r="F6" s="5" t="s">
        <v>17</v>
      </c>
      <c r="G6" s="5" t="s">
        <v>18</v>
      </c>
    </row>
    <row r="7" spans="1:7">
      <c r="A7" s="5" t="s">
        <v>7</v>
      </c>
      <c r="B7" s="5">
        <v>6</v>
      </c>
      <c r="C7" s="5" t="s">
        <v>8</v>
      </c>
      <c r="D7" s="5" t="s">
        <v>8</v>
      </c>
      <c r="E7" s="6">
        <v>11001</v>
      </c>
      <c r="F7" s="5" t="s">
        <v>19</v>
      </c>
      <c r="G7" s="5" t="s">
        <v>20</v>
      </c>
    </row>
    <row r="8" spans="1:7">
      <c r="A8" s="5" t="s">
        <v>7</v>
      </c>
      <c r="B8" s="5">
        <v>7</v>
      </c>
      <c r="C8" s="5" t="s">
        <v>8</v>
      </c>
      <c r="D8" s="5" t="s">
        <v>8</v>
      </c>
      <c r="E8" s="6">
        <v>11001</v>
      </c>
      <c r="F8" s="5" t="s">
        <v>21</v>
      </c>
      <c r="G8" s="5" t="s">
        <v>22</v>
      </c>
    </row>
    <row r="9" spans="1:7">
      <c r="A9" s="5" t="s">
        <v>7</v>
      </c>
      <c r="B9" s="5">
        <v>8</v>
      </c>
      <c r="C9" s="5" t="s">
        <v>8</v>
      </c>
      <c r="D9" s="5" t="s">
        <v>8</v>
      </c>
      <c r="E9" s="6">
        <v>11001</v>
      </c>
      <c r="F9" s="5" t="s">
        <v>23</v>
      </c>
      <c r="G9" s="5" t="s">
        <v>24</v>
      </c>
    </row>
    <row r="10" spans="1:7">
      <c r="A10" s="5" t="s">
        <v>7</v>
      </c>
      <c r="B10" s="5">
        <v>9</v>
      </c>
      <c r="C10" s="5" t="s">
        <v>8</v>
      </c>
      <c r="D10" s="5" t="s">
        <v>8</v>
      </c>
      <c r="E10" s="6">
        <v>11001</v>
      </c>
      <c r="F10" s="5" t="s">
        <v>25</v>
      </c>
      <c r="G10" s="5" t="s">
        <v>26</v>
      </c>
    </row>
    <row r="11" spans="1:7">
      <c r="A11" s="5" t="s">
        <v>7</v>
      </c>
      <c r="B11" s="5">
        <v>10</v>
      </c>
      <c r="C11" s="5" t="s">
        <v>8</v>
      </c>
      <c r="D11" s="5" t="s">
        <v>8</v>
      </c>
      <c r="E11" s="6">
        <v>11001</v>
      </c>
      <c r="F11" s="5" t="s">
        <v>27</v>
      </c>
      <c r="G11" s="5" t="s">
        <v>28</v>
      </c>
    </row>
    <row r="12" spans="1:7">
      <c r="A12" s="5" t="s">
        <v>7</v>
      </c>
      <c r="B12" s="5">
        <v>11</v>
      </c>
      <c r="C12" s="5" t="s">
        <v>8</v>
      </c>
      <c r="D12" s="5" t="s">
        <v>8</v>
      </c>
      <c r="E12" s="6">
        <v>11001</v>
      </c>
      <c r="F12" s="5" t="s">
        <v>29</v>
      </c>
      <c r="G12" s="5" t="s">
        <v>30</v>
      </c>
    </row>
    <row r="13" spans="1:7">
      <c r="A13" s="5" t="s">
        <v>7</v>
      </c>
      <c r="B13" s="5">
        <v>12</v>
      </c>
      <c r="C13" s="5" t="s">
        <v>8</v>
      </c>
      <c r="D13" s="5" t="s">
        <v>8</v>
      </c>
      <c r="E13" s="6">
        <v>11001</v>
      </c>
      <c r="F13" s="5" t="s">
        <v>31</v>
      </c>
      <c r="G13" s="5" t="s">
        <v>32</v>
      </c>
    </row>
    <row r="14" spans="1:7">
      <c r="A14" s="5" t="s">
        <v>7</v>
      </c>
      <c r="B14" s="5">
        <v>13</v>
      </c>
      <c r="C14" s="5" t="s">
        <v>8</v>
      </c>
      <c r="D14" s="5" t="s">
        <v>8</v>
      </c>
      <c r="E14" s="6">
        <v>11001</v>
      </c>
      <c r="F14" s="5" t="s">
        <v>33</v>
      </c>
      <c r="G14" s="5" t="s">
        <v>34</v>
      </c>
    </row>
    <row r="15" spans="1:7">
      <c r="A15" s="5" t="s">
        <v>7</v>
      </c>
      <c r="B15" s="5">
        <v>14</v>
      </c>
      <c r="C15" s="5" t="s">
        <v>8</v>
      </c>
      <c r="D15" s="5" t="s">
        <v>8</v>
      </c>
      <c r="E15" s="6">
        <v>11001</v>
      </c>
      <c r="F15" s="5" t="s">
        <v>35</v>
      </c>
      <c r="G15" s="5" t="s">
        <v>36</v>
      </c>
    </row>
    <row r="16" spans="1:7">
      <c r="A16" s="5" t="s">
        <v>7</v>
      </c>
      <c r="B16" s="5">
        <v>15</v>
      </c>
      <c r="C16" s="5" t="s">
        <v>8</v>
      </c>
      <c r="D16" s="5" t="s">
        <v>8</v>
      </c>
      <c r="E16" s="6">
        <v>11001</v>
      </c>
      <c r="F16" s="5" t="s">
        <v>37</v>
      </c>
      <c r="G16" s="5" t="s">
        <v>38</v>
      </c>
    </row>
    <row r="17" spans="1:7">
      <c r="A17" s="5" t="s">
        <v>7</v>
      </c>
      <c r="B17" s="5">
        <v>16</v>
      </c>
      <c r="C17" s="5" t="s">
        <v>8</v>
      </c>
      <c r="D17" s="5" t="s">
        <v>8</v>
      </c>
      <c r="E17" s="6">
        <v>11001</v>
      </c>
      <c r="F17" s="5" t="s">
        <v>39</v>
      </c>
      <c r="G17" s="5" t="s">
        <v>40</v>
      </c>
    </row>
    <row r="18" spans="1:7">
      <c r="A18" s="5" t="s">
        <v>7</v>
      </c>
      <c r="B18" s="5">
        <v>17</v>
      </c>
      <c r="C18" s="5" t="s">
        <v>8</v>
      </c>
      <c r="D18" s="5" t="s">
        <v>8</v>
      </c>
      <c r="E18" s="6">
        <v>11001</v>
      </c>
      <c r="F18" s="5" t="s">
        <v>41</v>
      </c>
      <c r="G18" s="5" t="s">
        <v>42</v>
      </c>
    </row>
    <row r="19" spans="1:7">
      <c r="A19" s="5" t="s">
        <v>7</v>
      </c>
      <c r="B19" s="5">
        <v>18</v>
      </c>
      <c r="C19" s="5" t="s">
        <v>8</v>
      </c>
      <c r="D19" s="5" t="s">
        <v>8</v>
      </c>
      <c r="E19" s="6">
        <v>11001</v>
      </c>
      <c r="F19" s="5" t="s">
        <v>43</v>
      </c>
      <c r="G19" s="5" t="s">
        <v>44</v>
      </c>
    </row>
    <row r="20" spans="1:7">
      <c r="A20" s="5" t="s">
        <v>7</v>
      </c>
      <c r="B20" s="5">
        <v>19</v>
      </c>
      <c r="C20" s="5" t="s">
        <v>8</v>
      </c>
      <c r="D20" s="5" t="s">
        <v>8</v>
      </c>
      <c r="E20" s="6">
        <v>11001</v>
      </c>
      <c r="F20" s="5" t="s">
        <v>45</v>
      </c>
      <c r="G20" s="5" t="s">
        <v>46</v>
      </c>
    </row>
    <row r="21" spans="1:7">
      <c r="A21" s="5" t="s">
        <v>7</v>
      </c>
      <c r="B21" s="5">
        <v>20</v>
      </c>
      <c r="C21" s="5" t="s">
        <v>8</v>
      </c>
      <c r="D21" s="5" t="s">
        <v>8</v>
      </c>
      <c r="E21" s="6">
        <v>11001</v>
      </c>
      <c r="F21" s="5" t="s">
        <v>47</v>
      </c>
      <c r="G21" s="5" t="s">
        <v>48</v>
      </c>
    </row>
    <row r="22" spans="1:7">
      <c r="A22" s="5" t="s">
        <v>7</v>
      </c>
      <c r="B22" s="5">
        <v>21</v>
      </c>
      <c r="C22" s="5" t="s">
        <v>8</v>
      </c>
      <c r="D22" s="5" t="s">
        <v>8</v>
      </c>
      <c r="E22" s="6">
        <v>11001</v>
      </c>
      <c r="F22" s="5" t="s">
        <v>49</v>
      </c>
      <c r="G22" s="5" t="s">
        <v>50</v>
      </c>
    </row>
    <row r="23" spans="1:7">
      <c r="A23" s="5" t="s">
        <v>7</v>
      </c>
      <c r="B23" s="5">
        <v>22</v>
      </c>
      <c r="C23" s="5" t="s">
        <v>8</v>
      </c>
      <c r="D23" s="5" t="s">
        <v>8</v>
      </c>
      <c r="E23" s="6">
        <v>11001</v>
      </c>
      <c r="F23" s="5" t="s">
        <v>51</v>
      </c>
      <c r="G23" s="5" t="s">
        <v>52</v>
      </c>
    </row>
    <row r="24" spans="1:7">
      <c r="A24" s="5" t="s">
        <v>7</v>
      </c>
      <c r="B24" s="5">
        <v>23</v>
      </c>
      <c r="C24" s="5" t="s">
        <v>8</v>
      </c>
      <c r="D24" s="5" t="s">
        <v>8</v>
      </c>
      <c r="E24" s="6">
        <v>11001</v>
      </c>
      <c r="F24" s="5" t="s">
        <v>53</v>
      </c>
      <c r="G24" s="5" t="s">
        <v>54</v>
      </c>
    </row>
    <row r="25" spans="1:7">
      <c r="A25" s="5" t="s">
        <v>7</v>
      </c>
      <c r="B25" s="5">
        <v>24</v>
      </c>
      <c r="C25" s="5" t="s">
        <v>8</v>
      </c>
      <c r="D25" s="5" t="s">
        <v>8</v>
      </c>
      <c r="E25" s="6">
        <v>11001</v>
      </c>
      <c r="F25" s="5" t="s">
        <v>55</v>
      </c>
      <c r="G25" s="5" t="s">
        <v>56</v>
      </c>
    </row>
    <row r="26" spans="1:7">
      <c r="A26" s="5" t="s">
        <v>7</v>
      </c>
      <c r="B26" s="5">
        <v>25</v>
      </c>
      <c r="C26" s="5" t="s">
        <v>8</v>
      </c>
      <c r="D26" s="5" t="s">
        <v>8</v>
      </c>
      <c r="E26" s="6">
        <v>11001</v>
      </c>
      <c r="F26" s="5" t="s">
        <v>57</v>
      </c>
      <c r="G26" s="5" t="s">
        <v>58</v>
      </c>
    </row>
    <row r="27" spans="1:7">
      <c r="A27" s="5" t="s">
        <v>7</v>
      </c>
      <c r="B27" s="5">
        <v>26</v>
      </c>
      <c r="C27" s="5" t="s">
        <v>8</v>
      </c>
      <c r="D27" s="5" t="s">
        <v>8</v>
      </c>
      <c r="E27" s="6">
        <v>11001</v>
      </c>
      <c r="F27" s="5" t="s">
        <v>59</v>
      </c>
      <c r="G27" s="5" t="s">
        <v>60</v>
      </c>
    </row>
    <row r="28" spans="1:7">
      <c r="A28" s="5" t="s">
        <v>7</v>
      </c>
      <c r="B28" s="5">
        <v>27</v>
      </c>
      <c r="C28" s="5" t="s">
        <v>8</v>
      </c>
      <c r="D28" s="5" t="s">
        <v>8</v>
      </c>
      <c r="E28" s="6">
        <v>11001</v>
      </c>
      <c r="F28" s="5" t="s">
        <v>61</v>
      </c>
      <c r="G28" s="5" t="s">
        <v>62</v>
      </c>
    </row>
    <row r="29" spans="1:7">
      <c r="A29" s="5" t="s">
        <v>7</v>
      </c>
      <c r="B29" s="5">
        <v>28</v>
      </c>
      <c r="C29" s="5" t="s">
        <v>8</v>
      </c>
      <c r="D29" s="5" t="s">
        <v>8</v>
      </c>
      <c r="E29" s="6">
        <v>11001</v>
      </c>
      <c r="F29" s="5" t="s">
        <v>63</v>
      </c>
      <c r="G29" s="5" t="s">
        <v>64</v>
      </c>
    </row>
    <row r="30" spans="1:7">
      <c r="A30" s="5" t="s">
        <v>7</v>
      </c>
      <c r="B30" s="5">
        <v>29</v>
      </c>
      <c r="C30" s="5" t="s">
        <v>8</v>
      </c>
      <c r="D30" s="5" t="s">
        <v>8</v>
      </c>
      <c r="E30" s="6">
        <v>11001</v>
      </c>
      <c r="F30" s="5" t="s">
        <v>65</v>
      </c>
      <c r="G30" s="5" t="s">
        <v>66</v>
      </c>
    </row>
    <row r="31" spans="1:7">
      <c r="A31" s="5" t="s">
        <v>7</v>
      </c>
      <c r="B31" s="5">
        <v>30</v>
      </c>
      <c r="C31" s="5" t="s">
        <v>8</v>
      </c>
      <c r="D31" s="5" t="s">
        <v>8</v>
      </c>
      <c r="E31" s="6">
        <v>11001</v>
      </c>
      <c r="F31" s="5" t="s">
        <v>67</v>
      </c>
      <c r="G31" s="5" t="s">
        <v>68</v>
      </c>
    </row>
    <row r="32" spans="1:7">
      <c r="A32" s="5" t="s">
        <v>7</v>
      </c>
      <c r="B32" s="5">
        <v>31</v>
      </c>
      <c r="C32" s="5" t="s">
        <v>8</v>
      </c>
      <c r="D32" s="5" t="s">
        <v>8</v>
      </c>
      <c r="E32" s="6">
        <v>11001</v>
      </c>
      <c r="F32" s="5" t="s">
        <v>69</v>
      </c>
      <c r="G32" s="5" t="s">
        <v>70</v>
      </c>
    </row>
    <row r="33" spans="1:7">
      <c r="A33" s="5" t="s">
        <v>7</v>
      </c>
      <c r="B33" s="5">
        <v>32</v>
      </c>
      <c r="C33" s="5" t="s">
        <v>8</v>
      </c>
      <c r="D33" s="5" t="s">
        <v>8</v>
      </c>
      <c r="E33" s="6">
        <v>11001</v>
      </c>
      <c r="F33" s="5" t="s">
        <v>71</v>
      </c>
      <c r="G33" s="5" t="s">
        <v>72</v>
      </c>
    </row>
    <row r="34" spans="1:7">
      <c r="A34" s="5" t="s">
        <v>7</v>
      </c>
      <c r="B34" s="5">
        <v>33</v>
      </c>
      <c r="C34" s="5" t="s">
        <v>8</v>
      </c>
      <c r="D34" s="5" t="s">
        <v>8</v>
      </c>
      <c r="E34" s="6">
        <v>11001</v>
      </c>
      <c r="F34" s="5" t="s">
        <v>73</v>
      </c>
      <c r="G34" s="5" t="s">
        <v>74</v>
      </c>
    </row>
    <row r="35" spans="1:7">
      <c r="A35" s="5" t="s">
        <v>7</v>
      </c>
      <c r="B35" s="5">
        <v>34</v>
      </c>
      <c r="C35" s="5" t="s">
        <v>8</v>
      </c>
      <c r="D35" s="5" t="s">
        <v>8</v>
      </c>
      <c r="E35" s="6">
        <v>11001</v>
      </c>
      <c r="F35" s="5" t="s">
        <v>75</v>
      </c>
      <c r="G35" s="5" t="s">
        <v>76</v>
      </c>
    </row>
    <row r="36" spans="1:7">
      <c r="A36" s="5" t="s">
        <v>7</v>
      </c>
      <c r="B36" s="5">
        <v>35</v>
      </c>
      <c r="C36" s="5" t="s">
        <v>8</v>
      </c>
      <c r="D36" s="5" t="s">
        <v>8</v>
      </c>
      <c r="E36" s="6">
        <v>11001</v>
      </c>
      <c r="F36" s="5" t="s">
        <v>77</v>
      </c>
      <c r="G36" s="5" t="s">
        <v>78</v>
      </c>
    </row>
    <row r="37" spans="1:7">
      <c r="A37" s="5" t="s">
        <v>7</v>
      </c>
      <c r="B37" s="5">
        <v>36</v>
      </c>
      <c r="C37" s="5" t="s">
        <v>8</v>
      </c>
      <c r="D37" s="5" t="s">
        <v>8</v>
      </c>
      <c r="E37" s="6">
        <v>11001</v>
      </c>
      <c r="F37" s="5" t="s">
        <v>79</v>
      </c>
      <c r="G37" s="5" t="s">
        <v>80</v>
      </c>
    </row>
    <row r="38" spans="1:7">
      <c r="A38" s="5" t="s">
        <v>7</v>
      </c>
      <c r="B38" s="5">
        <v>37</v>
      </c>
      <c r="C38" s="5" t="s">
        <v>8</v>
      </c>
      <c r="D38" s="5" t="s">
        <v>8</v>
      </c>
      <c r="E38" s="6">
        <v>11001</v>
      </c>
      <c r="F38" s="5" t="s">
        <v>81</v>
      </c>
      <c r="G38" s="5" t="s">
        <v>82</v>
      </c>
    </row>
    <row r="39" spans="1:7">
      <c r="A39" s="5" t="s">
        <v>7</v>
      </c>
      <c r="B39" s="5">
        <v>38</v>
      </c>
      <c r="C39" s="5" t="s">
        <v>8</v>
      </c>
      <c r="D39" s="5" t="s">
        <v>8</v>
      </c>
      <c r="E39" s="6">
        <v>11001</v>
      </c>
      <c r="F39" s="5" t="s">
        <v>83</v>
      </c>
      <c r="G39" s="5" t="s">
        <v>84</v>
      </c>
    </row>
    <row r="40" spans="1:7">
      <c r="A40" s="5" t="s">
        <v>7</v>
      </c>
      <c r="B40" s="5">
        <v>39</v>
      </c>
      <c r="C40" s="5" t="s">
        <v>8</v>
      </c>
      <c r="D40" s="5" t="s">
        <v>8</v>
      </c>
      <c r="E40" s="6">
        <v>11001</v>
      </c>
      <c r="F40" s="5" t="s">
        <v>85</v>
      </c>
      <c r="G40" s="5" t="s">
        <v>86</v>
      </c>
    </row>
    <row r="41" spans="1:7">
      <c r="A41" s="5" t="s">
        <v>7</v>
      </c>
      <c r="B41" s="5">
        <v>40</v>
      </c>
      <c r="C41" s="5" t="s">
        <v>8</v>
      </c>
      <c r="D41" s="5" t="s">
        <v>8</v>
      </c>
      <c r="E41" s="6">
        <v>11001</v>
      </c>
      <c r="F41" s="5" t="s">
        <v>87</v>
      </c>
      <c r="G41" s="5" t="s">
        <v>88</v>
      </c>
    </row>
    <row r="42" spans="1:7">
      <c r="A42" s="5" t="s">
        <v>7</v>
      </c>
      <c r="B42" s="5">
        <v>41</v>
      </c>
      <c r="C42" s="5" t="s">
        <v>8</v>
      </c>
      <c r="D42" s="5" t="s">
        <v>8</v>
      </c>
      <c r="E42" s="6">
        <v>11001</v>
      </c>
      <c r="F42" s="5" t="s">
        <v>89</v>
      </c>
      <c r="G42" s="5" t="s">
        <v>90</v>
      </c>
    </row>
    <row r="43" spans="1:7">
      <c r="A43" s="5" t="s">
        <v>7</v>
      </c>
      <c r="B43" s="5">
        <v>42</v>
      </c>
      <c r="C43" s="5" t="s">
        <v>8</v>
      </c>
      <c r="D43" s="5" t="s">
        <v>8</v>
      </c>
      <c r="E43" s="6">
        <v>11001</v>
      </c>
      <c r="F43" s="5" t="s">
        <v>91</v>
      </c>
      <c r="G43" s="5" t="s">
        <v>92</v>
      </c>
    </row>
    <row r="44" spans="1:7">
      <c r="A44" s="5" t="s">
        <v>7</v>
      </c>
      <c r="B44" s="5">
        <v>43</v>
      </c>
      <c r="C44" s="5" t="s">
        <v>8</v>
      </c>
      <c r="D44" s="5" t="s">
        <v>8</v>
      </c>
      <c r="E44" s="6">
        <v>11001</v>
      </c>
      <c r="F44" s="5" t="s">
        <v>93</v>
      </c>
      <c r="G44" s="5" t="s">
        <v>94</v>
      </c>
    </row>
    <row r="45" spans="1:7">
      <c r="A45" s="5" t="s">
        <v>7</v>
      </c>
      <c r="B45" s="5">
        <v>44</v>
      </c>
      <c r="C45" s="5" t="s">
        <v>8</v>
      </c>
      <c r="D45" s="5" t="s">
        <v>8</v>
      </c>
      <c r="E45" s="6">
        <v>11001</v>
      </c>
      <c r="F45" s="5" t="s">
        <v>95</v>
      </c>
      <c r="G45" s="5" t="s">
        <v>96</v>
      </c>
    </row>
    <row r="46" spans="1:7">
      <c r="A46" s="5" t="s">
        <v>7</v>
      </c>
      <c r="B46" s="5">
        <v>45</v>
      </c>
      <c r="C46" s="5" t="s">
        <v>8</v>
      </c>
      <c r="D46" s="5" t="s">
        <v>8</v>
      </c>
      <c r="E46" s="6">
        <v>11001</v>
      </c>
      <c r="F46" s="5" t="s">
        <v>97</v>
      </c>
      <c r="G46" s="5" t="s">
        <v>98</v>
      </c>
    </row>
    <row r="47" spans="1:7">
      <c r="A47" s="5" t="s">
        <v>7</v>
      </c>
      <c r="B47" s="5">
        <v>46</v>
      </c>
      <c r="C47" s="5" t="s">
        <v>8</v>
      </c>
      <c r="D47" s="5" t="s">
        <v>8</v>
      </c>
      <c r="E47" s="6">
        <v>11001</v>
      </c>
      <c r="F47" s="5" t="s">
        <v>99</v>
      </c>
      <c r="G47" s="5" t="s">
        <v>100</v>
      </c>
    </row>
    <row r="48" spans="1:7">
      <c r="A48" s="5" t="s">
        <v>7</v>
      </c>
      <c r="B48" s="5">
        <v>47</v>
      </c>
      <c r="C48" s="5" t="s">
        <v>8</v>
      </c>
      <c r="D48" s="5" t="s">
        <v>8</v>
      </c>
      <c r="E48" s="6">
        <v>11001</v>
      </c>
      <c r="F48" s="5" t="s">
        <v>101</v>
      </c>
      <c r="G48" s="5" t="s">
        <v>102</v>
      </c>
    </row>
    <row r="49" spans="1:7">
      <c r="A49" s="5" t="s">
        <v>7</v>
      </c>
      <c r="B49" s="5">
        <v>48</v>
      </c>
      <c r="C49" s="5" t="s">
        <v>8</v>
      </c>
      <c r="D49" s="5" t="s">
        <v>8</v>
      </c>
      <c r="E49" s="6">
        <v>11001</v>
      </c>
      <c r="F49" s="5" t="s">
        <v>103</v>
      </c>
      <c r="G49" s="5" t="s">
        <v>104</v>
      </c>
    </row>
    <row r="50" spans="1:7">
      <c r="A50" s="5" t="s">
        <v>7</v>
      </c>
      <c r="B50" s="5">
        <v>49</v>
      </c>
      <c r="C50" s="5" t="s">
        <v>8</v>
      </c>
      <c r="D50" s="5" t="s">
        <v>8</v>
      </c>
      <c r="E50" s="6">
        <v>11001</v>
      </c>
      <c r="F50" s="5" t="s">
        <v>105</v>
      </c>
      <c r="G50" s="5" t="s">
        <v>106</v>
      </c>
    </row>
    <row r="51" spans="1:7">
      <c r="A51" s="5" t="s">
        <v>7</v>
      </c>
      <c r="B51" s="5">
        <v>50</v>
      </c>
      <c r="C51" s="5" t="s">
        <v>8</v>
      </c>
      <c r="D51" s="5" t="s">
        <v>8</v>
      </c>
      <c r="E51" s="6">
        <v>11001</v>
      </c>
      <c r="F51" s="5" t="s">
        <v>107</v>
      </c>
      <c r="G51" s="5" t="s">
        <v>108</v>
      </c>
    </row>
    <row r="52" spans="1:7">
      <c r="A52" s="5" t="s">
        <v>7</v>
      </c>
      <c r="B52" s="5">
        <v>51</v>
      </c>
      <c r="C52" s="5" t="s">
        <v>8</v>
      </c>
      <c r="D52" s="5" t="s">
        <v>8</v>
      </c>
      <c r="E52" s="6">
        <v>11001</v>
      </c>
      <c r="F52" s="5" t="s">
        <v>109</v>
      </c>
      <c r="G52" s="5" t="s">
        <v>110</v>
      </c>
    </row>
    <row r="53" spans="1:7">
      <c r="A53" s="5" t="s">
        <v>7</v>
      </c>
      <c r="B53" s="5">
        <v>52</v>
      </c>
      <c r="C53" s="5" t="s">
        <v>8</v>
      </c>
      <c r="D53" s="5" t="s">
        <v>8</v>
      </c>
      <c r="E53" s="6">
        <v>11001</v>
      </c>
      <c r="F53" s="5" t="s">
        <v>111</v>
      </c>
      <c r="G53" s="5" t="s">
        <v>112</v>
      </c>
    </row>
    <row r="54" spans="1:7">
      <c r="A54" s="5" t="s">
        <v>7</v>
      </c>
      <c r="B54" s="5">
        <v>53</v>
      </c>
      <c r="C54" s="5" t="s">
        <v>8</v>
      </c>
      <c r="D54" s="5" t="s">
        <v>8</v>
      </c>
      <c r="E54" s="6">
        <v>11001</v>
      </c>
      <c r="F54" s="5" t="s">
        <v>113</v>
      </c>
      <c r="G54" s="5" t="s">
        <v>114</v>
      </c>
    </row>
    <row r="55" spans="1:7">
      <c r="A55" s="5" t="s">
        <v>7</v>
      </c>
      <c r="B55" s="5">
        <v>54</v>
      </c>
      <c r="C55" s="5" t="s">
        <v>8</v>
      </c>
      <c r="D55" s="5" t="s">
        <v>8</v>
      </c>
      <c r="E55" s="6">
        <v>11001</v>
      </c>
      <c r="F55" s="5" t="s">
        <v>115</v>
      </c>
      <c r="G55" s="5" t="s">
        <v>116</v>
      </c>
    </row>
    <row r="56" spans="1:7">
      <c r="A56" s="5" t="s">
        <v>7</v>
      </c>
      <c r="B56" s="5">
        <v>55</v>
      </c>
      <c r="C56" s="5" t="s">
        <v>8</v>
      </c>
      <c r="D56" s="5" t="s">
        <v>8</v>
      </c>
      <c r="E56" s="6">
        <v>11001</v>
      </c>
      <c r="F56" s="5" t="s">
        <v>117</v>
      </c>
      <c r="G56" s="5" t="s">
        <v>118</v>
      </c>
    </row>
    <row r="57" spans="1:7">
      <c r="A57" s="5" t="s">
        <v>7</v>
      </c>
      <c r="B57" s="5">
        <v>56</v>
      </c>
      <c r="C57" s="5" t="s">
        <v>8</v>
      </c>
      <c r="D57" s="5" t="s">
        <v>8</v>
      </c>
      <c r="E57" s="6">
        <v>11001</v>
      </c>
      <c r="F57" s="5" t="s">
        <v>119</v>
      </c>
      <c r="G57" s="5" t="s">
        <v>120</v>
      </c>
    </row>
    <row r="58" spans="1:7">
      <c r="A58" s="5" t="s">
        <v>7</v>
      </c>
      <c r="B58" s="5">
        <v>57</v>
      </c>
      <c r="C58" s="5" t="s">
        <v>8</v>
      </c>
      <c r="D58" s="5" t="s">
        <v>8</v>
      </c>
      <c r="E58" s="6">
        <v>11001</v>
      </c>
      <c r="F58" s="5" t="s">
        <v>121</v>
      </c>
      <c r="G58" s="5" t="s">
        <v>122</v>
      </c>
    </row>
    <row r="59" spans="1:7">
      <c r="A59" s="5" t="s">
        <v>7</v>
      </c>
      <c r="B59" s="5">
        <v>58</v>
      </c>
      <c r="C59" s="5" t="s">
        <v>8</v>
      </c>
      <c r="D59" s="5" t="s">
        <v>8</v>
      </c>
      <c r="E59" s="6">
        <v>11001</v>
      </c>
      <c r="F59" s="5" t="s">
        <v>123</v>
      </c>
      <c r="G59" s="5" t="s">
        <v>124</v>
      </c>
    </row>
    <row r="60" spans="1:7">
      <c r="A60" s="5" t="s">
        <v>7</v>
      </c>
      <c r="B60" s="5">
        <v>59</v>
      </c>
      <c r="C60" s="5" t="s">
        <v>8</v>
      </c>
      <c r="D60" s="5" t="s">
        <v>8</v>
      </c>
      <c r="E60" s="6">
        <v>11001</v>
      </c>
      <c r="F60" s="5" t="s">
        <v>125</v>
      </c>
      <c r="G60" s="5" t="s">
        <v>126</v>
      </c>
    </row>
    <row r="61" spans="1:7">
      <c r="A61" s="5" t="s">
        <v>7</v>
      </c>
      <c r="B61" s="5">
        <v>60</v>
      </c>
      <c r="C61" s="5" t="s">
        <v>8</v>
      </c>
      <c r="D61" s="5" t="s">
        <v>8</v>
      </c>
      <c r="E61" s="6">
        <v>11001</v>
      </c>
      <c r="F61" s="5" t="s">
        <v>127</v>
      </c>
      <c r="G61" s="5" t="s">
        <v>128</v>
      </c>
    </row>
    <row r="62" spans="1:7">
      <c r="A62" s="5" t="s">
        <v>7</v>
      </c>
      <c r="B62" s="5">
        <v>61</v>
      </c>
      <c r="C62" s="5" t="s">
        <v>8</v>
      </c>
      <c r="D62" s="5" t="s">
        <v>8</v>
      </c>
      <c r="E62" s="6">
        <v>11001</v>
      </c>
      <c r="F62" s="5" t="s">
        <v>129</v>
      </c>
      <c r="G62" s="5" t="s">
        <v>130</v>
      </c>
    </row>
    <row r="63" spans="1:7">
      <c r="A63" s="5" t="s">
        <v>7</v>
      </c>
      <c r="B63" s="5">
        <v>62</v>
      </c>
      <c r="C63" s="5" t="s">
        <v>8</v>
      </c>
      <c r="D63" s="5" t="s">
        <v>8</v>
      </c>
      <c r="E63" s="6">
        <v>11001</v>
      </c>
      <c r="F63" s="5" t="s">
        <v>131</v>
      </c>
      <c r="G63" s="5" t="s">
        <v>132</v>
      </c>
    </row>
    <row r="64" spans="1:7">
      <c r="A64" s="5" t="s">
        <v>7</v>
      </c>
      <c r="B64" s="5">
        <v>63</v>
      </c>
      <c r="C64" s="5" t="s">
        <v>8</v>
      </c>
      <c r="D64" s="5" t="s">
        <v>8</v>
      </c>
      <c r="E64" s="6">
        <v>11001</v>
      </c>
      <c r="F64" s="5" t="s">
        <v>133</v>
      </c>
      <c r="G64" s="5" t="s">
        <v>134</v>
      </c>
    </row>
    <row r="65" spans="1:7">
      <c r="A65" s="5" t="s">
        <v>7</v>
      </c>
      <c r="B65" s="5">
        <v>64</v>
      </c>
      <c r="C65" s="5" t="s">
        <v>8</v>
      </c>
      <c r="D65" s="5" t="s">
        <v>8</v>
      </c>
      <c r="E65" s="6">
        <v>11001</v>
      </c>
      <c r="F65" s="5" t="s">
        <v>135</v>
      </c>
      <c r="G65" s="5" t="s">
        <v>136</v>
      </c>
    </row>
    <row r="66" spans="1:7">
      <c r="A66" s="5" t="s">
        <v>7</v>
      </c>
      <c r="B66" s="5">
        <v>65</v>
      </c>
      <c r="C66" s="5" t="s">
        <v>8</v>
      </c>
      <c r="D66" s="5" t="s">
        <v>8</v>
      </c>
      <c r="E66" s="6">
        <v>11001</v>
      </c>
      <c r="F66" s="5" t="s">
        <v>137</v>
      </c>
      <c r="G66" s="5" t="s">
        <v>138</v>
      </c>
    </row>
    <row r="67" spans="1:7">
      <c r="A67" s="5" t="s">
        <v>7</v>
      </c>
      <c r="B67" s="5">
        <v>66</v>
      </c>
      <c r="C67" s="5" t="s">
        <v>8</v>
      </c>
      <c r="D67" s="5" t="s">
        <v>8</v>
      </c>
      <c r="E67" s="6">
        <v>11001</v>
      </c>
      <c r="F67" s="5" t="s">
        <v>139</v>
      </c>
      <c r="G67" s="5" t="s">
        <v>140</v>
      </c>
    </row>
    <row r="68" spans="1:7">
      <c r="A68" s="5" t="s">
        <v>7</v>
      </c>
      <c r="B68" s="5">
        <v>67</v>
      </c>
      <c r="C68" s="5" t="s">
        <v>8</v>
      </c>
      <c r="D68" s="5" t="s">
        <v>8</v>
      </c>
      <c r="E68" s="6">
        <v>11001</v>
      </c>
      <c r="F68" s="5" t="s">
        <v>141</v>
      </c>
      <c r="G68" s="5" t="s">
        <v>142</v>
      </c>
    </row>
    <row r="69" spans="1:7">
      <c r="A69" s="5" t="s">
        <v>7</v>
      </c>
      <c r="B69" s="5">
        <v>68</v>
      </c>
      <c r="C69" s="5" t="s">
        <v>8</v>
      </c>
      <c r="D69" s="5" t="s">
        <v>8</v>
      </c>
      <c r="E69" s="6">
        <v>11001</v>
      </c>
      <c r="F69" s="5" t="s">
        <v>143</v>
      </c>
      <c r="G69" s="5" t="s">
        <v>144</v>
      </c>
    </row>
    <row r="70" spans="1:7">
      <c r="A70" s="5" t="s">
        <v>7</v>
      </c>
      <c r="B70" s="5">
        <v>69</v>
      </c>
      <c r="C70" s="5" t="s">
        <v>8</v>
      </c>
      <c r="D70" s="5" t="s">
        <v>8</v>
      </c>
      <c r="E70" s="6">
        <v>11001</v>
      </c>
      <c r="F70" s="5" t="s">
        <v>145</v>
      </c>
      <c r="G70" s="5" t="s">
        <v>146</v>
      </c>
    </row>
    <row r="71" spans="1:7">
      <c r="A71" s="5" t="s">
        <v>7</v>
      </c>
      <c r="B71" s="5">
        <v>70</v>
      </c>
      <c r="C71" s="5" t="s">
        <v>8</v>
      </c>
      <c r="D71" s="5" t="s">
        <v>8</v>
      </c>
      <c r="E71" s="6">
        <v>11001</v>
      </c>
      <c r="F71" s="5" t="s">
        <v>147</v>
      </c>
      <c r="G71" s="5" t="s">
        <v>148</v>
      </c>
    </row>
    <row r="72" spans="1:7">
      <c r="A72" s="5" t="s">
        <v>7</v>
      </c>
      <c r="B72" s="5">
        <v>71</v>
      </c>
      <c r="C72" s="5" t="s">
        <v>8</v>
      </c>
      <c r="D72" s="5" t="s">
        <v>8</v>
      </c>
      <c r="E72" s="6">
        <v>11001</v>
      </c>
      <c r="F72" s="5" t="s">
        <v>149</v>
      </c>
      <c r="G72" s="5" t="s">
        <v>150</v>
      </c>
    </row>
    <row r="73" spans="1:7">
      <c r="A73" s="5" t="s">
        <v>7</v>
      </c>
      <c r="B73" s="5">
        <v>72</v>
      </c>
      <c r="C73" s="5" t="s">
        <v>8</v>
      </c>
      <c r="D73" s="5" t="s">
        <v>8</v>
      </c>
      <c r="E73" s="6">
        <v>11001</v>
      </c>
      <c r="F73" s="5" t="s">
        <v>151</v>
      </c>
      <c r="G73" s="5" t="s">
        <v>152</v>
      </c>
    </row>
    <row r="74" spans="1:7">
      <c r="A74" s="5" t="s">
        <v>7</v>
      </c>
      <c r="B74" s="5">
        <v>73</v>
      </c>
      <c r="C74" s="5" t="s">
        <v>8</v>
      </c>
      <c r="D74" s="5" t="s">
        <v>8</v>
      </c>
      <c r="E74" s="6">
        <v>11001</v>
      </c>
      <c r="F74" s="5" t="s">
        <v>153</v>
      </c>
      <c r="G74" s="5" t="s">
        <v>154</v>
      </c>
    </row>
    <row r="75" spans="1:7">
      <c r="A75" s="5" t="s">
        <v>7</v>
      </c>
      <c r="B75" s="5">
        <v>74</v>
      </c>
      <c r="C75" s="5" t="s">
        <v>8</v>
      </c>
      <c r="D75" s="5" t="s">
        <v>8</v>
      </c>
      <c r="E75" s="6">
        <v>11001</v>
      </c>
      <c r="F75" s="5" t="s">
        <v>155</v>
      </c>
      <c r="G75" s="5" t="s">
        <v>156</v>
      </c>
    </row>
    <row r="76" spans="1:7">
      <c r="A76" s="5" t="s">
        <v>7</v>
      </c>
      <c r="B76" s="5">
        <v>75</v>
      </c>
      <c r="C76" s="5" t="s">
        <v>8</v>
      </c>
      <c r="D76" s="5" t="s">
        <v>8</v>
      </c>
      <c r="E76" s="6">
        <v>11001</v>
      </c>
      <c r="F76" s="5" t="s">
        <v>157</v>
      </c>
      <c r="G76" s="5" t="s">
        <v>158</v>
      </c>
    </row>
    <row r="77" spans="1:7">
      <c r="A77" s="5" t="s">
        <v>7</v>
      </c>
      <c r="B77" s="5">
        <v>76</v>
      </c>
      <c r="C77" s="5" t="s">
        <v>8</v>
      </c>
      <c r="D77" s="5" t="s">
        <v>8</v>
      </c>
      <c r="E77" s="6">
        <v>11001</v>
      </c>
      <c r="F77" s="5" t="s">
        <v>159</v>
      </c>
      <c r="G77" s="5" t="s">
        <v>160</v>
      </c>
    </row>
    <row r="78" spans="1:7">
      <c r="A78" s="5" t="s">
        <v>7</v>
      </c>
      <c r="B78" s="5">
        <v>77</v>
      </c>
      <c r="C78" s="5" t="s">
        <v>8</v>
      </c>
      <c r="D78" s="5" t="s">
        <v>8</v>
      </c>
      <c r="E78" s="6">
        <v>11001</v>
      </c>
      <c r="F78" s="5" t="s">
        <v>161</v>
      </c>
      <c r="G78" s="5" t="s">
        <v>162</v>
      </c>
    </row>
    <row r="79" spans="1:7">
      <c r="A79" s="5" t="s">
        <v>7</v>
      </c>
      <c r="B79" s="5">
        <v>78</v>
      </c>
      <c r="C79" s="5" t="s">
        <v>8</v>
      </c>
      <c r="D79" s="5" t="s">
        <v>8</v>
      </c>
      <c r="E79" s="6">
        <v>11001</v>
      </c>
      <c r="F79" s="5" t="s">
        <v>163</v>
      </c>
      <c r="G79" s="5" t="s">
        <v>164</v>
      </c>
    </row>
    <row r="80" spans="1:7">
      <c r="A80" s="5" t="s">
        <v>7</v>
      </c>
      <c r="B80" s="5">
        <v>79</v>
      </c>
      <c r="C80" s="5" t="s">
        <v>8</v>
      </c>
      <c r="D80" s="5" t="s">
        <v>8</v>
      </c>
      <c r="E80" s="6">
        <v>11001</v>
      </c>
      <c r="F80" s="5" t="s">
        <v>165</v>
      </c>
      <c r="G80" s="5" t="s">
        <v>166</v>
      </c>
    </row>
    <row r="81" spans="1:7">
      <c r="A81" s="5" t="s">
        <v>7</v>
      </c>
      <c r="B81" s="5">
        <v>80</v>
      </c>
      <c r="C81" s="5" t="s">
        <v>8</v>
      </c>
      <c r="D81" s="5" t="s">
        <v>8</v>
      </c>
      <c r="E81" s="6">
        <v>11001</v>
      </c>
      <c r="F81" s="5" t="s">
        <v>167</v>
      </c>
      <c r="G81" s="5" t="s">
        <v>168</v>
      </c>
    </row>
    <row r="82" spans="1:7">
      <c r="A82" s="5" t="s">
        <v>7</v>
      </c>
      <c r="B82" s="5">
        <v>81</v>
      </c>
      <c r="C82" s="5" t="s">
        <v>8</v>
      </c>
      <c r="D82" s="5" t="s">
        <v>8</v>
      </c>
      <c r="E82" s="6">
        <v>11001</v>
      </c>
      <c r="F82" s="5" t="s">
        <v>169</v>
      </c>
      <c r="G82" s="5" t="s">
        <v>170</v>
      </c>
    </row>
    <row r="83" spans="1:7">
      <c r="A83" s="5" t="s">
        <v>7</v>
      </c>
      <c r="B83" s="5">
        <v>82</v>
      </c>
      <c r="C83" s="5" t="s">
        <v>8</v>
      </c>
      <c r="D83" s="5" t="s">
        <v>8</v>
      </c>
      <c r="E83" s="6">
        <v>11001</v>
      </c>
      <c r="F83" s="5" t="s">
        <v>171</v>
      </c>
      <c r="G83" s="5" t="s">
        <v>172</v>
      </c>
    </row>
    <row r="84" spans="1:7">
      <c r="A84" s="5" t="s">
        <v>7</v>
      </c>
      <c r="B84" s="5">
        <v>83</v>
      </c>
      <c r="C84" s="5" t="s">
        <v>8</v>
      </c>
      <c r="D84" s="5" t="s">
        <v>8</v>
      </c>
      <c r="E84" s="6">
        <v>11001</v>
      </c>
      <c r="F84" s="5" t="s">
        <v>173</v>
      </c>
      <c r="G84" s="5" t="s">
        <v>174</v>
      </c>
    </row>
    <row r="85" spans="1:7">
      <c r="A85" s="5" t="s">
        <v>7</v>
      </c>
      <c r="B85" s="5">
        <v>84</v>
      </c>
      <c r="C85" s="5" t="s">
        <v>8</v>
      </c>
      <c r="D85" s="5" t="s">
        <v>8</v>
      </c>
      <c r="E85" s="6">
        <v>11001</v>
      </c>
      <c r="F85" s="5" t="s">
        <v>175</v>
      </c>
      <c r="G85" s="5" t="s">
        <v>176</v>
      </c>
    </row>
    <row r="86" spans="1:7">
      <c r="A86" s="5" t="s">
        <v>7</v>
      </c>
      <c r="B86" s="5">
        <v>85</v>
      </c>
      <c r="C86" s="5" t="s">
        <v>8</v>
      </c>
      <c r="D86" s="5" t="s">
        <v>8</v>
      </c>
      <c r="E86" s="6">
        <v>11001</v>
      </c>
      <c r="F86" s="5" t="s">
        <v>177</v>
      </c>
      <c r="G86" s="5" t="s">
        <v>178</v>
      </c>
    </row>
    <row r="87" spans="1:7">
      <c r="A87" s="5" t="s">
        <v>7</v>
      </c>
      <c r="B87" s="5">
        <v>86</v>
      </c>
      <c r="C87" s="5" t="s">
        <v>8</v>
      </c>
      <c r="D87" s="5" t="s">
        <v>8</v>
      </c>
      <c r="E87" s="6">
        <v>11001</v>
      </c>
      <c r="F87" s="5" t="s">
        <v>179</v>
      </c>
      <c r="G87" s="5" t="s">
        <v>180</v>
      </c>
    </row>
    <row r="88" spans="1:7">
      <c r="A88" s="5" t="s">
        <v>7</v>
      </c>
      <c r="B88" s="5">
        <v>87</v>
      </c>
      <c r="C88" s="5" t="s">
        <v>8</v>
      </c>
      <c r="D88" s="5" t="s">
        <v>8</v>
      </c>
      <c r="E88" s="6">
        <v>11001</v>
      </c>
      <c r="F88" s="5" t="s">
        <v>181</v>
      </c>
      <c r="G88" s="5" t="s">
        <v>182</v>
      </c>
    </row>
    <row r="89" spans="1:7">
      <c r="A89" s="5" t="s">
        <v>7</v>
      </c>
      <c r="B89" s="5">
        <v>88</v>
      </c>
      <c r="C89" s="5" t="s">
        <v>8</v>
      </c>
      <c r="D89" s="5" t="s">
        <v>8</v>
      </c>
      <c r="E89" s="6">
        <v>11001</v>
      </c>
      <c r="F89" s="5" t="s">
        <v>183</v>
      </c>
      <c r="G89" s="5" t="s">
        <v>184</v>
      </c>
    </row>
    <row r="90" spans="1:7">
      <c r="A90" s="5" t="s">
        <v>7</v>
      </c>
      <c r="B90" s="5">
        <v>89</v>
      </c>
      <c r="C90" s="5" t="s">
        <v>8</v>
      </c>
      <c r="D90" s="5" t="s">
        <v>8</v>
      </c>
      <c r="E90" s="6">
        <v>11001</v>
      </c>
      <c r="F90" s="5" t="s">
        <v>185</v>
      </c>
      <c r="G90" s="5" t="s">
        <v>186</v>
      </c>
    </row>
    <row r="91" spans="1:7">
      <c r="A91" s="5" t="s">
        <v>7</v>
      </c>
      <c r="B91" s="5">
        <v>90</v>
      </c>
      <c r="C91" s="5" t="s">
        <v>8</v>
      </c>
      <c r="D91" s="5" t="s">
        <v>8</v>
      </c>
      <c r="E91" s="6">
        <v>11001</v>
      </c>
      <c r="F91" s="5" t="s">
        <v>187</v>
      </c>
      <c r="G91" s="5" t="s">
        <v>188</v>
      </c>
    </row>
    <row r="92" spans="1:7">
      <c r="A92" s="5" t="s">
        <v>7</v>
      </c>
      <c r="B92" s="5">
        <v>91</v>
      </c>
      <c r="C92" s="5" t="s">
        <v>8</v>
      </c>
      <c r="D92" s="5" t="s">
        <v>8</v>
      </c>
      <c r="E92" s="6">
        <v>11001</v>
      </c>
      <c r="F92" s="5" t="s">
        <v>189</v>
      </c>
      <c r="G92" s="5" t="s">
        <v>190</v>
      </c>
    </row>
    <row r="93" spans="1:7">
      <c r="A93" s="5" t="s">
        <v>7</v>
      </c>
      <c r="B93" s="5">
        <v>92</v>
      </c>
      <c r="C93" s="5" t="s">
        <v>8</v>
      </c>
      <c r="D93" s="5" t="s">
        <v>8</v>
      </c>
      <c r="E93" s="6">
        <v>11001</v>
      </c>
      <c r="F93" s="5" t="s">
        <v>191</v>
      </c>
      <c r="G93" s="5" t="s">
        <v>192</v>
      </c>
    </row>
    <row r="94" spans="1:7">
      <c r="A94" s="5" t="s">
        <v>7</v>
      </c>
      <c r="B94" s="5">
        <v>93</v>
      </c>
      <c r="C94" s="5" t="s">
        <v>8</v>
      </c>
      <c r="D94" s="5" t="s">
        <v>8</v>
      </c>
      <c r="E94" s="6">
        <v>11001</v>
      </c>
      <c r="F94" s="5" t="s">
        <v>193</v>
      </c>
      <c r="G94" s="5" t="s">
        <v>194</v>
      </c>
    </row>
    <row r="95" spans="1:7">
      <c r="A95" s="5" t="s">
        <v>7</v>
      </c>
      <c r="B95" s="5">
        <v>94</v>
      </c>
      <c r="C95" s="5" t="s">
        <v>8</v>
      </c>
      <c r="D95" s="5" t="s">
        <v>8</v>
      </c>
      <c r="E95" s="6">
        <v>11001</v>
      </c>
      <c r="F95" s="5" t="s">
        <v>195</v>
      </c>
      <c r="G95" s="5" t="s">
        <v>196</v>
      </c>
    </row>
    <row r="96" spans="1:7">
      <c r="A96" s="5" t="s">
        <v>7</v>
      </c>
      <c r="B96" s="5">
        <v>95</v>
      </c>
      <c r="C96" s="5" t="s">
        <v>8</v>
      </c>
      <c r="D96" s="5" t="s">
        <v>8</v>
      </c>
      <c r="E96" s="6">
        <v>11001</v>
      </c>
      <c r="F96" s="5" t="s">
        <v>197</v>
      </c>
      <c r="G96" s="5" t="s">
        <v>198</v>
      </c>
    </row>
    <row r="97" spans="1:7">
      <c r="A97" s="5" t="s">
        <v>7</v>
      </c>
      <c r="B97" s="5">
        <v>96</v>
      </c>
      <c r="C97" s="5" t="s">
        <v>8</v>
      </c>
      <c r="D97" s="5" t="s">
        <v>8</v>
      </c>
      <c r="E97" s="6">
        <v>11001</v>
      </c>
      <c r="F97" s="5" t="s">
        <v>199</v>
      </c>
      <c r="G97" s="5" t="s">
        <v>200</v>
      </c>
    </row>
    <row r="98" spans="1:7">
      <c r="A98" s="5" t="s">
        <v>7</v>
      </c>
      <c r="B98" s="5">
        <v>97</v>
      </c>
      <c r="C98" s="5" t="s">
        <v>8</v>
      </c>
      <c r="D98" s="5" t="s">
        <v>8</v>
      </c>
      <c r="E98" s="6">
        <v>11001</v>
      </c>
      <c r="F98" s="5" t="s">
        <v>201</v>
      </c>
      <c r="G98" s="5" t="s">
        <v>202</v>
      </c>
    </row>
    <row r="99" spans="1:7">
      <c r="A99" s="5" t="s">
        <v>7</v>
      </c>
      <c r="B99" s="5">
        <v>98</v>
      </c>
      <c r="C99" s="5" t="s">
        <v>8</v>
      </c>
      <c r="D99" s="5" t="s">
        <v>8</v>
      </c>
      <c r="E99" s="6">
        <v>11001</v>
      </c>
      <c r="F99" s="5" t="s">
        <v>203</v>
      </c>
      <c r="G99" s="5" t="s">
        <v>204</v>
      </c>
    </row>
    <row r="100" spans="1:7">
      <c r="A100" s="5" t="s">
        <v>7</v>
      </c>
      <c r="B100" s="5">
        <v>99</v>
      </c>
      <c r="C100" s="5" t="s">
        <v>8</v>
      </c>
      <c r="D100" s="5" t="s">
        <v>8</v>
      </c>
      <c r="E100" s="6">
        <v>11001</v>
      </c>
      <c r="F100" s="5" t="s">
        <v>205</v>
      </c>
      <c r="G100" s="5" t="s">
        <v>206</v>
      </c>
    </row>
    <row r="101" spans="1:7">
      <c r="A101" s="5" t="s">
        <v>7</v>
      </c>
      <c r="B101" s="5">
        <v>100</v>
      </c>
      <c r="C101" s="5" t="s">
        <v>8</v>
      </c>
      <c r="D101" s="5" t="s">
        <v>8</v>
      </c>
      <c r="E101" s="6">
        <v>11001</v>
      </c>
      <c r="F101" s="5" t="s">
        <v>207</v>
      </c>
      <c r="G101" s="5" t="s">
        <v>208</v>
      </c>
    </row>
    <row r="102" spans="1:7">
      <c r="A102" s="5" t="s">
        <v>7</v>
      </c>
      <c r="B102" s="5">
        <v>101</v>
      </c>
      <c r="C102" s="5" t="s">
        <v>8</v>
      </c>
      <c r="D102" s="5" t="s">
        <v>8</v>
      </c>
      <c r="E102" s="6">
        <v>11001</v>
      </c>
      <c r="F102" s="5" t="s">
        <v>209</v>
      </c>
      <c r="G102" s="5" t="s">
        <v>210</v>
      </c>
    </row>
    <row r="103" spans="1:7">
      <c r="A103" s="5" t="s">
        <v>7</v>
      </c>
      <c r="B103" s="5">
        <v>102</v>
      </c>
      <c r="C103" s="5" t="s">
        <v>8</v>
      </c>
      <c r="D103" s="5" t="s">
        <v>8</v>
      </c>
      <c r="E103" s="6">
        <v>11001</v>
      </c>
      <c r="F103" s="5" t="s">
        <v>211</v>
      </c>
      <c r="G103" s="5" t="s">
        <v>212</v>
      </c>
    </row>
    <row r="104" spans="1:7">
      <c r="A104" s="5" t="s">
        <v>7</v>
      </c>
      <c r="B104" s="5">
        <v>103</v>
      </c>
      <c r="C104" s="5" t="s">
        <v>8</v>
      </c>
      <c r="D104" s="5" t="s">
        <v>8</v>
      </c>
      <c r="E104" s="6">
        <v>11001</v>
      </c>
      <c r="F104" s="5" t="s">
        <v>213</v>
      </c>
      <c r="G104" s="5" t="s">
        <v>214</v>
      </c>
    </row>
    <row r="105" spans="1:7">
      <c r="A105" s="5" t="s">
        <v>7</v>
      </c>
      <c r="B105" s="5">
        <v>104</v>
      </c>
      <c r="C105" s="5" t="s">
        <v>8</v>
      </c>
      <c r="D105" s="5" t="s">
        <v>8</v>
      </c>
      <c r="E105" s="6">
        <v>11001</v>
      </c>
      <c r="F105" s="5" t="s">
        <v>215</v>
      </c>
      <c r="G105" s="5" t="s">
        <v>216</v>
      </c>
    </row>
    <row r="106" spans="1:7">
      <c r="A106" s="5" t="s">
        <v>7</v>
      </c>
      <c r="B106" s="5">
        <v>105</v>
      </c>
      <c r="C106" s="5" t="s">
        <v>8</v>
      </c>
      <c r="D106" s="5" t="s">
        <v>8</v>
      </c>
      <c r="E106" s="6">
        <v>11001</v>
      </c>
      <c r="F106" s="5" t="s">
        <v>217</v>
      </c>
      <c r="G106" s="5" t="s">
        <v>218</v>
      </c>
    </row>
    <row r="107" spans="1:7">
      <c r="A107" s="5" t="s">
        <v>7</v>
      </c>
      <c r="B107" s="5">
        <v>106</v>
      </c>
      <c r="C107" s="5" t="s">
        <v>8</v>
      </c>
      <c r="D107" s="5" t="s">
        <v>8</v>
      </c>
      <c r="E107" s="6">
        <v>11001</v>
      </c>
      <c r="F107" s="5" t="s">
        <v>219</v>
      </c>
      <c r="G107" s="5" t="s">
        <v>220</v>
      </c>
    </row>
    <row r="108" spans="1:7">
      <c r="A108" s="5" t="s">
        <v>7</v>
      </c>
      <c r="B108" s="5">
        <v>107</v>
      </c>
      <c r="C108" s="5" t="s">
        <v>8</v>
      </c>
      <c r="D108" s="5" t="s">
        <v>8</v>
      </c>
      <c r="E108" s="6">
        <v>11001</v>
      </c>
      <c r="F108" s="5" t="s">
        <v>221</v>
      </c>
      <c r="G108" s="5" t="s">
        <v>222</v>
      </c>
    </row>
    <row r="109" spans="1:7">
      <c r="A109" s="5" t="s">
        <v>7</v>
      </c>
      <c r="B109" s="5">
        <v>108</v>
      </c>
      <c r="C109" s="5" t="s">
        <v>8</v>
      </c>
      <c r="D109" s="5" t="s">
        <v>8</v>
      </c>
      <c r="E109" s="6">
        <v>11001</v>
      </c>
      <c r="F109" s="5" t="s">
        <v>223</v>
      </c>
      <c r="G109" s="5" t="s">
        <v>224</v>
      </c>
    </row>
    <row r="110" spans="1:7">
      <c r="A110" s="5" t="s">
        <v>7</v>
      </c>
      <c r="B110" s="5">
        <v>109</v>
      </c>
      <c r="C110" s="5" t="s">
        <v>8</v>
      </c>
      <c r="D110" s="5" t="s">
        <v>8</v>
      </c>
      <c r="E110" s="6">
        <v>11001</v>
      </c>
      <c r="F110" s="5" t="s">
        <v>225</v>
      </c>
      <c r="G110" s="5" t="s">
        <v>226</v>
      </c>
    </row>
    <row r="111" spans="1:7">
      <c r="A111" s="5" t="s">
        <v>7</v>
      </c>
      <c r="B111" s="5">
        <v>110</v>
      </c>
      <c r="C111" s="5" t="s">
        <v>8</v>
      </c>
      <c r="D111" s="5" t="s">
        <v>8</v>
      </c>
      <c r="E111" s="6">
        <v>11001</v>
      </c>
      <c r="F111" s="5" t="s">
        <v>227</v>
      </c>
      <c r="G111" s="5" t="s">
        <v>228</v>
      </c>
    </row>
    <row r="112" spans="1:7">
      <c r="A112" s="5" t="s">
        <v>7</v>
      </c>
      <c r="B112" s="5">
        <v>111</v>
      </c>
      <c r="C112" s="5" t="s">
        <v>8</v>
      </c>
      <c r="D112" s="5" t="s">
        <v>8</v>
      </c>
      <c r="E112" s="6">
        <v>11001</v>
      </c>
      <c r="F112" s="5" t="s">
        <v>229</v>
      </c>
      <c r="G112" s="5" t="s">
        <v>230</v>
      </c>
    </row>
    <row r="113" spans="1:7">
      <c r="A113" s="5" t="s">
        <v>7</v>
      </c>
      <c r="B113" s="5">
        <v>112</v>
      </c>
      <c r="C113" s="5" t="s">
        <v>8</v>
      </c>
      <c r="D113" s="5" t="s">
        <v>8</v>
      </c>
      <c r="E113" s="6">
        <v>11001</v>
      </c>
      <c r="F113" s="5" t="s">
        <v>231</v>
      </c>
      <c r="G113" s="5" t="s">
        <v>232</v>
      </c>
    </row>
    <row r="114" spans="1:7">
      <c r="A114" s="5" t="s">
        <v>7</v>
      </c>
      <c r="B114" s="5">
        <v>113</v>
      </c>
      <c r="C114" s="5" t="s">
        <v>8</v>
      </c>
      <c r="D114" s="5" t="s">
        <v>8</v>
      </c>
      <c r="E114" s="6">
        <v>11001</v>
      </c>
      <c r="F114" s="5" t="s">
        <v>233</v>
      </c>
      <c r="G114" s="5" t="s">
        <v>234</v>
      </c>
    </row>
    <row r="115" spans="1:7">
      <c r="A115" s="5" t="s">
        <v>7</v>
      </c>
      <c r="B115" s="5">
        <v>114</v>
      </c>
      <c r="C115" s="5" t="s">
        <v>8</v>
      </c>
      <c r="D115" s="5" t="s">
        <v>8</v>
      </c>
      <c r="E115" s="6">
        <v>11001</v>
      </c>
      <c r="F115" s="5" t="s">
        <v>235</v>
      </c>
      <c r="G115" s="5" t="s">
        <v>236</v>
      </c>
    </row>
    <row r="116" spans="1:7">
      <c r="A116" s="5" t="s">
        <v>7</v>
      </c>
      <c r="B116" s="5">
        <v>115</v>
      </c>
      <c r="C116" s="5" t="s">
        <v>8</v>
      </c>
      <c r="D116" s="5" t="s">
        <v>8</v>
      </c>
      <c r="E116" s="6">
        <v>11001</v>
      </c>
      <c r="F116" s="5" t="s">
        <v>237</v>
      </c>
      <c r="G116" s="5" t="s">
        <v>238</v>
      </c>
    </row>
    <row r="117" spans="1:7">
      <c r="A117" s="5" t="s">
        <v>7</v>
      </c>
      <c r="B117" s="5">
        <v>116</v>
      </c>
      <c r="C117" s="5" t="s">
        <v>8</v>
      </c>
      <c r="D117" s="5" t="s">
        <v>8</v>
      </c>
      <c r="E117" s="6">
        <v>11001</v>
      </c>
      <c r="F117" s="5" t="s">
        <v>239</v>
      </c>
      <c r="G117" s="5" t="s">
        <v>240</v>
      </c>
    </row>
    <row r="118" spans="1:7">
      <c r="A118" s="5" t="s">
        <v>7</v>
      </c>
      <c r="B118" s="5">
        <v>117</v>
      </c>
      <c r="C118" s="5" t="s">
        <v>8</v>
      </c>
      <c r="D118" s="5" t="s">
        <v>8</v>
      </c>
      <c r="E118" s="6">
        <v>11001</v>
      </c>
      <c r="F118" s="5" t="s">
        <v>241</v>
      </c>
      <c r="G118" s="5" t="s">
        <v>242</v>
      </c>
    </row>
    <row r="119" spans="1:7">
      <c r="A119" s="5" t="s">
        <v>7</v>
      </c>
      <c r="B119" s="5">
        <v>118</v>
      </c>
      <c r="C119" s="5" t="s">
        <v>8</v>
      </c>
      <c r="D119" s="5" t="s">
        <v>8</v>
      </c>
      <c r="E119" s="6">
        <v>11001</v>
      </c>
      <c r="F119" s="5" t="s">
        <v>243</v>
      </c>
      <c r="G119" s="5" t="s">
        <v>244</v>
      </c>
    </row>
    <row r="120" spans="1:7">
      <c r="A120" s="5" t="s">
        <v>7</v>
      </c>
      <c r="B120" s="5">
        <v>119</v>
      </c>
      <c r="C120" s="5" t="s">
        <v>8</v>
      </c>
      <c r="D120" s="5" t="s">
        <v>8</v>
      </c>
      <c r="E120" s="6">
        <v>11001</v>
      </c>
      <c r="F120" s="5" t="s">
        <v>245</v>
      </c>
      <c r="G120" s="5" t="s">
        <v>246</v>
      </c>
    </row>
    <row r="121" spans="1:7">
      <c r="A121" s="5" t="s">
        <v>7</v>
      </c>
      <c r="B121" s="5">
        <v>120</v>
      </c>
      <c r="C121" s="5" t="s">
        <v>8</v>
      </c>
      <c r="D121" s="5" t="s">
        <v>8</v>
      </c>
      <c r="E121" s="6">
        <v>11001</v>
      </c>
      <c r="F121" s="5" t="s">
        <v>247</v>
      </c>
      <c r="G121" s="5" t="s">
        <v>248</v>
      </c>
    </row>
    <row r="122" spans="1:7">
      <c r="A122" s="5" t="s">
        <v>7</v>
      </c>
      <c r="B122" s="5">
        <v>121</v>
      </c>
      <c r="C122" s="5" t="s">
        <v>8</v>
      </c>
      <c r="D122" s="5" t="s">
        <v>8</v>
      </c>
      <c r="E122" s="6">
        <v>11001</v>
      </c>
      <c r="F122" s="5" t="s">
        <v>249</v>
      </c>
      <c r="G122" s="5" t="s">
        <v>250</v>
      </c>
    </row>
    <row r="123" spans="1:7">
      <c r="A123" s="5" t="s">
        <v>7</v>
      </c>
      <c r="B123" s="5">
        <v>122</v>
      </c>
      <c r="C123" s="5" t="s">
        <v>8</v>
      </c>
      <c r="D123" s="5" t="s">
        <v>8</v>
      </c>
      <c r="E123" s="6">
        <v>11001</v>
      </c>
      <c r="F123" s="5" t="s">
        <v>251</v>
      </c>
      <c r="G123" s="5" t="s">
        <v>252</v>
      </c>
    </row>
    <row r="124" spans="1:7">
      <c r="A124" s="5" t="s">
        <v>7</v>
      </c>
      <c r="B124" s="5">
        <v>123</v>
      </c>
      <c r="C124" s="5" t="s">
        <v>8</v>
      </c>
      <c r="D124" s="5" t="s">
        <v>8</v>
      </c>
      <c r="E124" s="6">
        <v>11001</v>
      </c>
      <c r="F124" s="5" t="s">
        <v>253</v>
      </c>
      <c r="G124" s="5" t="s">
        <v>254</v>
      </c>
    </row>
    <row r="125" spans="1:7">
      <c r="A125" s="5" t="s">
        <v>7</v>
      </c>
      <c r="B125" s="5">
        <v>124</v>
      </c>
      <c r="C125" s="5" t="s">
        <v>8</v>
      </c>
      <c r="D125" s="5" t="s">
        <v>8</v>
      </c>
      <c r="E125" s="6">
        <v>11001</v>
      </c>
      <c r="F125" s="5" t="s">
        <v>255</v>
      </c>
      <c r="G125" s="5" t="s">
        <v>256</v>
      </c>
    </row>
    <row r="126" spans="1:7">
      <c r="A126" s="5" t="s">
        <v>7</v>
      </c>
      <c r="B126" s="5">
        <v>125</v>
      </c>
      <c r="C126" s="5" t="s">
        <v>8</v>
      </c>
      <c r="D126" s="5" t="s">
        <v>8</v>
      </c>
      <c r="E126" s="6">
        <v>11001</v>
      </c>
      <c r="F126" s="5" t="s">
        <v>257</v>
      </c>
      <c r="G126" s="5" t="s">
        <v>258</v>
      </c>
    </row>
    <row r="127" spans="1:7">
      <c r="A127" s="5" t="s">
        <v>7</v>
      </c>
      <c r="B127" s="5">
        <v>126</v>
      </c>
      <c r="C127" s="5" t="s">
        <v>8</v>
      </c>
      <c r="D127" s="5" t="s">
        <v>8</v>
      </c>
      <c r="E127" s="6">
        <v>11001</v>
      </c>
      <c r="F127" s="5" t="s">
        <v>259</v>
      </c>
      <c r="G127" s="5" t="s">
        <v>260</v>
      </c>
    </row>
    <row r="128" spans="1:7">
      <c r="A128" s="5" t="s">
        <v>7</v>
      </c>
      <c r="B128" s="5">
        <v>127</v>
      </c>
      <c r="C128" s="5" t="s">
        <v>8</v>
      </c>
      <c r="D128" s="5" t="s">
        <v>8</v>
      </c>
      <c r="E128" s="6">
        <v>11001</v>
      </c>
      <c r="F128" s="5" t="s">
        <v>261</v>
      </c>
      <c r="G128" s="5" t="s">
        <v>262</v>
      </c>
    </row>
    <row r="129" spans="1:7">
      <c r="A129" s="5" t="s">
        <v>7</v>
      </c>
      <c r="B129" s="5">
        <v>128</v>
      </c>
      <c r="C129" s="5" t="s">
        <v>8</v>
      </c>
      <c r="D129" s="5" t="s">
        <v>8</v>
      </c>
      <c r="E129" s="6">
        <v>11001</v>
      </c>
      <c r="F129" s="5" t="s">
        <v>263</v>
      </c>
      <c r="G129" s="5" t="s">
        <v>264</v>
      </c>
    </row>
    <row r="130" spans="1:7">
      <c r="A130" s="5" t="s">
        <v>7</v>
      </c>
      <c r="B130" s="5">
        <v>129</v>
      </c>
      <c r="C130" s="5" t="s">
        <v>8</v>
      </c>
      <c r="D130" s="5" t="s">
        <v>8</v>
      </c>
      <c r="E130" s="6">
        <v>11001</v>
      </c>
      <c r="F130" s="5" t="s">
        <v>265</v>
      </c>
      <c r="G130" s="5" t="s">
        <v>266</v>
      </c>
    </row>
    <row r="131" spans="1:7">
      <c r="A131" s="5" t="s">
        <v>7</v>
      </c>
      <c r="B131" s="5">
        <v>130</v>
      </c>
      <c r="C131" s="5" t="s">
        <v>8</v>
      </c>
      <c r="D131" s="5" t="s">
        <v>8</v>
      </c>
      <c r="E131" s="6">
        <v>11001</v>
      </c>
      <c r="F131" s="5" t="s">
        <v>267</v>
      </c>
      <c r="G131" s="5" t="s">
        <v>268</v>
      </c>
    </row>
    <row r="132" spans="1:7">
      <c r="A132" s="5" t="s">
        <v>7</v>
      </c>
      <c r="B132" s="5">
        <v>131</v>
      </c>
      <c r="C132" s="5" t="s">
        <v>8</v>
      </c>
      <c r="D132" s="5" t="s">
        <v>8</v>
      </c>
      <c r="E132" s="6">
        <v>11001</v>
      </c>
      <c r="F132" s="5" t="s">
        <v>269</v>
      </c>
      <c r="G132" s="5" t="s">
        <v>270</v>
      </c>
    </row>
    <row r="133" spans="1:7">
      <c r="A133" s="5" t="s">
        <v>7</v>
      </c>
      <c r="B133" s="5">
        <v>132</v>
      </c>
      <c r="C133" s="5" t="s">
        <v>8</v>
      </c>
      <c r="D133" s="5" t="s">
        <v>8</v>
      </c>
      <c r="E133" s="6">
        <v>11001</v>
      </c>
      <c r="F133" s="5" t="s">
        <v>271</v>
      </c>
      <c r="G133" s="5" t="s">
        <v>272</v>
      </c>
    </row>
    <row r="134" spans="1:7">
      <c r="A134" s="5" t="s">
        <v>7</v>
      </c>
      <c r="B134" s="5">
        <v>133</v>
      </c>
      <c r="C134" s="5" t="s">
        <v>8</v>
      </c>
      <c r="D134" s="5" t="s">
        <v>8</v>
      </c>
      <c r="E134" s="6">
        <v>11001</v>
      </c>
      <c r="F134" s="5" t="s">
        <v>273</v>
      </c>
      <c r="G134" s="5" t="s">
        <v>274</v>
      </c>
    </row>
    <row r="135" spans="1:7">
      <c r="A135" s="5" t="s">
        <v>7</v>
      </c>
      <c r="B135" s="5">
        <v>134</v>
      </c>
      <c r="C135" s="5" t="s">
        <v>8</v>
      </c>
      <c r="D135" s="5" t="s">
        <v>8</v>
      </c>
      <c r="E135" s="6">
        <v>11001</v>
      </c>
      <c r="F135" s="5" t="s">
        <v>275</v>
      </c>
      <c r="G135" s="5" t="s">
        <v>276</v>
      </c>
    </row>
    <row r="136" spans="1:7">
      <c r="A136" s="5" t="s">
        <v>7</v>
      </c>
      <c r="B136" s="5">
        <v>135</v>
      </c>
      <c r="C136" s="5" t="s">
        <v>8</v>
      </c>
      <c r="D136" s="5" t="s">
        <v>8</v>
      </c>
      <c r="E136" s="6">
        <v>11001</v>
      </c>
      <c r="F136" s="5" t="s">
        <v>277</v>
      </c>
      <c r="G136" s="5" t="s">
        <v>278</v>
      </c>
    </row>
    <row r="137" spans="1:7">
      <c r="A137" s="5" t="s">
        <v>7</v>
      </c>
      <c r="B137" s="5">
        <v>136</v>
      </c>
      <c r="C137" s="5" t="s">
        <v>8</v>
      </c>
      <c r="D137" s="5" t="s">
        <v>8</v>
      </c>
      <c r="E137" s="6">
        <v>11001</v>
      </c>
      <c r="F137" s="5" t="s">
        <v>279</v>
      </c>
      <c r="G137" s="5" t="s">
        <v>280</v>
      </c>
    </row>
    <row r="138" spans="1:7">
      <c r="A138" s="5" t="s">
        <v>7</v>
      </c>
      <c r="B138" s="5">
        <v>137</v>
      </c>
      <c r="C138" s="5" t="s">
        <v>8</v>
      </c>
      <c r="D138" s="5" t="s">
        <v>8</v>
      </c>
      <c r="E138" s="6">
        <v>11001</v>
      </c>
      <c r="F138" s="5" t="s">
        <v>281</v>
      </c>
      <c r="G138" s="5" t="s">
        <v>282</v>
      </c>
    </row>
    <row r="139" spans="1:7">
      <c r="A139" s="5" t="s">
        <v>7</v>
      </c>
      <c r="B139" s="5">
        <v>138</v>
      </c>
      <c r="C139" s="5" t="s">
        <v>8</v>
      </c>
      <c r="D139" s="5" t="s">
        <v>8</v>
      </c>
      <c r="E139" s="6">
        <v>11001</v>
      </c>
      <c r="F139" s="5" t="s">
        <v>283</v>
      </c>
      <c r="G139" s="5" t="s">
        <v>284</v>
      </c>
    </row>
    <row r="140" spans="1:7">
      <c r="A140" s="5" t="s">
        <v>7</v>
      </c>
      <c r="B140" s="5">
        <v>139</v>
      </c>
      <c r="C140" s="5" t="s">
        <v>8</v>
      </c>
      <c r="D140" s="5" t="s">
        <v>8</v>
      </c>
      <c r="E140" s="6">
        <v>11001</v>
      </c>
      <c r="F140" s="5" t="s">
        <v>285</v>
      </c>
      <c r="G140" s="5" t="s">
        <v>286</v>
      </c>
    </row>
    <row r="141" spans="1:7">
      <c r="A141" s="5" t="s">
        <v>7</v>
      </c>
      <c r="B141" s="5">
        <v>140</v>
      </c>
      <c r="C141" s="5" t="s">
        <v>8</v>
      </c>
      <c r="D141" s="5" t="s">
        <v>8</v>
      </c>
      <c r="E141" s="6">
        <v>11001</v>
      </c>
      <c r="F141" s="5" t="s">
        <v>287</v>
      </c>
      <c r="G141" s="5" t="s">
        <v>288</v>
      </c>
    </row>
    <row r="142" spans="1:7">
      <c r="A142" s="5" t="s">
        <v>7</v>
      </c>
      <c r="B142" s="5">
        <v>141</v>
      </c>
      <c r="C142" s="5" t="s">
        <v>8</v>
      </c>
      <c r="D142" s="5" t="s">
        <v>8</v>
      </c>
      <c r="E142" s="6">
        <v>11001</v>
      </c>
      <c r="F142" s="5" t="s">
        <v>289</v>
      </c>
      <c r="G142" s="5" t="s">
        <v>290</v>
      </c>
    </row>
    <row r="143" spans="1:7">
      <c r="A143" s="5" t="s">
        <v>7</v>
      </c>
      <c r="B143" s="5">
        <v>142</v>
      </c>
      <c r="C143" s="5" t="s">
        <v>8</v>
      </c>
      <c r="D143" s="5" t="s">
        <v>8</v>
      </c>
      <c r="E143" s="6">
        <v>11001</v>
      </c>
      <c r="F143" s="5" t="s">
        <v>291</v>
      </c>
      <c r="G143" s="5" t="s">
        <v>292</v>
      </c>
    </row>
    <row r="144" spans="1:7">
      <c r="A144" s="5" t="s">
        <v>7</v>
      </c>
      <c r="B144" s="5">
        <v>143</v>
      </c>
      <c r="C144" s="5" t="s">
        <v>8</v>
      </c>
      <c r="D144" s="5" t="s">
        <v>8</v>
      </c>
      <c r="E144" s="6">
        <v>11001</v>
      </c>
      <c r="F144" s="5" t="s">
        <v>293</v>
      </c>
      <c r="G144" s="5" t="s">
        <v>294</v>
      </c>
    </row>
    <row r="145" spans="1:7">
      <c r="A145" s="5" t="s">
        <v>7</v>
      </c>
      <c r="B145" s="5">
        <v>144</v>
      </c>
      <c r="C145" s="5" t="s">
        <v>8</v>
      </c>
      <c r="D145" s="5" t="s">
        <v>8</v>
      </c>
      <c r="E145" s="6">
        <v>11001</v>
      </c>
      <c r="F145" s="5" t="s">
        <v>295</v>
      </c>
      <c r="G145" s="5" t="s">
        <v>296</v>
      </c>
    </row>
    <row r="146" spans="1:7">
      <c r="A146" s="5" t="s">
        <v>7</v>
      </c>
      <c r="B146" s="5">
        <v>145</v>
      </c>
      <c r="C146" s="5" t="s">
        <v>8</v>
      </c>
      <c r="D146" s="5" t="s">
        <v>8</v>
      </c>
      <c r="E146" s="6">
        <v>11001</v>
      </c>
      <c r="F146" s="5" t="s">
        <v>297</v>
      </c>
      <c r="G146" s="5" t="s">
        <v>298</v>
      </c>
    </row>
    <row r="147" spans="1:7">
      <c r="A147" s="5" t="s">
        <v>7</v>
      </c>
      <c r="B147" s="5">
        <v>146</v>
      </c>
      <c r="C147" s="5" t="s">
        <v>8</v>
      </c>
      <c r="D147" s="5" t="s">
        <v>8</v>
      </c>
      <c r="E147" s="6">
        <v>11001</v>
      </c>
      <c r="F147" s="5" t="s">
        <v>299</v>
      </c>
      <c r="G147" s="5" t="s">
        <v>300</v>
      </c>
    </row>
    <row r="148" spans="1:7">
      <c r="A148" s="5" t="s">
        <v>7</v>
      </c>
      <c r="B148" s="5">
        <v>147</v>
      </c>
      <c r="C148" s="5" t="s">
        <v>8</v>
      </c>
      <c r="D148" s="5" t="s">
        <v>8</v>
      </c>
      <c r="E148" s="6">
        <v>11001</v>
      </c>
      <c r="F148" s="5" t="s">
        <v>301</v>
      </c>
      <c r="G148" s="5" t="s">
        <v>302</v>
      </c>
    </row>
    <row r="149" spans="1:7">
      <c r="A149" s="5" t="s">
        <v>7</v>
      </c>
      <c r="B149" s="5">
        <v>148</v>
      </c>
      <c r="C149" s="5" t="s">
        <v>8</v>
      </c>
      <c r="D149" s="5" t="s">
        <v>8</v>
      </c>
      <c r="E149" s="6">
        <v>11001</v>
      </c>
      <c r="F149" s="5" t="s">
        <v>303</v>
      </c>
      <c r="G149" s="5" t="s">
        <v>304</v>
      </c>
    </row>
    <row r="150" spans="1:7">
      <c r="A150" s="5" t="s">
        <v>7</v>
      </c>
      <c r="B150" s="5">
        <v>149</v>
      </c>
      <c r="C150" s="5" t="s">
        <v>8</v>
      </c>
      <c r="D150" s="5" t="s">
        <v>8</v>
      </c>
      <c r="E150" s="6">
        <v>11001</v>
      </c>
      <c r="F150" s="5" t="s">
        <v>305</v>
      </c>
      <c r="G150" s="5" t="s">
        <v>306</v>
      </c>
    </row>
    <row r="151" spans="1:7">
      <c r="A151" s="5" t="s">
        <v>7</v>
      </c>
      <c r="B151" s="5">
        <v>150</v>
      </c>
      <c r="C151" s="5" t="s">
        <v>8</v>
      </c>
      <c r="D151" s="5" t="s">
        <v>8</v>
      </c>
      <c r="E151" s="6">
        <v>11001</v>
      </c>
      <c r="F151" s="5" t="s">
        <v>307</v>
      </c>
      <c r="G151" s="5" t="s">
        <v>308</v>
      </c>
    </row>
    <row r="152" spans="1:7">
      <c r="A152" s="5" t="s">
        <v>7</v>
      </c>
      <c r="B152" s="5">
        <v>151</v>
      </c>
      <c r="C152" s="5" t="s">
        <v>8</v>
      </c>
      <c r="D152" s="5" t="s">
        <v>8</v>
      </c>
      <c r="E152" s="6">
        <v>11001</v>
      </c>
      <c r="F152" s="5" t="s">
        <v>309</v>
      </c>
      <c r="G152" s="5" t="s">
        <v>310</v>
      </c>
    </row>
    <row r="153" spans="1:7">
      <c r="A153" s="5" t="s">
        <v>7</v>
      </c>
      <c r="B153" s="5">
        <v>152</v>
      </c>
      <c r="C153" s="5" t="s">
        <v>8</v>
      </c>
      <c r="D153" s="5" t="s">
        <v>8</v>
      </c>
      <c r="E153" s="6">
        <v>11001</v>
      </c>
      <c r="F153" s="5" t="s">
        <v>311</v>
      </c>
      <c r="G153" s="5" t="s">
        <v>312</v>
      </c>
    </row>
    <row r="154" spans="1:7">
      <c r="A154" s="5" t="s">
        <v>7</v>
      </c>
      <c r="B154" s="5">
        <v>153</v>
      </c>
      <c r="C154" s="5" t="s">
        <v>8</v>
      </c>
      <c r="D154" s="5" t="s">
        <v>8</v>
      </c>
      <c r="E154" s="6">
        <v>11001</v>
      </c>
      <c r="F154" s="5" t="s">
        <v>313</v>
      </c>
      <c r="G154" s="5" t="s">
        <v>314</v>
      </c>
    </row>
    <row r="155" spans="1:7">
      <c r="A155" s="5" t="s">
        <v>7</v>
      </c>
      <c r="B155" s="5">
        <v>154</v>
      </c>
      <c r="C155" s="5" t="s">
        <v>8</v>
      </c>
      <c r="D155" s="5" t="s">
        <v>8</v>
      </c>
      <c r="E155" s="6">
        <v>11001</v>
      </c>
      <c r="F155" s="5" t="s">
        <v>315</v>
      </c>
      <c r="G155" s="5" t="s">
        <v>316</v>
      </c>
    </row>
    <row r="156" spans="1:7">
      <c r="A156" s="5" t="s">
        <v>7</v>
      </c>
      <c r="B156" s="5">
        <v>155</v>
      </c>
      <c r="C156" s="5" t="s">
        <v>8</v>
      </c>
      <c r="D156" s="5" t="s">
        <v>8</v>
      </c>
      <c r="E156" s="6">
        <v>11001</v>
      </c>
      <c r="F156" s="5" t="s">
        <v>317</v>
      </c>
      <c r="G156" s="5" t="s">
        <v>318</v>
      </c>
    </row>
    <row r="157" spans="1:7">
      <c r="A157" s="5" t="s">
        <v>7</v>
      </c>
      <c r="B157" s="5">
        <v>156</v>
      </c>
      <c r="C157" s="5" t="s">
        <v>8</v>
      </c>
      <c r="D157" s="5" t="s">
        <v>8</v>
      </c>
      <c r="E157" s="6">
        <v>11001</v>
      </c>
      <c r="F157" s="5" t="s">
        <v>319</v>
      </c>
      <c r="G157" s="5" t="s">
        <v>320</v>
      </c>
    </row>
    <row r="158" spans="1:7">
      <c r="A158" s="5" t="s">
        <v>7</v>
      </c>
      <c r="B158" s="5">
        <v>157</v>
      </c>
      <c r="C158" s="5" t="s">
        <v>8</v>
      </c>
      <c r="D158" s="5" t="s">
        <v>8</v>
      </c>
      <c r="E158" s="6">
        <v>11001</v>
      </c>
      <c r="F158" s="5" t="s">
        <v>321</v>
      </c>
      <c r="G158" s="5" t="s">
        <v>322</v>
      </c>
    </row>
    <row r="159" spans="1:7">
      <c r="A159" s="5" t="s">
        <v>7</v>
      </c>
      <c r="B159" s="5">
        <v>158</v>
      </c>
      <c r="C159" s="5" t="s">
        <v>8</v>
      </c>
      <c r="D159" s="5" t="s">
        <v>8</v>
      </c>
      <c r="E159" s="6">
        <v>11001</v>
      </c>
      <c r="F159" s="5" t="s">
        <v>323</v>
      </c>
      <c r="G159" s="5" t="s">
        <v>324</v>
      </c>
    </row>
    <row r="160" spans="1:7">
      <c r="A160" s="5" t="s">
        <v>7</v>
      </c>
      <c r="B160" s="5">
        <v>159</v>
      </c>
      <c r="C160" s="5" t="s">
        <v>8</v>
      </c>
      <c r="D160" s="5" t="s">
        <v>8</v>
      </c>
      <c r="E160" s="6">
        <v>11001</v>
      </c>
      <c r="F160" s="5" t="s">
        <v>325</v>
      </c>
      <c r="G160" s="5" t="s">
        <v>326</v>
      </c>
    </row>
    <row r="161" spans="1:7">
      <c r="A161" s="5" t="s">
        <v>7</v>
      </c>
      <c r="B161" s="5">
        <v>160</v>
      </c>
      <c r="C161" s="5" t="s">
        <v>8</v>
      </c>
      <c r="D161" s="5" t="s">
        <v>8</v>
      </c>
      <c r="E161" s="6">
        <v>11001</v>
      </c>
      <c r="F161" s="5" t="s">
        <v>327</v>
      </c>
      <c r="G161" s="5" t="s">
        <v>328</v>
      </c>
    </row>
    <row r="162" spans="1:7">
      <c r="A162" s="5" t="s">
        <v>7</v>
      </c>
      <c r="B162" s="5">
        <v>161</v>
      </c>
      <c r="C162" s="5" t="s">
        <v>8</v>
      </c>
      <c r="D162" s="5" t="s">
        <v>8</v>
      </c>
      <c r="E162" s="6">
        <v>11001</v>
      </c>
      <c r="F162" s="5" t="s">
        <v>329</v>
      </c>
      <c r="G162" s="5" t="s">
        <v>330</v>
      </c>
    </row>
    <row r="163" spans="1:7">
      <c r="A163" s="5" t="s">
        <v>7</v>
      </c>
      <c r="B163" s="5">
        <v>162</v>
      </c>
      <c r="C163" s="5" t="s">
        <v>8</v>
      </c>
      <c r="D163" s="5" t="s">
        <v>8</v>
      </c>
      <c r="E163" s="6">
        <v>11001</v>
      </c>
      <c r="F163" s="5" t="s">
        <v>331</v>
      </c>
      <c r="G163" s="5" t="s">
        <v>332</v>
      </c>
    </row>
    <row r="164" spans="1:7">
      <c r="A164" s="5" t="s">
        <v>7</v>
      </c>
      <c r="B164" s="5">
        <v>163</v>
      </c>
      <c r="C164" s="5" t="s">
        <v>8</v>
      </c>
      <c r="D164" s="5" t="s">
        <v>8</v>
      </c>
      <c r="E164" s="6">
        <v>11001</v>
      </c>
      <c r="F164" s="5" t="s">
        <v>333</v>
      </c>
      <c r="G164" s="5" t="s">
        <v>334</v>
      </c>
    </row>
    <row r="165" spans="1:7">
      <c r="A165" s="5" t="s">
        <v>7</v>
      </c>
      <c r="B165" s="5">
        <v>164</v>
      </c>
      <c r="C165" s="5" t="s">
        <v>8</v>
      </c>
      <c r="D165" s="5" t="s">
        <v>8</v>
      </c>
      <c r="E165" s="6">
        <v>11001</v>
      </c>
      <c r="F165" s="5" t="s">
        <v>335</v>
      </c>
      <c r="G165" s="5" t="s">
        <v>336</v>
      </c>
    </row>
    <row r="166" spans="1:7">
      <c r="A166" s="5" t="s">
        <v>7</v>
      </c>
      <c r="B166" s="5">
        <v>165</v>
      </c>
      <c r="C166" s="5" t="s">
        <v>8</v>
      </c>
      <c r="D166" s="5" t="s">
        <v>8</v>
      </c>
      <c r="E166" s="6">
        <v>11001</v>
      </c>
      <c r="F166" s="5" t="s">
        <v>337</v>
      </c>
      <c r="G166" s="5" t="s">
        <v>338</v>
      </c>
    </row>
    <row r="167" spans="1:7">
      <c r="A167" s="5" t="s">
        <v>7</v>
      </c>
      <c r="B167" s="5">
        <v>166</v>
      </c>
      <c r="C167" s="5" t="s">
        <v>8</v>
      </c>
      <c r="D167" s="5" t="s">
        <v>8</v>
      </c>
      <c r="E167" s="6">
        <v>11001</v>
      </c>
      <c r="F167" s="5" t="s">
        <v>339</v>
      </c>
      <c r="G167" s="5" t="s">
        <v>340</v>
      </c>
    </row>
    <row r="168" spans="1:7">
      <c r="A168" s="5" t="s">
        <v>7</v>
      </c>
      <c r="B168" s="5">
        <v>167</v>
      </c>
      <c r="C168" s="5" t="s">
        <v>8</v>
      </c>
      <c r="D168" s="5" t="s">
        <v>8</v>
      </c>
      <c r="E168" s="6">
        <v>11001</v>
      </c>
      <c r="F168" s="5" t="s">
        <v>341</v>
      </c>
      <c r="G168" s="5" t="s">
        <v>342</v>
      </c>
    </row>
    <row r="169" spans="1:7">
      <c r="A169" s="5" t="s">
        <v>7</v>
      </c>
      <c r="B169" s="5">
        <v>168</v>
      </c>
      <c r="C169" s="5" t="s">
        <v>8</v>
      </c>
      <c r="D169" s="5" t="s">
        <v>8</v>
      </c>
      <c r="E169" s="6">
        <v>11001</v>
      </c>
      <c r="F169" s="5" t="s">
        <v>343</v>
      </c>
      <c r="G169" s="5" t="s">
        <v>344</v>
      </c>
    </row>
    <row r="170" spans="1:7">
      <c r="A170" s="5" t="s">
        <v>7</v>
      </c>
      <c r="B170" s="5">
        <v>169</v>
      </c>
      <c r="C170" s="5" t="s">
        <v>8</v>
      </c>
      <c r="D170" s="5" t="s">
        <v>8</v>
      </c>
      <c r="E170" s="6">
        <v>11001</v>
      </c>
      <c r="F170" s="5" t="s">
        <v>345</v>
      </c>
      <c r="G170" s="5" t="s">
        <v>346</v>
      </c>
    </row>
    <row r="171" spans="1:7">
      <c r="A171" s="5" t="s">
        <v>7</v>
      </c>
      <c r="B171" s="5">
        <v>170</v>
      </c>
      <c r="C171" s="5" t="s">
        <v>8</v>
      </c>
      <c r="D171" s="5" t="s">
        <v>8</v>
      </c>
      <c r="E171" s="6">
        <v>11001</v>
      </c>
      <c r="F171" s="5" t="s">
        <v>347</v>
      </c>
      <c r="G171" s="5" t="s">
        <v>348</v>
      </c>
    </row>
    <row r="172" spans="1:7">
      <c r="A172" s="5" t="s">
        <v>7</v>
      </c>
      <c r="B172" s="5">
        <v>171</v>
      </c>
      <c r="C172" s="5" t="s">
        <v>8</v>
      </c>
      <c r="D172" s="5" t="s">
        <v>8</v>
      </c>
      <c r="E172" s="6">
        <v>11001</v>
      </c>
      <c r="F172" s="5" t="s">
        <v>349</v>
      </c>
      <c r="G172" s="5" t="s">
        <v>350</v>
      </c>
    </row>
    <row r="173" spans="1:7">
      <c r="A173" s="5" t="s">
        <v>7</v>
      </c>
      <c r="B173" s="5">
        <v>172</v>
      </c>
      <c r="C173" s="5" t="s">
        <v>8</v>
      </c>
      <c r="D173" s="5" t="s">
        <v>8</v>
      </c>
      <c r="E173" s="6">
        <v>11001</v>
      </c>
      <c r="F173" s="5" t="s">
        <v>351</v>
      </c>
      <c r="G173" s="5" t="s">
        <v>352</v>
      </c>
    </row>
    <row r="174" spans="1:7">
      <c r="A174" s="5" t="s">
        <v>7</v>
      </c>
      <c r="B174" s="5">
        <v>173</v>
      </c>
      <c r="C174" s="5" t="s">
        <v>8</v>
      </c>
      <c r="D174" s="5" t="s">
        <v>8</v>
      </c>
      <c r="E174" s="6">
        <v>11001</v>
      </c>
      <c r="F174" s="5" t="s">
        <v>353</v>
      </c>
      <c r="G174" s="5" t="s">
        <v>354</v>
      </c>
    </row>
    <row r="175" spans="1:7">
      <c r="A175" s="5" t="s">
        <v>7</v>
      </c>
      <c r="B175" s="5">
        <v>174</v>
      </c>
      <c r="C175" s="5" t="s">
        <v>8</v>
      </c>
      <c r="D175" s="5" t="s">
        <v>8</v>
      </c>
      <c r="E175" s="6">
        <v>11001</v>
      </c>
      <c r="F175" s="5" t="s">
        <v>355</v>
      </c>
      <c r="G175" s="5" t="s">
        <v>356</v>
      </c>
    </row>
    <row r="176" spans="1:7">
      <c r="A176" s="5" t="s">
        <v>7</v>
      </c>
      <c r="B176" s="5">
        <v>175</v>
      </c>
      <c r="C176" s="5" t="s">
        <v>8</v>
      </c>
      <c r="D176" s="5" t="s">
        <v>8</v>
      </c>
      <c r="E176" s="6">
        <v>11001</v>
      </c>
      <c r="F176" s="5" t="s">
        <v>357</v>
      </c>
      <c r="G176" s="5" t="s">
        <v>358</v>
      </c>
    </row>
    <row r="177" spans="1:7">
      <c r="A177" s="5" t="s">
        <v>7</v>
      </c>
      <c r="B177" s="5">
        <v>176</v>
      </c>
      <c r="C177" s="5" t="s">
        <v>8</v>
      </c>
      <c r="D177" s="5" t="s">
        <v>8</v>
      </c>
      <c r="E177" s="6">
        <v>11001</v>
      </c>
      <c r="F177" s="5" t="s">
        <v>359</v>
      </c>
      <c r="G177" s="5" t="s">
        <v>360</v>
      </c>
    </row>
    <row r="178" spans="1:7">
      <c r="A178" s="5" t="s">
        <v>7</v>
      </c>
      <c r="B178" s="5">
        <v>177</v>
      </c>
      <c r="C178" s="5" t="s">
        <v>8</v>
      </c>
      <c r="D178" s="5" t="s">
        <v>8</v>
      </c>
      <c r="E178" s="6">
        <v>11001</v>
      </c>
      <c r="F178" s="5" t="s">
        <v>361</v>
      </c>
      <c r="G178" s="5" t="s">
        <v>362</v>
      </c>
    </row>
    <row r="179" spans="1:7">
      <c r="A179" s="5" t="s">
        <v>7</v>
      </c>
      <c r="B179" s="5">
        <v>178</v>
      </c>
      <c r="C179" s="5" t="s">
        <v>8</v>
      </c>
      <c r="D179" s="5" t="s">
        <v>8</v>
      </c>
      <c r="E179" s="6">
        <v>11001</v>
      </c>
      <c r="F179" s="5" t="s">
        <v>363</v>
      </c>
      <c r="G179" s="5" t="s">
        <v>364</v>
      </c>
    </row>
    <row r="180" spans="1:7">
      <c r="A180" s="5" t="s">
        <v>7</v>
      </c>
      <c r="B180" s="5">
        <v>179</v>
      </c>
      <c r="C180" s="5" t="s">
        <v>8</v>
      </c>
      <c r="D180" s="5" t="s">
        <v>8</v>
      </c>
      <c r="E180" s="6">
        <v>11001</v>
      </c>
      <c r="F180" s="5" t="s">
        <v>365</v>
      </c>
      <c r="G180" s="5" t="s">
        <v>366</v>
      </c>
    </row>
    <row r="181" spans="1:7">
      <c r="A181" s="5" t="s">
        <v>7</v>
      </c>
      <c r="B181" s="5">
        <v>180</v>
      </c>
      <c r="C181" s="5" t="s">
        <v>8</v>
      </c>
      <c r="D181" s="5" t="s">
        <v>8</v>
      </c>
      <c r="E181" s="6">
        <v>11001</v>
      </c>
      <c r="F181" s="5" t="s">
        <v>367</v>
      </c>
      <c r="G181" s="5" t="s">
        <v>368</v>
      </c>
    </row>
    <row r="182" spans="1:7">
      <c r="A182" s="5" t="s">
        <v>7</v>
      </c>
      <c r="B182" s="5">
        <v>181</v>
      </c>
      <c r="C182" s="5" t="s">
        <v>8</v>
      </c>
      <c r="D182" s="5" t="s">
        <v>8</v>
      </c>
      <c r="E182" s="6">
        <v>11001</v>
      </c>
      <c r="F182" s="5" t="s">
        <v>369</v>
      </c>
      <c r="G182" s="5" t="s">
        <v>370</v>
      </c>
    </row>
    <row r="183" spans="1:7">
      <c r="A183" s="5" t="s">
        <v>7</v>
      </c>
      <c r="B183" s="5">
        <v>182</v>
      </c>
      <c r="C183" s="5" t="s">
        <v>8</v>
      </c>
      <c r="D183" s="5" t="s">
        <v>8</v>
      </c>
      <c r="E183" s="6">
        <v>11001</v>
      </c>
      <c r="F183" s="5" t="s">
        <v>371</v>
      </c>
      <c r="G183" s="5" t="s">
        <v>372</v>
      </c>
    </row>
    <row r="184" spans="1:7">
      <c r="A184" s="5" t="s">
        <v>7</v>
      </c>
      <c r="B184" s="5">
        <v>183</v>
      </c>
      <c r="C184" s="5" t="s">
        <v>8</v>
      </c>
      <c r="D184" s="5" t="s">
        <v>8</v>
      </c>
      <c r="E184" s="6">
        <v>11001</v>
      </c>
      <c r="F184" s="5" t="s">
        <v>373</v>
      </c>
      <c r="G184" s="5" t="s">
        <v>374</v>
      </c>
    </row>
    <row r="185" spans="1:7">
      <c r="A185" s="5" t="s">
        <v>7</v>
      </c>
      <c r="B185" s="5">
        <v>184</v>
      </c>
      <c r="C185" s="5" t="s">
        <v>8</v>
      </c>
      <c r="D185" s="5" t="s">
        <v>8</v>
      </c>
      <c r="E185" s="6">
        <v>11001</v>
      </c>
      <c r="F185" s="5" t="s">
        <v>375</v>
      </c>
      <c r="G185" s="5" t="s">
        <v>376</v>
      </c>
    </row>
    <row r="186" spans="1:7">
      <c r="A186" s="5" t="s">
        <v>7</v>
      </c>
      <c r="B186" s="5">
        <v>185</v>
      </c>
      <c r="C186" s="5" t="s">
        <v>8</v>
      </c>
      <c r="D186" s="5" t="s">
        <v>8</v>
      </c>
      <c r="E186" s="6">
        <v>11001</v>
      </c>
      <c r="F186" s="5" t="s">
        <v>377</v>
      </c>
      <c r="G186" s="5" t="s">
        <v>378</v>
      </c>
    </row>
    <row r="187" spans="1:7">
      <c r="A187" s="5" t="s">
        <v>7</v>
      </c>
      <c r="B187" s="5">
        <v>186</v>
      </c>
      <c r="C187" s="5" t="s">
        <v>8</v>
      </c>
      <c r="D187" s="5" t="s">
        <v>8</v>
      </c>
      <c r="E187" s="6">
        <v>11001</v>
      </c>
      <c r="F187" s="5" t="s">
        <v>379</v>
      </c>
      <c r="G187" s="5" t="s">
        <v>380</v>
      </c>
    </row>
    <row r="188" spans="1:7">
      <c r="A188" s="5" t="s">
        <v>7</v>
      </c>
      <c r="B188" s="5">
        <v>187</v>
      </c>
      <c r="C188" s="5" t="s">
        <v>8</v>
      </c>
      <c r="D188" s="5" t="s">
        <v>8</v>
      </c>
      <c r="E188" s="6">
        <v>11001</v>
      </c>
      <c r="F188" s="5" t="s">
        <v>381</v>
      </c>
      <c r="G188" s="5" t="s">
        <v>382</v>
      </c>
    </row>
    <row r="189" spans="1:7">
      <c r="A189" s="5" t="s">
        <v>7</v>
      </c>
      <c r="B189" s="5">
        <v>188</v>
      </c>
      <c r="C189" s="5" t="s">
        <v>8</v>
      </c>
      <c r="D189" s="5" t="s">
        <v>8</v>
      </c>
      <c r="E189" s="6">
        <v>11001</v>
      </c>
      <c r="F189" s="5" t="s">
        <v>383</v>
      </c>
      <c r="G189" s="5" t="s">
        <v>384</v>
      </c>
    </row>
    <row r="190" spans="1:7">
      <c r="A190" s="5" t="s">
        <v>7</v>
      </c>
      <c r="B190" s="5">
        <v>189</v>
      </c>
      <c r="C190" s="5" t="s">
        <v>8</v>
      </c>
      <c r="D190" s="5" t="s">
        <v>8</v>
      </c>
      <c r="E190" s="6">
        <v>11001</v>
      </c>
      <c r="F190" s="5" t="s">
        <v>385</v>
      </c>
      <c r="G190" s="5" t="s">
        <v>386</v>
      </c>
    </row>
    <row r="191" spans="1:7">
      <c r="A191" s="5" t="s">
        <v>7</v>
      </c>
      <c r="B191" s="5">
        <v>190</v>
      </c>
      <c r="C191" s="5" t="s">
        <v>8</v>
      </c>
      <c r="D191" s="5" t="s">
        <v>8</v>
      </c>
      <c r="E191" s="6">
        <v>11001</v>
      </c>
      <c r="F191" s="5" t="s">
        <v>387</v>
      </c>
      <c r="G191" s="5" t="s">
        <v>388</v>
      </c>
    </row>
    <row r="192" spans="1:7">
      <c r="A192" s="5" t="s">
        <v>7</v>
      </c>
      <c r="B192" s="5">
        <v>191</v>
      </c>
      <c r="C192" s="5" t="s">
        <v>8</v>
      </c>
      <c r="D192" s="5" t="s">
        <v>8</v>
      </c>
      <c r="E192" s="6">
        <v>11001</v>
      </c>
      <c r="F192" s="5" t="s">
        <v>389</v>
      </c>
      <c r="G192" s="5" t="s">
        <v>390</v>
      </c>
    </row>
    <row r="193" spans="1:7">
      <c r="A193" s="5" t="s">
        <v>7</v>
      </c>
      <c r="B193" s="5">
        <v>192</v>
      </c>
      <c r="C193" s="5" t="s">
        <v>8</v>
      </c>
      <c r="D193" s="5" t="s">
        <v>8</v>
      </c>
      <c r="E193" s="6">
        <v>11001</v>
      </c>
      <c r="F193" s="5" t="s">
        <v>391</v>
      </c>
      <c r="G193" s="5" t="s">
        <v>392</v>
      </c>
    </row>
    <row r="194" spans="1:7">
      <c r="A194" s="5" t="s">
        <v>7</v>
      </c>
      <c r="B194" s="5">
        <v>193</v>
      </c>
      <c r="C194" s="5" t="s">
        <v>8</v>
      </c>
      <c r="D194" s="5" t="s">
        <v>8</v>
      </c>
      <c r="E194" s="6">
        <v>11001</v>
      </c>
      <c r="F194" s="5" t="s">
        <v>393</v>
      </c>
      <c r="G194" s="5" t="s">
        <v>394</v>
      </c>
    </row>
    <row r="195" spans="1:7">
      <c r="A195" s="5" t="s">
        <v>7</v>
      </c>
      <c r="B195" s="5">
        <v>194</v>
      </c>
      <c r="C195" s="5" t="s">
        <v>8</v>
      </c>
      <c r="D195" s="5" t="s">
        <v>8</v>
      </c>
      <c r="E195" s="6">
        <v>11001</v>
      </c>
      <c r="F195" s="5" t="s">
        <v>395</v>
      </c>
      <c r="G195" s="5" t="s">
        <v>396</v>
      </c>
    </row>
    <row r="196" spans="1:7">
      <c r="A196" s="5" t="s">
        <v>7</v>
      </c>
      <c r="B196" s="5">
        <v>195</v>
      </c>
      <c r="C196" s="5" t="s">
        <v>8</v>
      </c>
      <c r="D196" s="5" t="s">
        <v>8</v>
      </c>
      <c r="E196" s="6">
        <v>11001</v>
      </c>
      <c r="F196" s="5" t="s">
        <v>397</v>
      </c>
      <c r="G196" s="5" t="s">
        <v>398</v>
      </c>
    </row>
    <row r="197" spans="1:7">
      <c r="A197" s="5" t="s">
        <v>7</v>
      </c>
      <c r="B197" s="5">
        <v>196</v>
      </c>
      <c r="C197" s="5" t="s">
        <v>8</v>
      </c>
      <c r="D197" s="5" t="s">
        <v>8</v>
      </c>
      <c r="E197" s="6">
        <v>11001</v>
      </c>
      <c r="F197" s="5" t="s">
        <v>399</v>
      </c>
      <c r="G197" s="5" t="s">
        <v>400</v>
      </c>
    </row>
    <row r="198" spans="1:7">
      <c r="A198" s="5" t="s">
        <v>7</v>
      </c>
      <c r="B198" s="5">
        <v>197</v>
      </c>
      <c r="C198" s="5" t="s">
        <v>8</v>
      </c>
      <c r="D198" s="5" t="s">
        <v>8</v>
      </c>
      <c r="E198" s="6">
        <v>11001</v>
      </c>
      <c r="F198" s="5" t="s">
        <v>401</v>
      </c>
      <c r="G198" s="5" t="s">
        <v>402</v>
      </c>
    </row>
    <row r="199" spans="1:7">
      <c r="A199" s="5" t="s">
        <v>7</v>
      </c>
      <c r="B199" s="5">
        <v>198</v>
      </c>
      <c r="C199" s="5" t="s">
        <v>8</v>
      </c>
      <c r="D199" s="5" t="s">
        <v>8</v>
      </c>
      <c r="E199" s="6">
        <v>11001</v>
      </c>
      <c r="F199" s="5" t="s">
        <v>403</v>
      </c>
      <c r="G199" s="5" t="s">
        <v>404</v>
      </c>
    </row>
    <row r="200" spans="1:7">
      <c r="A200" s="5" t="s">
        <v>7</v>
      </c>
      <c r="B200" s="5">
        <v>199</v>
      </c>
      <c r="C200" s="5" t="s">
        <v>8</v>
      </c>
      <c r="D200" s="5" t="s">
        <v>8</v>
      </c>
      <c r="E200" s="6">
        <v>11001</v>
      </c>
      <c r="F200" s="5" t="s">
        <v>405</v>
      </c>
      <c r="G200" s="5" t="s">
        <v>406</v>
      </c>
    </row>
    <row r="201" spans="1:7">
      <c r="A201" s="5" t="s">
        <v>7</v>
      </c>
      <c r="B201" s="5">
        <v>200</v>
      </c>
      <c r="C201" s="5" t="s">
        <v>8</v>
      </c>
      <c r="D201" s="5" t="s">
        <v>8</v>
      </c>
      <c r="E201" s="6">
        <v>11001</v>
      </c>
      <c r="F201" s="5" t="s">
        <v>407</v>
      </c>
      <c r="G201" s="5" t="s">
        <v>408</v>
      </c>
    </row>
    <row r="202" spans="1:7">
      <c r="A202" s="5" t="s">
        <v>7</v>
      </c>
      <c r="B202" s="5">
        <v>201</v>
      </c>
      <c r="C202" s="5" t="s">
        <v>8</v>
      </c>
      <c r="D202" s="5" t="s">
        <v>8</v>
      </c>
      <c r="E202" s="6">
        <v>11001</v>
      </c>
      <c r="F202" s="5" t="s">
        <v>409</v>
      </c>
      <c r="G202" s="5" t="s">
        <v>410</v>
      </c>
    </row>
    <row r="203" spans="1:7">
      <c r="A203" s="5" t="s">
        <v>7</v>
      </c>
      <c r="B203" s="5">
        <v>202</v>
      </c>
      <c r="C203" s="5" t="s">
        <v>8</v>
      </c>
      <c r="D203" s="5" t="s">
        <v>8</v>
      </c>
      <c r="E203" s="6">
        <v>11001</v>
      </c>
      <c r="F203" s="5" t="s">
        <v>411</v>
      </c>
      <c r="G203" s="5" t="s">
        <v>412</v>
      </c>
    </row>
    <row r="204" spans="1:7">
      <c r="A204" s="5" t="s">
        <v>7</v>
      </c>
      <c r="B204" s="5">
        <v>203</v>
      </c>
      <c r="C204" s="5" t="s">
        <v>8</v>
      </c>
      <c r="D204" s="5" t="s">
        <v>8</v>
      </c>
      <c r="E204" s="6">
        <v>11001</v>
      </c>
      <c r="F204" s="5" t="s">
        <v>413</v>
      </c>
      <c r="G204" s="5" t="s">
        <v>414</v>
      </c>
    </row>
    <row r="205" spans="1:7">
      <c r="A205" s="5" t="s">
        <v>7</v>
      </c>
      <c r="B205" s="5">
        <v>204</v>
      </c>
      <c r="C205" s="5" t="s">
        <v>8</v>
      </c>
      <c r="D205" s="5" t="s">
        <v>8</v>
      </c>
      <c r="E205" s="6">
        <v>11001</v>
      </c>
      <c r="F205" s="5" t="s">
        <v>415</v>
      </c>
      <c r="G205" s="5" t="s">
        <v>416</v>
      </c>
    </row>
    <row r="206" spans="1:7">
      <c r="A206" s="5" t="s">
        <v>7</v>
      </c>
      <c r="B206" s="5">
        <v>205</v>
      </c>
      <c r="C206" s="5" t="s">
        <v>8</v>
      </c>
      <c r="D206" s="5" t="s">
        <v>8</v>
      </c>
      <c r="E206" s="6">
        <v>11001</v>
      </c>
      <c r="F206" s="5" t="s">
        <v>417</v>
      </c>
      <c r="G206" s="5" t="s">
        <v>418</v>
      </c>
    </row>
    <row r="207" spans="1:7">
      <c r="A207" s="5" t="s">
        <v>7</v>
      </c>
      <c r="B207" s="5">
        <v>206</v>
      </c>
      <c r="C207" s="5" t="s">
        <v>8</v>
      </c>
      <c r="D207" s="5" t="s">
        <v>8</v>
      </c>
      <c r="E207" s="6">
        <v>11001</v>
      </c>
      <c r="F207" s="5" t="s">
        <v>419</v>
      </c>
      <c r="G207" s="5" t="s">
        <v>420</v>
      </c>
    </row>
    <row r="208" spans="1:7">
      <c r="A208" s="5" t="s">
        <v>7</v>
      </c>
      <c r="B208" s="5">
        <v>207</v>
      </c>
      <c r="C208" s="5" t="s">
        <v>8</v>
      </c>
      <c r="D208" s="5" t="s">
        <v>8</v>
      </c>
      <c r="E208" s="6">
        <v>11001</v>
      </c>
      <c r="F208" s="5" t="s">
        <v>421</v>
      </c>
      <c r="G208" s="5" t="s">
        <v>422</v>
      </c>
    </row>
    <row r="209" spans="1:7">
      <c r="A209" s="5" t="s">
        <v>7</v>
      </c>
      <c r="B209" s="5">
        <v>208</v>
      </c>
      <c r="C209" s="5" t="s">
        <v>8</v>
      </c>
      <c r="D209" s="5" t="s">
        <v>8</v>
      </c>
      <c r="E209" s="6">
        <v>11001</v>
      </c>
      <c r="F209" s="5" t="s">
        <v>423</v>
      </c>
      <c r="G209" s="5" t="s">
        <v>424</v>
      </c>
    </row>
    <row r="210" spans="1:7">
      <c r="A210" s="5" t="s">
        <v>7</v>
      </c>
      <c r="B210" s="5">
        <v>209</v>
      </c>
      <c r="C210" s="5" t="s">
        <v>8</v>
      </c>
      <c r="D210" s="5" t="s">
        <v>8</v>
      </c>
      <c r="E210" s="6">
        <v>11001</v>
      </c>
      <c r="F210" s="5" t="s">
        <v>425</v>
      </c>
      <c r="G210" s="5" t="s">
        <v>426</v>
      </c>
    </row>
    <row r="211" spans="1:7">
      <c r="A211" s="5" t="s">
        <v>7</v>
      </c>
      <c r="B211" s="5">
        <v>210</v>
      </c>
      <c r="C211" s="5" t="s">
        <v>8</v>
      </c>
      <c r="D211" s="5" t="s">
        <v>8</v>
      </c>
      <c r="E211" s="6">
        <v>11001</v>
      </c>
      <c r="F211" s="5" t="s">
        <v>427</v>
      </c>
      <c r="G211" s="5" t="s">
        <v>428</v>
      </c>
    </row>
    <row r="212" spans="1:7">
      <c r="A212" s="5" t="s">
        <v>7</v>
      </c>
      <c r="B212" s="5">
        <v>211</v>
      </c>
      <c r="C212" s="5" t="s">
        <v>8</v>
      </c>
      <c r="D212" s="5" t="s">
        <v>8</v>
      </c>
      <c r="E212" s="6">
        <v>11001</v>
      </c>
      <c r="F212" s="5" t="s">
        <v>429</v>
      </c>
      <c r="G212" s="5" t="s">
        <v>430</v>
      </c>
    </row>
    <row r="213" spans="1:7">
      <c r="A213" s="5" t="s">
        <v>7</v>
      </c>
      <c r="B213" s="5">
        <v>212</v>
      </c>
      <c r="C213" s="5" t="s">
        <v>8</v>
      </c>
      <c r="D213" s="5" t="s">
        <v>8</v>
      </c>
      <c r="E213" s="6">
        <v>11001</v>
      </c>
      <c r="F213" s="5" t="s">
        <v>431</v>
      </c>
      <c r="G213" s="5" t="s">
        <v>432</v>
      </c>
    </row>
    <row r="214" spans="1:7">
      <c r="A214" s="5" t="s">
        <v>7</v>
      </c>
      <c r="B214" s="5">
        <v>213</v>
      </c>
      <c r="C214" s="5" t="s">
        <v>8</v>
      </c>
      <c r="D214" s="5" t="s">
        <v>8</v>
      </c>
      <c r="E214" s="6">
        <v>11001</v>
      </c>
      <c r="F214" s="5" t="s">
        <v>433</v>
      </c>
      <c r="G214" s="5" t="s">
        <v>434</v>
      </c>
    </row>
    <row r="215" spans="1:7">
      <c r="A215" s="5" t="s">
        <v>7</v>
      </c>
      <c r="B215" s="5">
        <v>214</v>
      </c>
      <c r="C215" s="5" t="s">
        <v>8</v>
      </c>
      <c r="D215" s="5" t="s">
        <v>8</v>
      </c>
      <c r="E215" s="6">
        <v>11001</v>
      </c>
      <c r="F215" s="5" t="s">
        <v>435</v>
      </c>
      <c r="G215" s="5" t="s">
        <v>436</v>
      </c>
    </row>
    <row r="216" spans="1:7">
      <c r="A216" s="5" t="s">
        <v>7</v>
      </c>
      <c r="B216" s="5">
        <v>215</v>
      </c>
      <c r="C216" s="5" t="s">
        <v>8</v>
      </c>
      <c r="D216" s="5" t="s">
        <v>8</v>
      </c>
      <c r="E216" s="6">
        <v>11001</v>
      </c>
      <c r="F216" s="5" t="s">
        <v>437</v>
      </c>
      <c r="G216" s="5" t="s">
        <v>438</v>
      </c>
    </row>
    <row r="217" spans="1:7">
      <c r="A217" s="5" t="s">
        <v>7</v>
      </c>
      <c r="B217" s="5">
        <v>216</v>
      </c>
      <c r="C217" s="5" t="s">
        <v>8</v>
      </c>
      <c r="D217" s="5" t="s">
        <v>8</v>
      </c>
      <c r="E217" s="6">
        <v>11001</v>
      </c>
      <c r="F217" s="5" t="s">
        <v>439</v>
      </c>
      <c r="G217" s="5" t="s">
        <v>440</v>
      </c>
    </row>
    <row r="218" spans="1:7">
      <c r="A218" s="5" t="s">
        <v>7</v>
      </c>
      <c r="B218" s="5">
        <v>217</v>
      </c>
      <c r="C218" s="5" t="s">
        <v>8</v>
      </c>
      <c r="D218" s="5" t="s">
        <v>8</v>
      </c>
      <c r="E218" s="6">
        <v>11001</v>
      </c>
      <c r="F218" s="5" t="s">
        <v>441</v>
      </c>
      <c r="G218" s="5" t="s">
        <v>442</v>
      </c>
    </row>
    <row r="219" spans="1:7">
      <c r="A219" s="5" t="s">
        <v>7</v>
      </c>
      <c r="B219" s="5">
        <v>218</v>
      </c>
      <c r="C219" s="5" t="s">
        <v>8</v>
      </c>
      <c r="D219" s="5" t="s">
        <v>8</v>
      </c>
      <c r="E219" s="6">
        <v>11001</v>
      </c>
      <c r="F219" s="5" t="s">
        <v>443</v>
      </c>
      <c r="G219" s="5" t="s">
        <v>444</v>
      </c>
    </row>
    <row r="220" spans="1:7">
      <c r="A220" s="5" t="s">
        <v>7</v>
      </c>
      <c r="B220" s="5">
        <v>219</v>
      </c>
      <c r="C220" s="5" t="s">
        <v>8</v>
      </c>
      <c r="D220" s="5" t="s">
        <v>8</v>
      </c>
      <c r="E220" s="6">
        <v>11001</v>
      </c>
      <c r="F220" s="5" t="s">
        <v>445</v>
      </c>
      <c r="G220" s="5" t="s">
        <v>446</v>
      </c>
    </row>
    <row r="221" spans="1:7">
      <c r="A221" s="5" t="s">
        <v>7</v>
      </c>
      <c r="B221" s="5">
        <v>220</v>
      </c>
      <c r="C221" s="5" t="s">
        <v>8</v>
      </c>
      <c r="D221" s="5" t="s">
        <v>8</v>
      </c>
      <c r="E221" s="6">
        <v>11001</v>
      </c>
      <c r="F221" s="5" t="s">
        <v>447</v>
      </c>
      <c r="G221" s="5" t="s">
        <v>448</v>
      </c>
    </row>
    <row r="222" spans="1:7">
      <c r="A222" s="5" t="s">
        <v>7</v>
      </c>
      <c r="B222" s="5">
        <v>221</v>
      </c>
      <c r="C222" s="5" t="s">
        <v>8</v>
      </c>
      <c r="D222" s="5" t="s">
        <v>8</v>
      </c>
      <c r="E222" s="6">
        <v>11001</v>
      </c>
      <c r="F222" s="5" t="s">
        <v>449</v>
      </c>
      <c r="G222" s="5" t="s">
        <v>450</v>
      </c>
    </row>
    <row r="223" spans="1:7">
      <c r="A223" s="5" t="s">
        <v>7</v>
      </c>
      <c r="B223" s="5">
        <v>222</v>
      </c>
      <c r="C223" s="5" t="s">
        <v>8</v>
      </c>
      <c r="D223" s="5" t="s">
        <v>8</v>
      </c>
      <c r="E223" s="6">
        <v>11001</v>
      </c>
      <c r="F223" s="5" t="s">
        <v>451</v>
      </c>
      <c r="G223" s="5" t="s">
        <v>452</v>
      </c>
    </row>
    <row r="224" spans="1:7">
      <c r="A224" s="5" t="s">
        <v>7</v>
      </c>
      <c r="B224" s="5">
        <v>223</v>
      </c>
      <c r="C224" s="5" t="s">
        <v>8</v>
      </c>
      <c r="D224" s="5" t="s">
        <v>8</v>
      </c>
      <c r="E224" s="6">
        <v>11001</v>
      </c>
      <c r="F224" s="5" t="s">
        <v>453</v>
      </c>
      <c r="G224" s="5" t="s">
        <v>454</v>
      </c>
    </row>
    <row r="225" spans="1:7">
      <c r="A225" s="5" t="s">
        <v>7</v>
      </c>
      <c r="B225" s="5">
        <v>224</v>
      </c>
      <c r="C225" s="5" t="s">
        <v>8</v>
      </c>
      <c r="D225" s="5" t="s">
        <v>8</v>
      </c>
      <c r="E225" s="6">
        <v>11001</v>
      </c>
      <c r="F225" s="5" t="s">
        <v>455</v>
      </c>
      <c r="G225" s="5" t="s">
        <v>456</v>
      </c>
    </row>
    <row r="226" spans="1:7">
      <c r="A226" s="5" t="s">
        <v>7</v>
      </c>
      <c r="B226" s="5">
        <v>225</v>
      </c>
      <c r="C226" s="5" t="s">
        <v>8</v>
      </c>
      <c r="D226" s="5" t="s">
        <v>8</v>
      </c>
      <c r="E226" s="6">
        <v>11001</v>
      </c>
      <c r="F226" s="5" t="s">
        <v>457</v>
      </c>
      <c r="G226" s="5" t="s">
        <v>458</v>
      </c>
    </row>
    <row r="227" spans="1:7">
      <c r="A227" s="5" t="s">
        <v>7</v>
      </c>
      <c r="B227" s="5">
        <v>226</v>
      </c>
      <c r="C227" s="5" t="s">
        <v>8</v>
      </c>
      <c r="D227" s="5" t="s">
        <v>8</v>
      </c>
      <c r="E227" s="6">
        <v>11001</v>
      </c>
      <c r="F227" s="5" t="s">
        <v>459</v>
      </c>
      <c r="G227" s="5" t="s">
        <v>460</v>
      </c>
    </row>
    <row r="228" spans="1:7">
      <c r="A228" s="5" t="s">
        <v>7</v>
      </c>
      <c r="B228" s="5">
        <v>227</v>
      </c>
      <c r="C228" s="5" t="s">
        <v>8</v>
      </c>
      <c r="D228" s="5" t="s">
        <v>8</v>
      </c>
      <c r="E228" s="6">
        <v>11001</v>
      </c>
      <c r="F228" s="5" t="s">
        <v>461</v>
      </c>
      <c r="G228" s="5" t="s">
        <v>462</v>
      </c>
    </row>
    <row r="229" spans="1:7">
      <c r="A229" s="5" t="s">
        <v>7</v>
      </c>
      <c r="B229" s="5">
        <v>228</v>
      </c>
      <c r="C229" s="5" t="s">
        <v>8</v>
      </c>
      <c r="D229" s="5" t="s">
        <v>8</v>
      </c>
      <c r="E229" s="6">
        <v>11001</v>
      </c>
      <c r="F229" s="5" t="s">
        <v>463</v>
      </c>
      <c r="G229" s="5" t="s">
        <v>464</v>
      </c>
    </row>
    <row r="230" spans="1:7">
      <c r="A230" s="5" t="s">
        <v>7</v>
      </c>
      <c r="B230" s="5">
        <v>229</v>
      </c>
      <c r="C230" s="5" t="s">
        <v>8</v>
      </c>
      <c r="D230" s="5" t="s">
        <v>8</v>
      </c>
      <c r="E230" s="6">
        <v>11001</v>
      </c>
      <c r="F230" s="5" t="s">
        <v>465</v>
      </c>
      <c r="G230" s="5" t="s">
        <v>466</v>
      </c>
    </row>
    <row r="231" spans="1:7">
      <c r="A231" s="5" t="s">
        <v>7</v>
      </c>
      <c r="B231" s="5">
        <v>230</v>
      </c>
      <c r="C231" s="5" t="s">
        <v>8</v>
      </c>
      <c r="D231" s="5" t="s">
        <v>8</v>
      </c>
      <c r="E231" s="6">
        <v>11001</v>
      </c>
      <c r="F231" s="5" t="s">
        <v>467</v>
      </c>
      <c r="G231" s="5" t="s">
        <v>468</v>
      </c>
    </row>
    <row r="232" spans="1:7">
      <c r="A232" s="5" t="s">
        <v>7</v>
      </c>
      <c r="B232" s="5">
        <v>231</v>
      </c>
      <c r="C232" s="5" t="s">
        <v>8</v>
      </c>
      <c r="D232" s="5" t="s">
        <v>8</v>
      </c>
      <c r="E232" s="6">
        <v>11001</v>
      </c>
      <c r="F232" s="5" t="s">
        <v>469</v>
      </c>
      <c r="G232" s="5" t="s">
        <v>470</v>
      </c>
    </row>
    <row r="233" spans="1:7">
      <c r="A233" s="5" t="s">
        <v>7</v>
      </c>
      <c r="B233" s="5">
        <v>232</v>
      </c>
      <c r="C233" s="5" t="s">
        <v>8</v>
      </c>
      <c r="D233" s="5" t="s">
        <v>8</v>
      </c>
      <c r="E233" s="6">
        <v>11001</v>
      </c>
      <c r="F233" s="5" t="s">
        <v>471</v>
      </c>
      <c r="G233" s="5" t="s">
        <v>472</v>
      </c>
    </row>
    <row r="234" spans="1:7">
      <c r="A234" s="5" t="s">
        <v>7</v>
      </c>
      <c r="B234" s="5">
        <v>233</v>
      </c>
      <c r="C234" s="5" t="s">
        <v>8</v>
      </c>
      <c r="D234" s="5" t="s">
        <v>8</v>
      </c>
      <c r="E234" s="6">
        <v>11001</v>
      </c>
      <c r="F234" s="5" t="s">
        <v>473</v>
      </c>
      <c r="G234" s="5" t="s">
        <v>474</v>
      </c>
    </row>
    <row r="235" spans="1:7">
      <c r="A235" s="5" t="s">
        <v>7</v>
      </c>
      <c r="B235" s="5">
        <v>234</v>
      </c>
      <c r="C235" s="5" t="s">
        <v>8</v>
      </c>
      <c r="D235" s="5" t="s">
        <v>8</v>
      </c>
      <c r="E235" s="6">
        <v>11001</v>
      </c>
      <c r="F235" s="5" t="s">
        <v>475</v>
      </c>
      <c r="G235" s="5" t="s">
        <v>476</v>
      </c>
    </row>
    <row r="236" spans="1:7">
      <c r="A236" s="5" t="s">
        <v>7</v>
      </c>
      <c r="B236" s="5">
        <v>235</v>
      </c>
      <c r="C236" s="5" t="s">
        <v>8</v>
      </c>
      <c r="D236" s="5" t="s">
        <v>8</v>
      </c>
      <c r="E236" s="6">
        <v>11001</v>
      </c>
      <c r="F236" s="5" t="s">
        <v>477</v>
      </c>
      <c r="G236" s="5" t="s">
        <v>478</v>
      </c>
    </row>
    <row r="237" spans="1:7">
      <c r="A237" s="5" t="s">
        <v>7</v>
      </c>
      <c r="B237" s="5">
        <v>236</v>
      </c>
      <c r="C237" s="5" t="s">
        <v>8</v>
      </c>
      <c r="D237" s="5" t="s">
        <v>8</v>
      </c>
      <c r="E237" s="6">
        <v>11001</v>
      </c>
      <c r="F237" s="5" t="s">
        <v>479</v>
      </c>
      <c r="G237" s="5" t="s">
        <v>480</v>
      </c>
    </row>
    <row r="238" spans="1:7">
      <c r="A238" s="5" t="s">
        <v>7</v>
      </c>
      <c r="B238" s="5">
        <v>237</v>
      </c>
      <c r="C238" s="5" t="s">
        <v>8</v>
      </c>
      <c r="D238" s="5" t="s">
        <v>8</v>
      </c>
      <c r="E238" s="6">
        <v>11001</v>
      </c>
      <c r="F238" s="5" t="s">
        <v>481</v>
      </c>
      <c r="G238" s="5" t="s">
        <v>482</v>
      </c>
    </row>
    <row r="239" spans="1:7">
      <c r="A239" s="5" t="s">
        <v>7</v>
      </c>
      <c r="B239" s="5">
        <v>238</v>
      </c>
      <c r="C239" s="5" t="s">
        <v>8</v>
      </c>
      <c r="D239" s="5" t="s">
        <v>8</v>
      </c>
      <c r="E239" s="6">
        <v>11001</v>
      </c>
      <c r="F239" s="5" t="s">
        <v>483</v>
      </c>
      <c r="G239" s="5" t="s">
        <v>484</v>
      </c>
    </row>
    <row r="240" spans="1:7">
      <c r="A240" s="5" t="s">
        <v>7</v>
      </c>
      <c r="B240" s="5">
        <v>239</v>
      </c>
      <c r="C240" s="5" t="s">
        <v>8</v>
      </c>
      <c r="D240" s="5" t="s">
        <v>8</v>
      </c>
      <c r="E240" s="6">
        <v>11001</v>
      </c>
      <c r="F240" s="5" t="s">
        <v>485</v>
      </c>
      <c r="G240" s="5" t="s">
        <v>486</v>
      </c>
    </row>
    <row r="241" spans="1:7">
      <c r="A241" s="5" t="s">
        <v>7</v>
      </c>
      <c r="B241" s="5">
        <v>240</v>
      </c>
      <c r="C241" s="5" t="s">
        <v>8</v>
      </c>
      <c r="D241" s="5" t="s">
        <v>8</v>
      </c>
      <c r="E241" s="6">
        <v>11001</v>
      </c>
      <c r="F241" s="5" t="s">
        <v>487</v>
      </c>
      <c r="G241" s="5" t="s">
        <v>488</v>
      </c>
    </row>
    <row r="242" spans="1:7">
      <c r="A242" s="5" t="s">
        <v>7</v>
      </c>
      <c r="B242" s="5">
        <v>241</v>
      </c>
      <c r="C242" s="5" t="s">
        <v>8</v>
      </c>
      <c r="D242" s="5" t="s">
        <v>8</v>
      </c>
      <c r="E242" s="6">
        <v>11001</v>
      </c>
      <c r="F242" s="5" t="s">
        <v>489</v>
      </c>
      <c r="G242" s="5" t="s">
        <v>490</v>
      </c>
    </row>
    <row r="243" spans="1:7">
      <c r="A243" s="5" t="s">
        <v>7</v>
      </c>
      <c r="B243" s="5">
        <v>242</v>
      </c>
      <c r="C243" s="5" t="s">
        <v>8</v>
      </c>
      <c r="D243" s="5" t="s">
        <v>8</v>
      </c>
      <c r="E243" s="6">
        <v>11001</v>
      </c>
      <c r="F243" s="5" t="s">
        <v>491</v>
      </c>
      <c r="G243" s="5" t="s">
        <v>492</v>
      </c>
    </row>
    <row r="244" spans="1:7">
      <c r="A244" s="5" t="s">
        <v>7</v>
      </c>
      <c r="B244" s="5">
        <v>243</v>
      </c>
      <c r="C244" s="5" t="s">
        <v>8</v>
      </c>
      <c r="D244" s="5" t="s">
        <v>8</v>
      </c>
      <c r="E244" s="6">
        <v>11001</v>
      </c>
      <c r="F244" s="5" t="s">
        <v>493</v>
      </c>
      <c r="G244" s="5" t="s">
        <v>494</v>
      </c>
    </row>
    <row r="245" spans="1:7">
      <c r="A245" s="5" t="s">
        <v>7</v>
      </c>
      <c r="B245" s="5">
        <v>244</v>
      </c>
      <c r="C245" s="5" t="s">
        <v>8</v>
      </c>
      <c r="D245" s="5" t="s">
        <v>8</v>
      </c>
      <c r="E245" s="6">
        <v>11001</v>
      </c>
      <c r="F245" s="5" t="s">
        <v>495</v>
      </c>
      <c r="G245" s="5" t="s">
        <v>496</v>
      </c>
    </row>
    <row r="246" spans="1:7">
      <c r="A246" s="5" t="s">
        <v>7</v>
      </c>
      <c r="B246" s="5">
        <v>245</v>
      </c>
      <c r="C246" s="5" t="s">
        <v>8</v>
      </c>
      <c r="D246" s="5" t="s">
        <v>8</v>
      </c>
      <c r="E246" s="6">
        <v>11001</v>
      </c>
      <c r="F246" s="5" t="s">
        <v>497</v>
      </c>
      <c r="G246" s="5" t="s">
        <v>498</v>
      </c>
    </row>
    <row r="247" spans="1:7">
      <c r="A247" s="5" t="s">
        <v>7</v>
      </c>
      <c r="B247" s="5">
        <v>246</v>
      </c>
      <c r="C247" s="5" t="s">
        <v>8</v>
      </c>
      <c r="D247" s="5" t="s">
        <v>8</v>
      </c>
      <c r="E247" s="6">
        <v>11001</v>
      </c>
      <c r="F247" s="5" t="s">
        <v>499</v>
      </c>
      <c r="G247" s="5" t="s">
        <v>500</v>
      </c>
    </row>
    <row r="248" spans="1:7">
      <c r="A248" s="5" t="s">
        <v>7</v>
      </c>
      <c r="B248" s="5">
        <v>247</v>
      </c>
      <c r="C248" s="5" t="s">
        <v>8</v>
      </c>
      <c r="D248" s="5" t="s">
        <v>8</v>
      </c>
      <c r="E248" s="6">
        <v>11001</v>
      </c>
      <c r="F248" s="5" t="s">
        <v>501</v>
      </c>
      <c r="G248" s="5" t="s">
        <v>502</v>
      </c>
    </row>
    <row r="249" spans="1:7">
      <c r="A249" s="5" t="s">
        <v>7</v>
      </c>
      <c r="B249" s="5">
        <v>248</v>
      </c>
      <c r="C249" s="5" t="s">
        <v>8</v>
      </c>
      <c r="D249" s="5" t="s">
        <v>8</v>
      </c>
      <c r="E249" s="6">
        <v>11001</v>
      </c>
      <c r="F249" s="5" t="s">
        <v>503</v>
      </c>
      <c r="G249" s="5" t="s">
        <v>504</v>
      </c>
    </row>
    <row r="250" spans="1:7">
      <c r="A250" s="5" t="s">
        <v>7</v>
      </c>
      <c r="B250" s="5">
        <v>249</v>
      </c>
      <c r="C250" s="5" t="s">
        <v>8</v>
      </c>
      <c r="D250" s="5" t="s">
        <v>8</v>
      </c>
      <c r="E250" s="6">
        <v>11001</v>
      </c>
      <c r="F250" s="5" t="s">
        <v>505</v>
      </c>
      <c r="G250" s="5" t="s">
        <v>506</v>
      </c>
    </row>
    <row r="251" spans="1:7">
      <c r="A251" s="5" t="s">
        <v>7</v>
      </c>
      <c r="B251" s="5">
        <v>250</v>
      </c>
      <c r="C251" s="5" t="s">
        <v>8</v>
      </c>
      <c r="D251" s="5" t="s">
        <v>8</v>
      </c>
      <c r="E251" s="6">
        <v>11001</v>
      </c>
      <c r="F251" s="5" t="s">
        <v>507</v>
      </c>
      <c r="G251" s="5" t="s">
        <v>508</v>
      </c>
    </row>
    <row r="252" spans="1:7">
      <c r="A252" s="5" t="s">
        <v>7</v>
      </c>
      <c r="B252" s="5">
        <v>251</v>
      </c>
      <c r="C252" s="5" t="s">
        <v>8</v>
      </c>
      <c r="D252" s="5" t="s">
        <v>8</v>
      </c>
      <c r="E252" s="6">
        <v>11001</v>
      </c>
      <c r="F252" s="5" t="s">
        <v>509</v>
      </c>
      <c r="G252" s="5" t="s">
        <v>510</v>
      </c>
    </row>
    <row r="253" spans="1:7">
      <c r="A253" s="5" t="s">
        <v>7</v>
      </c>
      <c r="B253" s="5">
        <v>252</v>
      </c>
      <c r="C253" s="5" t="s">
        <v>8</v>
      </c>
      <c r="D253" s="5" t="s">
        <v>8</v>
      </c>
      <c r="E253" s="6">
        <v>11001</v>
      </c>
      <c r="F253" s="5" t="s">
        <v>511</v>
      </c>
      <c r="G253" s="5" t="s">
        <v>512</v>
      </c>
    </row>
    <row r="254" spans="1:7">
      <c r="A254" s="5" t="s">
        <v>7</v>
      </c>
      <c r="B254" s="5">
        <v>253</v>
      </c>
      <c r="C254" s="5" t="s">
        <v>8</v>
      </c>
      <c r="D254" s="5" t="s">
        <v>8</v>
      </c>
      <c r="E254" s="6">
        <v>11001</v>
      </c>
      <c r="F254" s="5" t="s">
        <v>513</v>
      </c>
      <c r="G254" s="5" t="s">
        <v>514</v>
      </c>
    </row>
    <row r="255" spans="1:7">
      <c r="A255" s="5" t="s">
        <v>7</v>
      </c>
      <c r="B255" s="5">
        <v>254</v>
      </c>
      <c r="C255" s="5" t="s">
        <v>8</v>
      </c>
      <c r="D255" s="5" t="s">
        <v>8</v>
      </c>
      <c r="E255" s="6">
        <v>11001</v>
      </c>
      <c r="F255" s="5" t="s">
        <v>515</v>
      </c>
      <c r="G255" s="5" t="s">
        <v>516</v>
      </c>
    </row>
    <row r="256" spans="1:7">
      <c r="A256" s="5" t="s">
        <v>7</v>
      </c>
      <c r="B256" s="5">
        <v>255</v>
      </c>
      <c r="C256" s="5" t="s">
        <v>8</v>
      </c>
      <c r="D256" s="5" t="s">
        <v>8</v>
      </c>
      <c r="E256" s="6">
        <v>11001</v>
      </c>
      <c r="F256" s="5" t="s">
        <v>517</v>
      </c>
      <c r="G256" s="5" t="s">
        <v>518</v>
      </c>
    </row>
    <row r="257" spans="1:7">
      <c r="A257" s="5" t="s">
        <v>7</v>
      </c>
      <c r="B257" s="5">
        <v>256</v>
      </c>
      <c r="C257" s="5" t="s">
        <v>8</v>
      </c>
      <c r="D257" s="5" t="s">
        <v>8</v>
      </c>
      <c r="E257" s="6">
        <v>11001</v>
      </c>
      <c r="F257" s="5" t="s">
        <v>519</v>
      </c>
      <c r="G257" s="5" t="s">
        <v>520</v>
      </c>
    </row>
    <row r="258" spans="1:7">
      <c r="A258" s="5" t="s">
        <v>7</v>
      </c>
      <c r="B258" s="5">
        <v>257</v>
      </c>
      <c r="C258" s="5" t="s">
        <v>8</v>
      </c>
      <c r="D258" s="5" t="s">
        <v>8</v>
      </c>
      <c r="E258" s="6">
        <v>11001</v>
      </c>
      <c r="F258" s="5" t="s">
        <v>521</v>
      </c>
      <c r="G258" s="5" t="s">
        <v>522</v>
      </c>
    </row>
    <row r="259" spans="1:7">
      <c r="A259" s="5" t="s">
        <v>7</v>
      </c>
      <c r="B259" s="5">
        <v>258</v>
      </c>
      <c r="C259" s="5" t="s">
        <v>8</v>
      </c>
      <c r="D259" s="5" t="s">
        <v>8</v>
      </c>
      <c r="E259" s="6">
        <v>11001</v>
      </c>
      <c r="F259" s="5" t="s">
        <v>523</v>
      </c>
      <c r="G259" s="5" t="s">
        <v>524</v>
      </c>
    </row>
    <row r="260" spans="1:7">
      <c r="A260" s="5" t="s">
        <v>7</v>
      </c>
      <c r="B260" s="5">
        <v>259</v>
      </c>
      <c r="C260" s="5" t="s">
        <v>8</v>
      </c>
      <c r="D260" s="5" t="s">
        <v>8</v>
      </c>
      <c r="E260" s="6">
        <v>11001</v>
      </c>
      <c r="F260" s="5" t="s">
        <v>525</v>
      </c>
      <c r="G260" s="5" t="s">
        <v>526</v>
      </c>
    </row>
    <row r="261" spans="1:7">
      <c r="A261" s="5" t="s">
        <v>7</v>
      </c>
      <c r="B261" s="5">
        <v>260</v>
      </c>
      <c r="C261" s="5" t="s">
        <v>8</v>
      </c>
      <c r="D261" s="5" t="s">
        <v>8</v>
      </c>
      <c r="E261" s="6">
        <v>11001</v>
      </c>
      <c r="F261" s="5" t="s">
        <v>527</v>
      </c>
      <c r="G261" s="5" t="s">
        <v>528</v>
      </c>
    </row>
    <row r="262" spans="1:7">
      <c r="A262" s="5" t="s">
        <v>7</v>
      </c>
      <c r="B262" s="5">
        <v>261</v>
      </c>
      <c r="C262" s="5" t="s">
        <v>8</v>
      </c>
      <c r="D262" s="5" t="s">
        <v>8</v>
      </c>
      <c r="E262" s="6">
        <v>11001</v>
      </c>
      <c r="F262" s="5" t="s">
        <v>529</v>
      </c>
      <c r="G262" s="5" t="s">
        <v>530</v>
      </c>
    </row>
    <row r="263" spans="1:7">
      <c r="A263" s="5" t="s">
        <v>7</v>
      </c>
      <c r="B263" s="5">
        <v>262</v>
      </c>
      <c r="C263" s="5" t="s">
        <v>8</v>
      </c>
      <c r="D263" s="5" t="s">
        <v>8</v>
      </c>
      <c r="E263" s="6">
        <v>11001</v>
      </c>
      <c r="F263" s="5" t="s">
        <v>531</v>
      </c>
      <c r="G263" s="5" t="s">
        <v>532</v>
      </c>
    </row>
    <row r="264" spans="1:7">
      <c r="A264" s="5" t="s">
        <v>7</v>
      </c>
      <c r="B264" s="5">
        <v>263</v>
      </c>
      <c r="C264" s="5" t="s">
        <v>8</v>
      </c>
      <c r="D264" s="5" t="s">
        <v>8</v>
      </c>
      <c r="E264" s="6">
        <v>11001</v>
      </c>
      <c r="F264" s="5" t="s">
        <v>533</v>
      </c>
      <c r="G264" s="5" t="s">
        <v>534</v>
      </c>
    </row>
    <row r="265" spans="1:7">
      <c r="A265" s="5" t="s">
        <v>7</v>
      </c>
      <c r="B265" s="5">
        <v>264</v>
      </c>
      <c r="C265" s="5" t="s">
        <v>8</v>
      </c>
      <c r="D265" s="5" t="s">
        <v>8</v>
      </c>
      <c r="E265" s="6">
        <v>11001</v>
      </c>
      <c r="F265" s="5" t="s">
        <v>535</v>
      </c>
      <c r="G265" s="5" t="s">
        <v>536</v>
      </c>
    </row>
    <row r="266" spans="1:7">
      <c r="A266" s="5" t="s">
        <v>7</v>
      </c>
      <c r="B266" s="5">
        <v>265</v>
      </c>
      <c r="C266" s="5" t="s">
        <v>8</v>
      </c>
      <c r="D266" s="5" t="s">
        <v>8</v>
      </c>
      <c r="E266" s="6">
        <v>11001</v>
      </c>
      <c r="F266" s="5" t="s">
        <v>537</v>
      </c>
      <c r="G266" s="5" t="s">
        <v>538</v>
      </c>
    </row>
    <row r="267" spans="1:7">
      <c r="A267" s="5" t="s">
        <v>7</v>
      </c>
      <c r="B267" s="5">
        <v>266</v>
      </c>
      <c r="C267" s="5" t="s">
        <v>8</v>
      </c>
      <c r="D267" s="5" t="s">
        <v>8</v>
      </c>
      <c r="E267" s="6">
        <v>11001</v>
      </c>
      <c r="F267" s="5" t="s">
        <v>539</v>
      </c>
      <c r="G267" s="5" t="s">
        <v>540</v>
      </c>
    </row>
    <row r="268" spans="1:7">
      <c r="A268" s="5" t="s">
        <v>7</v>
      </c>
      <c r="B268" s="5">
        <v>267</v>
      </c>
      <c r="C268" s="5" t="s">
        <v>8</v>
      </c>
      <c r="D268" s="5" t="s">
        <v>8</v>
      </c>
      <c r="E268" s="6">
        <v>11001</v>
      </c>
      <c r="F268" s="5" t="s">
        <v>541</v>
      </c>
      <c r="G268" s="5" t="s">
        <v>542</v>
      </c>
    </row>
    <row r="269" spans="1:7">
      <c r="A269" s="5" t="s">
        <v>7</v>
      </c>
      <c r="B269" s="5">
        <v>268</v>
      </c>
      <c r="C269" s="5" t="s">
        <v>8</v>
      </c>
      <c r="D269" s="5" t="s">
        <v>8</v>
      </c>
      <c r="E269" s="6">
        <v>11001</v>
      </c>
      <c r="F269" s="5" t="s">
        <v>543</v>
      </c>
      <c r="G269" s="5" t="s">
        <v>544</v>
      </c>
    </row>
    <row r="270" spans="1:7">
      <c r="A270" s="5" t="s">
        <v>7</v>
      </c>
      <c r="B270" s="5">
        <v>269</v>
      </c>
      <c r="C270" s="5" t="s">
        <v>8</v>
      </c>
      <c r="D270" s="5" t="s">
        <v>8</v>
      </c>
      <c r="E270" s="6">
        <v>11001</v>
      </c>
      <c r="F270" s="5" t="s">
        <v>545</v>
      </c>
      <c r="G270" s="5" t="s">
        <v>546</v>
      </c>
    </row>
    <row r="271" spans="1:7">
      <c r="A271" s="5" t="s">
        <v>7</v>
      </c>
      <c r="B271" s="5">
        <v>270</v>
      </c>
      <c r="C271" s="5" t="s">
        <v>8</v>
      </c>
      <c r="D271" s="5" t="s">
        <v>8</v>
      </c>
      <c r="E271" s="6">
        <v>11001</v>
      </c>
      <c r="F271" s="5" t="s">
        <v>547</v>
      </c>
      <c r="G271" s="5" t="s">
        <v>548</v>
      </c>
    </row>
    <row r="272" spans="1:7">
      <c r="A272" s="5" t="s">
        <v>7</v>
      </c>
      <c r="B272" s="5">
        <v>271</v>
      </c>
      <c r="C272" s="5" t="s">
        <v>8</v>
      </c>
      <c r="D272" s="5" t="s">
        <v>8</v>
      </c>
      <c r="E272" s="6">
        <v>11001</v>
      </c>
      <c r="F272" s="5" t="s">
        <v>549</v>
      </c>
      <c r="G272" s="5" t="s">
        <v>550</v>
      </c>
    </row>
    <row r="273" spans="1:7">
      <c r="A273" s="5" t="s">
        <v>7</v>
      </c>
      <c r="B273" s="5">
        <v>272</v>
      </c>
      <c r="C273" s="5" t="s">
        <v>8</v>
      </c>
      <c r="D273" s="5" t="s">
        <v>8</v>
      </c>
      <c r="E273" s="6">
        <v>11001</v>
      </c>
      <c r="F273" s="5" t="s">
        <v>551</v>
      </c>
      <c r="G273" s="5" t="s">
        <v>552</v>
      </c>
    </row>
    <row r="274" spans="1:7">
      <c r="A274" s="5" t="s">
        <v>7</v>
      </c>
      <c r="B274" s="5">
        <v>273</v>
      </c>
      <c r="C274" s="5" t="s">
        <v>8</v>
      </c>
      <c r="D274" s="5" t="s">
        <v>8</v>
      </c>
      <c r="E274" s="6">
        <v>11001</v>
      </c>
      <c r="F274" s="5" t="s">
        <v>553</v>
      </c>
      <c r="G274" s="5" t="s">
        <v>554</v>
      </c>
    </row>
    <row r="275" spans="1:7">
      <c r="A275" s="5" t="s">
        <v>7</v>
      </c>
      <c r="B275" s="5">
        <v>274</v>
      </c>
      <c r="C275" s="5" t="s">
        <v>8</v>
      </c>
      <c r="D275" s="5" t="s">
        <v>8</v>
      </c>
      <c r="E275" s="6">
        <v>11001</v>
      </c>
      <c r="F275" s="5" t="s">
        <v>555</v>
      </c>
      <c r="G275" s="5" t="s">
        <v>556</v>
      </c>
    </row>
    <row r="276" spans="1:7">
      <c r="A276" s="5" t="s">
        <v>7</v>
      </c>
      <c r="B276" s="5">
        <v>275</v>
      </c>
      <c r="C276" s="5" t="s">
        <v>8</v>
      </c>
      <c r="D276" s="5" t="s">
        <v>8</v>
      </c>
      <c r="E276" s="6">
        <v>11001</v>
      </c>
      <c r="F276" s="5" t="s">
        <v>557</v>
      </c>
      <c r="G276" s="5" t="s">
        <v>558</v>
      </c>
    </row>
    <row r="277" spans="1:7">
      <c r="A277" s="5" t="s">
        <v>7</v>
      </c>
      <c r="B277" s="5">
        <v>276</v>
      </c>
      <c r="C277" s="5" t="s">
        <v>8</v>
      </c>
      <c r="D277" s="5" t="s">
        <v>8</v>
      </c>
      <c r="E277" s="6">
        <v>11001</v>
      </c>
      <c r="F277" s="5" t="s">
        <v>559</v>
      </c>
      <c r="G277" s="5" t="s">
        <v>560</v>
      </c>
    </row>
    <row r="278" spans="1:7">
      <c r="A278" s="5" t="s">
        <v>7</v>
      </c>
      <c r="B278" s="5">
        <v>277</v>
      </c>
      <c r="C278" s="5" t="s">
        <v>8</v>
      </c>
      <c r="D278" s="5" t="s">
        <v>8</v>
      </c>
      <c r="E278" s="6">
        <v>11001</v>
      </c>
      <c r="F278" s="5" t="s">
        <v>561</v>
      </c>
      <c r="G278" s="5" t="s">
        <v>562</v>
      </c>
    </row>
    <row r="279" spans="1:7">
      <c r="A279" s="5" t="s">
        <v>7</v>
      </c>
      <c r="B279" s="5">
        <v>278</v>
      </c>
      <c r="C279" s="5" t="s">
        <v>8</v>
      </c>
      <c r="D279" s="5" t="s">
        <v>8</v>
      </c>
      <c r="E279" s="6">
        <v>11001</v>
      </c>
      <c r="F279" s="5" t="s">
        <v>563</v>
      </c>
      <c r="G279" s="5" t="s">
        <v>564</v>
      </c>
    </row>
    <row r="280" spans="1:7">
      <c r="A280" s="5" t="s">
        <v>7</v>
      </c>
      <c r="B280" s="5">
        <v>279</v>
      </c>
      <c r="C280" s="5" t="s">
        <v>8</v>
      </c>
      <c r="D280" s="5" t="s">
        <v>8</v>
      </c>
      <c r="E280" s="6">
        <v>11001</v>
      </c>
      <c r="F280" s="5" t="s">
        <v>565</v>
      </c>
      <c r="G280" s="5" t="s">
        <v>566</v>
      </c>
    </row>
    <row r="281" spans="1:7">
      <c r="A281" s="5" t="s">
        <v>7</v>
      </c>
      <c r="B281" s="5">
        <v>280</v>
      </c>
      <c r="C281" s="5" t="s">
        <v>8</v>
      </c>
      <c r="D281" s="5" t="s">
        <v>8</v>
      </c>
      <c r="E281" s="6">
        <v>11001</v>
      </c>
      <c r="F281" s="5" t="s">
        <v>567</v>
      </c>
      <c r="G281" s="5" t="s">
        <v>568</v>
      </c>
    </row>
    <row r="282" spans="1:7">
      <c r="A282" s="5" t="s">
        <v>7</v>
      </c>
      <c r="B282" s="5">
        <v>281</v>
      </c>
      <c r="C282" s="5" t="s">
        <v>8</v>
      </c>
      <c r="D282" s="5" t="s">
        <v>8</v>
      </c>
      <c r="E282" s="6">
        <v>11001</v>
      </c>
      <c r="F282" s="5" t="s">
        <v>569</v>
      </c>
      <c r="G282" s="5" t="s">
        <v>570</v>
      </c>
    </row>
    <row r="283" spans="1:7">
      <c r="A283" s="5" t="s">
        <v>7</v>
      </c>
      <c r="B283" s="5">
        <v>282</v>
      </c>
      <c r="C283" s="5" t="s">
        <v>8</v>
      </c>
      <c r="D283" s="5" t="s">
        <v>8</v>
      </c>
      <c r="E283" s="6">
        <v>11001</v>
      </c>
      <c r="F283" s="5" t="s">
        <v>571</v>
      </c>
      <c r="G283" s="5" t="s">
        <v>572</v>
      </c>
    </row>
    <row r="284" spans="1:7">
      <c r="A284" s="5" t="s">
        <v>7</v>
      </c>
      <c r="B284" s="5">
        <v>283</v>
      </c>
      <c r="C284" s="5" t="s">
        <v>8</v>
      </c>
      <c r="D284" s="5" t="s">
        <v>8</v>
      </c>
      <c r="E284" s="6">
        <v>11001</v>
      </c>
      <c r="F284" s="5" t="s">
        <v>573</v>
      </c>
      <c r="G284" s="5" t="s">
        <v>574</v>
      </c>
    </row>
    <row r="285" spans="1:7">
      <c r="A285" s="5" t="s">
        <v>7</v>
      </c>
      <c r="B285" s="5">
        <v>284</v>
      </c>
      <c r="C285" s="5" t="s">
        <v>8</v>
      </c>
      <c r="D285" s="5" t="s">
        <v>8</v>
      </c>
      <c r="E285" s="6">
        <v>11001</v>
      </c>
      <c r="F285" s="5" t="s">
        <v>575</v>
      </c>
      <c r="G285" s="5" t="s">
        <v>576</v>
      </c>
    </row>
    <row r="286" spans="1:7">
      <c r="A286" s="5" t="s">
        <v>7</v>
      </c>
      <c r="B286" s="5">
        <v>285</v>
      </c>
      <c r="C286" s="5" t="s">
        <v>8</v>
      </c>
      <c r="D286" s="5" t="s">
        <v>8</v>
      </c>
      <c r="E286" s="6">
        <v>11001</v>
      </c>
      <c r="F286" s="5" t="s">
        <v>577</v>
      </c>
      <c r="G286" s="5" t="s">
        <v>578</v>
      </c>
    </row>
    <row r="287" spans="1:7">
      <c r="A287" s="5" t="s">
        <v>7</v>
      </c>
      <c r="B287" s="5">
        <v>286</v>
      </c>
      <c r="C287" s="5" t="s">
        <v>8</v>
      </c>
      <c r="D287" s="5" t="s">
        <v>8</v>
      </c>
      <c r="E287" s="6">
        <v>11001</v>
      </c>
      <c r="F287" s="5" t="s">
        <v>579</v>
      </c>
      <c r="G287" s="5" t="s">
        <v>580</v>
      </c>
    </row>
    <row r="288" spans="1:7">
      <c r="A288" s="5" t="s">
        <v>7</v>
      </c>
      <c r="B288" s="5">
        <v>287</v>
      </c>
      <c r="C288" s="5" t="s">
        <v>8</v>
      </c>
      <c r="D288" s="5" t="s">
        <v>8</v>
      </c>
      <c r="E288" s="6">
        <v>11001</v>
      </c>
      <c r="F288" s="5" t="s">
        <v>581</v>
      </c>
      <c r="G288" s="5" t="s">
        <v>582</v>
      </c>
    </row>
    <row r="289" spans="1:7">
      <c r="A289" s="5" t="s">
        <v>7</v>
      </c>
      <c r="B289" s="5">
        <v>288</v>
      </c>
      <c r="C289" s="5" t="s">
        <v>8</v>
      </c>
      <c r="D289" s="5" t="s">
        <v>8</v>
      </c>
      <c r="E289" s="6">
        <v>11001</v>
      </c>
      <c r="F289" s="5" t="s">
        <v>583</v>
      </c>
      <c r="G289" s="5" t="s">
        <v>584</v>
      </c>
    </row>
    <row r="290" spans="1:7">
      <c r="A290" s="5" t="s">
        <v>7</v>
      </c>
      <c r="B290" s="5">
        <v>289</v>
      </c>
      <c r="C290" s="5" t="s">
        <v>8</v>
      </c>
      <c r="D290" s="5" t="s">
        <v>8</v>
      </c>
      <c r="E290" s="6">
        <v>11001</v>
      </c>
      <c r="F290" s="5" t="s">
        <v>585</v>
      </c>
      <c r="G290" s="5" t="s">
        <v>586</v>
      </c>
    </row>
    <row r="291" spans="1:7">
      <c r="A291" s="5" t="s">
        <v>7</v>
      </c>
      <c r="B291" s="5">
        <v>290</v>
      </c>
      <c r="C291" s="5" t="s">
        <v>8</v>
      </c>
      <c r="D291" s="5" t="s">
        <v>8</v>
      </c>
      <c r="E291" s="6">
        <v>11001</v>
      </c>
      <c r="F291" s="5" t="s">
        <v>587</v>
      </c>
      <c r="G291" s="5" t="s">
        <v>588</v>
      </c>
    </row>
    <row r="292" spans="1:7">
      <c r="A292" s="5" t="s">
        <v>7</v>
      </c>
      <c r="B292" s="5">
        <v>291</v>
      </c>
      <c r="C292" s="5" t="s">
        <v>8</v>
      </c>
      <c r="D292" s="5" t="s">
        <v>8</v>
      </c>
      <c r="E292" s="6">
        <v>11001</v>
      </c>
      <c r="F292" s="5" t="s">
        <v>589</v>
      </c>
      <c r="G292" s="5" t="s">
        <v>590</v>
      </c>
    </row>
    <row r="293" spans="1:7">
      <c r="A293" s="5" t="s">
        <v>7</v>
      </c>
      <c r="B293" s="5">
        <v>292</v>
      </c>
      <c r="C293" s="5" t="s">
        <v>8</v>
      </c>
      <c r="D293" s="5" t="s">
        <v>8</v>
      </c>
      <c r="E293" s="6">
        <v>11001</v>
      </c>
      <c r="F293" s="5" t="s">
        <v>591</v>
      </c>
      <c r="G293" s="5" t="s">
        <v>592</v>
      </c>
    </row>
    <row r="294" spans="1:7">
      <c r="A294" s="5" t="s">
        <v>7</v>
      </c>
      <c r="B294" s="5">
        <v>293</v>
      </c>
      <c r="C294" s="5" t="s">
        <v>8</v>
      </c>
      <c r="D294" s="5" t="s">
        <v>8</v>
      </c>
      <c r="E294" s="6">
        <v>11001</v>
      </c>
      <c r="F294" s="5" t="s">
        <v>593</v>
      </c>
      <c r="G294" s="5" t="s">
        <v>594</v>
      </c>
    </row>
    <row r="295" spans="1:7">
      <c r="A295" s="5" t="s">
        <v>7</v>
      </c>
      <c r="B295" s="5">
        <v>294</v>
      </c>
      <c r="C295" s="5" t="s">
        <v>8</v>
      </c>
      <c r="D295" s="5" t="s">
        <v>8</v>
      </c>
      <c r="E295" s="6">
        <v>11001</v>
      </c>
      <c r="F295" s="5" t="s">
        <v>595</v>
      </c>
      <c r="G295" s="5" t="s">
        <v>596</v>
      </c>
    </row>
    <row r="296" spans="1:7">
      <c r="A296" s="5" t="s">
        <v>7</v>
      </c>
      <c r="B296" s="5">
        <v>295</v>
      </c>
      <c r="C296" s="5" t="s">
        <v>8</v>
      </c>
      <c r="D296" s="5" t="s">
        <v>8</v>
      </c>
      <c r="E296" s="6">
        <v>11001</v>
      </c>
      <c r="F296" s="5" t="s">
        <v>597</v>
      </c>
      <c r="G296" s="5" t="s">
        <v>598</v>
      </c>
    </row>
    <row r="297" spans="1:7">
      <c r="A297" s="5" t="s">
        <v>7</v>
      </c>
      <c r="B297" s="5">
        <v>296</v>
      </c>
      <c r="C297" s="5" t="s">
        <v>8</v>
      </c>
      <c r="D297" s="5" t="s">
        <v>8</v>
      </c>
      <c r="E297" s="6">
        <v>11001</v>
      </c>
      <c r="F297" s="5" t="s">
        <v>599</v>
      </c>
      <c r="G297" s="5" t="s">
        <v>600</v>
      </c>
    </row>
    <row r="298" spans="1:7">
      <c r="A298" s="5" t="s">
        <v>7</v>
      </c>
      <c r="B298" s="5">
        <v>297</v>
      </c>
      <c r="C298" s="5" t="s">
        <v>8</v>
      </c>
      <c r="D298" s="5" t="s">
        <v>8</v>
      </c>
      <c r="E298" s="6">
        <v>11001</v>
      </c>
      <c r="F298" s="5" t="s">
        <v>601</v>
      </c>
      <c r="G298" s="5" t="s">
        <v>602</v>
      </c>
    </row>
    <row r="299" spans="1:7">
      <c r="A299" s="5" t="s">
        <v>7</v>
      </c>
      <c r="B299" s="5">
        <v>298</v>
      </c>
      <c r="C299" s="5" t="s">
        <v>8</v>
      </c>
      <c r="D299" s="5" t="s">
        <v>8</v>
      </c>
      <c r="E299" s="6">
        <v>11001</v>
      </c>
      <c r="F299" s="5" t="s">
        <v>603</v>
      </c>
      <c r="G299" s="5" t="s">
        <v>604</v>
      </c>
    </row>
    <row r="300" spans="1:7">
      <c r="A300" s="5" t="s">
        <v>7</v>
      </c>
      <c r="B300" s="5">
        <v>299</v>
      </c>
      <c r="C300" s="5" t="s">
        <v>8</v>
      </c>
      <c r="D300" s="5" t="s">
        <v>8</v>
      </c>
      <c r="E300" s="6">
        <v>11001</v>
      </c>
      <c r="F300" s="5" t="s">
        <v>605</v>
      </c>
      <c r="G300" s="5" t="s">
        <v>606</v>
      </c>
    </row>
    <row r="301" spans="1:7">
      <c r="A301" s="5" t="s">
        <v>7</v>
      </c>
      <c r="B301" s="5">
        <v>300</v>
      </c>
      <c r="C301" s="5" t="s">
        <v>8</v>
      </c>
      <c r="D301" s="5" t="s">
        <v>8</v>
      </c>
      <c r="E301" s="6">
        <v>11001</v>
      </c>
      <c r="F301" s="5" t="s">
        <v>607</v>
      </c>
      <c r="G301" s="5" t="s">
        <v>608</v>
      </c>
    </row>
    <row r="302" spans="1:7">
      <c r="A302" s="5" t="s">
        <v>7</v>
      </c>
      <c r="B302" s="5">
        <v>301</v>
      </c>
      <c r="C302" s="5" t="s">
        <v>8</v>
      </c>
      <c r="D302" s="5" t="s">
        <v>8</v>
      </c>
      <c r="E302" s="6">
        <v>11001</v>
      </c>
      <c r="F302" s="5" t="s">
        <v>609</v>
      </c>
      <c r="G302" s="5" t="s">
        <v>610</v>
      </c>
    </row>
    <row r="303" spans="1:7">
      <c r="A303" s="5" t="s">
        <v>7</v>
      </c>
      <c r="B303" s="5">
        <v>302</v>
      </c>
      <c r="C303" s="5" t="s">
        <v>8</v>
      </c>
      <c r="D303" s="5" t="s">
        <v>8</v>
      </c>
      <c r="E303" s="6">
        <v>11001</v>
      </c>
      <c r="F303" s="5" t="s">
        <v>611</v>
      </c>
      <c r="G303" s="5" t="s">
        <v>612</v>
      </c>
    </row>
    <row r="304" spans="1:7">
      <c r="A304" s="5" t="s">
        <v>7</v>
      </c>
      <c r="B304" s="5">
        <v>303</v>
      </c>
      <c r="C304" s="5" t="s">
        <v>8</v>
      </c>
      <c r="D304" s="5" t="s">
        <v>8</v>
      </c>
      <c r="E304" s="6">
        <v>11001</v>
      </c>
      <c r="F304" s="5" t="s">
        <v>613</v>
      </c>
      <c r="G304" s="5" t="s">
        <v>614</v>
      </c>
    </row>
    <row r="305" spans="1:7">
      <c r="A305" s="5" t="s">
        <v>7</v>
      </c>
      <c r="B305" s="5">
        <v>304</v>
      </c>
      <c r="C305" s="5" t="s">
        <v>8</v>
      </c>
      <c r="D305" s="5" t="s">
        <v>8</v>
      </c>
      <c r="E305" s="6">
        <v>11001</v>
      </c>
      <c r="F305" s="5" t="s">
        <v>615</v>
      </c>
      <c r="G305" s="5" t="s">
        <v>616</v>
      </c>
    </row>
    <row r="306" spans="1:7">
      <c r="A306" s="5" t="s">
        <v>7</v>
      </c>
      <c r="B306" s="5">
        <v>305</v>
      </c>
      <c r="C306" s="5" t="s">
        <v>8</v>
      </c>
      <c r="D306" s="5" t="s">
        <v>8</v>
      </c>
      <c r="E306" s="6">
        <v>11001</v>
      </c>
      <c r="F306" s="5" t="s">
        <v>617</v>
      </c>
      <c r="G306" s="5" t="s">
        <v>618</v>
      </c>
    </row>
    <row r="307" spans="1:7">
      <c r="A307" s="5" t="s">
        <v>7</v>
      </c>
      <c r="B307" s="5">
        <v>306</v>
      </c>
      <c r="C307" s="5" t="s">
        <v>8</v>
      </c>
      <c r="D307" s="5" t="s">
        <v>8</v>
      </c>
      <c r="E307" s="6">
        <v>11001</v>
      </c>
      <c r="F307" s="5" t="s">
        <v>619</v>
      </c>
      <c r="G307" s="5" t="s">
        <v>620</v>
      </c>
    </row>
    <row r="308" spans="1:7">
      <c r="A308" s="5" t="s">
        <v>7</v>
      </c>
      <c r="B308" s="5">
        <v>307</v>
      </c>
      <c r="C308" s="5" t="s">
        <v>8</v>
      </c>
      <c r="D308" s="5" t="s">
        <v>8</v>
      </c>
      <c r="E308" s="6">
        <v>11001</v>
      </c>
      <c r="F308" s="5" t="s">
        <v>621</v>
      </c>
      <c r="G308" s="5" t="s">
        <v>622</v>
      </c>
    </row>
    <row r="309" spans="1:7">
      <c r="A309" s="5" t="s">
        <v>7</v>
      </c>
      <c r="B309" s="5">
        <v>308</v>
      </c>
      <c r="C309" s="5" t="s">
        <v>8</v>
      </c>
      <c r="D309" s="5" t="s">
        <v>8</v>
      </c>
      <c r="E309" s="6">
        <v>11001</v>
      </c>
      <c r="F309" s="5" t="s">
        <v>623</v>
      </c>
      <c r="G309" s="5" t="s">
        <v>624</v>
      </c>
    </row>
    <row r="310" spans="1:7">
      <c r="A310" s="5" t="s">
        <v>7</v>
      </c>
      <c r="B310" s="5">
        <v>309</v>
      </c>
      <c r="C310" s="5" t="s">
        <v>8</v>
      </c>
      <c r="D310" s="5" t="s">
        <v>8</v>
      </c>
      <c r="E310" s="6">
        <v>11001</v>
      </c>
      <c r="F310" s="5" t="s">
        <v>625</v>
      </c>
      <c r="G310" s="5" t="s">
        <v>626</v>
      </c>
    </row>
    <row r="311" spans="1:7">
      <c r="A311" s="5" t="s">
        <v>7</v>
      </c>
      <c r="B311" s="5">
        <v>310</v>
      </c>
      <c r="C311" s="5" t="s">
        <v>8</v>
      </c>
      <c r="D311" s="5" t="s">
        <v>8</v>
      </c>
      <c r="E311" s="6">
        <v>11001</v>
      </c>
      <c r="F311" s="5" t="s">
        <v>627</v>
      </c>
      <c r="G311" s="5" t="s">
        <v>628</v>
      </c>
    </row>
    <row r="312" spans="1:7">
      <c r="A312" s="5" t="s">
        <v>7</v>
      </c>
      <c r="B312" s="5">
        <v>311</v>
      </c>
      <c r="C312" s="5" t="s">
        <v>8</v>
      </c>
      <c r="D312" s="5" t="s">
        <v>8</v>
      </c>
      <c r="E312" s="6">
        <v>11001</v>
      </c>
      <c r="F312" s="5" t="s">
        <v>629</v>
      </c>
      <c r="G312" s="5" t="s">
        <v>630</v>
      </c>
    </row>
    <row r="313" spans="1:7">
      <c r="A313" s="5" t="s">
        <v>7</v>
      </c>
      <c r="B313" s="5">
        <v>312</v>
      </c>
      <c r="C313" s="5" t="s">
        <v>8</v>
      </c>
      <c r="D313" s="5" t="s">
        <v>8</v>
      </c>
      <c r="E313" s="6">
        <v>11001</v>
      </c>
      <c r="F313" s="5" t="s">
        <v>631</v>
      </c>
      <c r="G313" s="5" t="s">
        <v>632</v>
      </c>
    </row>
    <row r="314" spans="1:7">
      <c r="A314" s="5" t="s">
        <v>7</v>
      </c>
      <c r="B314" s="5">
        <v>313</v>
      </c>
      <c r="C314" s="5" t="s">
        <v>8</v>
      </c>
      <c r="D314" s="5" t="s">
        <v>8</v>
      </c>
      <c r="E314" s="6">
        <v>11001</v>
      </c>
      <c r="F314" s="5" t="s">
        <v>633</v>
      </c>
      <c r="G314" s="5" t="s">
        <v>634</v>
      </c>
    </row>
    <row r="315" spans="1:7">
      <c r="A315" s="5" t="s">
        <v>7</v>
      </c>
      <c r="B315" s="5">
        <v>314</v>
      </c>
      <c r="C315" s="5" t="s">
        <v>8</v>
      </c>
      <c r="D315" s="5" t="s">
        <v>8</v>
      </c>
      <c r="E315" s="6">
        <v>11001</v>
      </c>
      <c r="F315" s="5" t="s">
        <v>635</v>
      </c>
      <c r="G315" s="5" t="s">
        <v>636</v>
      </c>
    </row>
    <row r="316" spans="1:7">
      <c r="A316" s="5" t="s">
        <v>7</v>
      </c>
      <c r="B316" s="5">
        <v>315</v>
      </c>
      <c r="C316" s="5" t="s">
        <v>8</v>
      </c>
      <c r="D316" s="5" t="s">
        <v>8</v>
      </c>
      <c r="E316" s="6">
        <v>11001</v>
      </c>
      <c r="F316" s="5" t="s">
        <v>637</v>
      </c>
      <c r="G316" s="5" t="s">
        <v>638</v>
      </c>
    </row>
    <row r="317" spans="1:7">
      <c r="A317" s="5" t="s">
        <v>7</v>
      </c>
      <c r="B317" s="5">
        <v>316</v>
      </c>
      <c r="C317" s="5" t="s">
        <v>8</v>
      </c>
      <c r="D317" s="5" t="s">
        <v>8</v>
      </c>
      <c r="E317" s="6">
        <v>11001</v>
      </c>
      <c r="F317" s="5" t="s">
        <v>639</v>
      </c>
      <c r="G317" s="5" t="s">
        <v>640</v>
      </c>
    </row>
    <row r="318" spans="1:7">
      <c r="A318" s="5" t="s">
        <v>7</v>
      </c>
      <c r="B318" s="5">
        <v>317</v>
      </c>
      <c r="C318" s="5" t="s">
        <v>8</v>
      </c>
      <c r="D318" s="5" t="s">
        <v>8</v>
      </c>
      <c r="E318" s="6">
        <v>11001</v>
      </c>
      <c r="F318" s="5" t="s">
        <v>641</v>
      </c>
      <c r="G318" s="5" t="s">
        <v>642</v>
      </c>
    </row>
    <row r="319" spans="1:7">
      <c r="A319" s="5" t="s">
        <v>7</v>
      </c>
      <c r="B319" s="5">
        <v>318</v>
      </c>
      <c r="C319" s="5" t="s">
        <v>8</v>
      </c>
      <c r="D319" s="5" t="s">
        <v>8</v>
      </c>
      <c r="E319" s="6">
        <v>11001</v>
      </c>
      <c r="F319" s="5" t="s">
        <v>643</v>
      </c>
      <c r="G319" s="5" t="s">
        <v>644</v>
      </c>
    </row>
    <row r="320" spans="1:7">
      <c r="A320" s="5" t="s">
        <v>7</v>
      </c>
      <c r="B320" s="5">
        <v>319</v>
      </c>
      <c r="C320" s="5" t="s">
        <v>8</v>
      </c>
      <c r="D320" s="5" t="s">
        <v>8</v>
      </c>
      <c r="E320" s="6">
        <v>11001</v>
      </c>
      <c r="F320" s="5" t="s">
        <v>645</v>
      </c>
      <c r="G320" s="5" t="s">
        <v>646</v>
      </c>
    </row>
    <row r="321" spans="1:7">
      <c r="A321" s="5" t="s">
        <v>7</v>
      </c>
      <c r="B321" s="5">
        <v>320</v>
      </c>
      <c r="C321" s="5" t="s">
        <v>8</v>
      </c>
      <c r="D321" s="5" t="s">
        <v>8</v>
      </c>
      <c r="E321" s="6">
        <v>11001</v>
      </c>
      <c r="F321" s="5" t="s">
        <v>647</v>
      </c>
      <c r="G321" s="5" t="s">
        <v>648</v>
      </c>
    </row>
    <row r="322" spans="1:7">
      <c r="A322" s="5" t="s">
        <v>7</v>
      </c>
      <c r="B322" s="5">
        <v>321</v>
      </c>
      <c r="C322" s="5" t="s">
        <v>8</v>
      </c>
      <c r="D322" s="5" t="s">
        <v>8</v>
      </c>
      <c r="E322" s="6">
        <v>11001</v>
      </c>
      <c r="F322" s="5" t="s">
        <v>649</v>
      </c>
      <c r="G322" s="5" t="s">
        <v>650</v>
      </c>
    </row>
    <row r="323" spans="1:7">
      <c r="A323" s="5" t="s">
        <v>7</v>
      </c>
      <c r="B323" s="5">
        <v>322</v>
      </c>
      <c r="C323" s="5" t="s">
        <v>8</v>
      </c>
      <c r="D323" s="5" t="s">
        <v>8</v>
      </c>
      <c r="E323" s="6">
        <v>11001</v>
      </c>
      <c r="F323" s="5" t="s">
        <v>651</v>
      </c>
      <c r="G323" s="5" t="s">
        <v>652</v>
      </c>
    </row>
    <row r="324" spans="1:7">
      <c r="A324" s="5" t="s">
        <v>7</v>
      </c>
      <c r="B324" s="5">
        <v>323</v>
      </c>
      <c r="C324" s="5" t="s">
        <v>8</v>
      </c>
      <c r="D324" s="5" t="s">
        <v>8</v>
      </c>
      <c r="E324" s="6">
        <v>11001</v>
      </c>
      <c r="F324" s="5" t="s">
        <v>653</v>
      </c>
      <c r="G324" s="5" t="s">
        <v>654</v>
      </c>
    </row>
    <row r="325" spans="1:7">
      <c r="A325" s="5" t="s">
        <v>7</v>
      </c>
      <c r="B325" s="5">
        <v>324</v>
      </c>
      <c r="C325" s="5" t="s">
        <v>8</v>
      </c>
      <c r="D325" s="5" t="s">
        <v>8</v>
      </c>
      <c r="E325" s="6">
        <v>11001</v>
      </c>
      <c r="F325" s="5" t="s">
        <v>655</v>
      </c>
      <c r="G325" s="5" t="s">
        <v>656</v>
      </c>
    </row>
    <row r="326" spans="1:7">
      <c r="A326" s="5" t="s">
        <v>7</v>
      </c>
      <c r="B326" s="5">
        <v>325</v>
      </c>
      <c r="C326" s="5" t="s">
        <v>8</v>
      </c>
      <c r="D326" s="5" t="s">
        <v>8</v>
      </c>
      <c r="E326" s="6">
        <v>11001</v>
      </c>
      <c r="F326" s="5" t="s">
        <v>657</v>
      </c>
      <c r="G326" s="5" t="s">
        <v>658</v>
      </c>
    </row>
    <row r="327" spans="1:7">
      <c r="A327" s="5" t="s">
        <v>7</v>
      </c>
      <c r="B327" s="5">
        <v>326</v>
      </c>
      <c r="C327" s="5" t="s">
        <v>8</v>
      </c>
      <c r="D327" s="5" t="s">
        <v>8</v>
      </c>
      <c r="E327" s="6">
        <v>11001</v>
      </c>
      <c r="F327" s="5" t="s">
        <v>659</v>
      </c>
      <c r="G327" s="5" t="s">
        <v>660</v>
      </c>
    </row>
    <row r="328" spans="1:7">
      <c r="A328" s="5" t="s">
        <v>7</v>
      </c>
      <c r="B328" s="5">
        <v>327</v>
      </c>
      <c r="C328" s="5" t="s">
        <v>8</v>
      </c>
      <c r="D328" s="5" t="s">
        <v>8</v>
      </c>
      <c r="E328" s="6">
        <v>11001</v>
      </c>
      <c r="F328" s="5" t="s">
        <v>661</v>
      </c>
      <c r="G328" s="5" t="s">
        <v>662</v>
      </c>
    </row>
    <row r="329" spans="1:7">
      <c r="A329" s="5" t="s">
        <v>7</v>
      </c>
      <c r="B329" s="5">
        <v>328</v>
      </c>
      <c r="C329" s="5" t="s">
        <v>8</v>
      </c>
      <c r="D329" s="5" t="s">
        <v>8</v>
      </c>
      <c r="E329" s="6">
        <v>11001</v>
      </c>
      <c r="F329" s="5" t="s">
        <v>663</v>
      </c>
      <c r="G329" s="5" t="s">
        <v>664</v>
      </c>
    </row>
    <row r="330" spans="1:7">
      <c r="A330" s="5" t="s">
        <v>7</v>
      </c>
      <c r="B330" s="5">
        <v>329</v>
      </c>
      <c r="C330" s="5" t="s">
        <v>8</v>
      </c>
      <c r="D330" s="5" t="s">
        <v>8</v>
      </c>
      <c r="E330" s="6">
        <v>11001</v>
      </c>
      <c r="F330" s="5" t="s">
        <v>665</v>
      </c>
      <c r="G330" s="5" t="s">
        <v>666</v>
      </c>
    </row>
    <row r="331" spans="1:7">
      <c r="A331" s="5" t="s">
        <v>7</v>
      </c>
      <c r="B331" s="5">
        <v>330</v>
      </c>
      <c r="C331" s="5" t="s">
        <v>8</v>
      </c>
      <c r="D331" s="5" t="s">
        <v>8</v>
      </c>
      <c r="E331" s="6">
        <v>11001</v>
      </c>
      <c r="F331" s="5" t="s">
        <v>667</v>
      </c>
      <c r="G331" s="5" t="s">
        <v>668</v>
      </c>
    </row>
    <row r="332" spans="1:7">
      <c r="A332" s="5" t="s">
        <v>7</v>
      </c>
      <c r="B332" s="5">
        <v>331</v>
      </c>
      <c r="C332" s="5" t="s">
        <v>8</v>
      </c>
      <c r="D332" s="5" t="s">
        <v>8</v>
      </c>
      <c r="E332" s="6">
        <v>11001</v>
      </c>
      <c r="F332" s="5" t="s">
        <v>669</v>
      </c>
      <c r="G332" s="5" t="s">
        <v>670</v>
      </c>
    </row>
    <row r="333" spans="1:7">
      <c r="A333" s="5" t="s">
        <v>7</v>
      </c>
      <c r="B333" s="5">
        <v>332</v>
      </c>
      <c r="C333" s="5" t="s">
        <v>8</v>
      </c>
      <c r="D333" s="5" t="s">
        <v>8</v>
      </c>
      <c r="E333" s="6">
        <v>11001</v>
      </c>
      <c r="F333" s="5" t="s">
        <v>671</v>
      </c>
      <c r="G333" s="5" t="s">
        <v>672</v>
      </c>
    </row>
    <row r="334" spans="1:7">
      <c r="A334" s="5" t="s">
        <v>7</v>
      </c>
      <c r="B334" s="5">
        <v>333</v>
      </c>
      <c r="C334" s="5" t="s">
        <v>8</v>
      </c>
      <c r="D334" s="5" t="s">
        <v>8</v>
      </c>
      <c r="E334" s="6">
        <v>11001</v>
      </c>
      <c r="F334" s="5" t="s">
        <v>673</v>
      </c>
      <c r="G334" s="5" t="s">
        <v>674</v>
      </c>
    </row>
    <row r="335" spans="1:7">
      <c r="A335" s="5" t="s">
        <v>7</v>
      </c>
      <c r="B335" s="5">
        <v>334</v>
      </c>
      <c r="C335" s="5" t="s">
        <v>8</v>
      </c>
      <c r="D335" s="5" t="s">
        <v>8</v>
      </c>
      <c r="E335" s="6">
        <v>11001</v>
      </c>
      <c r="F335" s="5" t="s">
        <v>675</v>
      </c>
      <c r="G335" s="5" t="s">
        <v>676</v>
      </c>
    </row>
    <row r="336" spans="1:7">
      <c r="A336" s="5" t="s">
        <v>7</v>
      </c>
      <c r="B336" s="5">
        <v>335</v>
      </c>
      <c r="C336" s="5" t="s">
        <v>8</v>
      </c>
      <c r="D336" s="5" t="s">
        <v>8</v>
      </c>
      <c r="E336" s="6">
        <v>11001</v>
      </c>
      <c r="F336" s="5" t="s">
        <v>677</v>
      </c>
      <c r="G336" s="5" t="s">
        <v>678</v>
      </c>
    </row>
    <row r="337" spans="1:7">
      <c r="A337" s="5" t="s">
        <v>7</v>
      </c>
      <c r="B337" s="5">
        <v>336</v>
      </c>
      <c r="C337" s="5" t="s">
        <v>8</v>
      </c>
      <c r="D337" s="5" t="s">
        <v>8</v>
      </c>
      <c r="E337" s="6">
        <v>11001</v>
      </c>
      <c r="F337" s="5" t="s">
        <v>679</v>
      </c>
      <c r="G337" s="5" t="s">
        <v>680</v>
      </c>
    </row>
    <row r="338" spans="1:7">
      <c r="A338" s="5" t="s">
        <v>7</v>
      </c>
      <c r="B338" s="5">
        <v>337</v>
      </c>
      <c r="C338" s="5" t="s">
        <v>8</v>
      </c>
      <c r="D338" s="5" t="s">
        <v>8</v>
      </c>
      <c r="E338" s="6">
        <v>11001</v>
      </c>
      <c r="F338" s="5" t="s">
        <v>681</v>
      </c>
      <c r="G338" s="5" t="s">
        <v>682</v>
      </c>
    </row>
    <row r="339" spans="1:7">
      <c r="A339" s="5" t="s">
        <v>7</v>
      </c>
      <c r="B339" s="5">
        <v>338</v>
      </c>
      <c r="C339" s="5" t="s">
        <v>8</v>
      </c>
      <c r="D339" s="5" t="s">
        <v>8</v>
      </c>
      <c r="E339" s="6">
        <v>11001</v>
      </c>
      <c r="F339" s="5" t="s">
        <v>683</v>
      </c>
      <c r="G339" s="5" t="s">
        <v>684</v>
      </c>
    </row>
    <row r="340" spans="1:7">
      <c r="A340" s="5" t="s">
        <v>7</v>
      </c>
      <c r="B340" s="5">
        <v>339</v>
      </c>
      <c r="C340" s="5" t="s">
        <v>8</v>
      </c>
      <c r="D340" s="5" t="s">
        <v>8</v>
      </c>
      <c r="E340" s="6">
        <v>11001</v>
      </c>
      <c r="F340" s="5" t="s">
        <v>685</v>
      </c>
      <c r="G340" s="5" t="s">
        <v>686</v>
      </c>
    </row>
    <row r="341" spans="1:7">
      <c r="A341" s="5" t="s">
        <v>7</v>
      </c>
      <c r="B341" s="5">
        <v>340</v>
      </c>
      <c r="C341" s="5" t="s">
        <v>8</v>
      </c>
      <c r="D341" s="5" t="s">
        <v>8</v>
      </c>
      <c r="E341" s="6">
        <v>11001</v>
      </c>
      <c r="F341" s="5" t="s">
        <v>687</v>
      </c>
      <c r="G341" s="5" t="s">
        <v>688</v>
      </c>
    </row>
    <row r="342" spans="1:7">
      <c r="A342" s="5" t="s">
        <v>7</v>
      </c>
      <c r="B342" s="5">
        <v>341</v>
      </c>
      <c r="C342" s="5" t="s">
        <v>8</v>
      </c>
      <c r="D342" s="5" t="s">
        <v>8</v>
      </c>
      <c r="E342" s="6">
        <v>11001</v>
      </c>
      <c r="F342" s="5" t="s">
        <v>689</v>
      </c>
      <c r="G342" s="5" t="s">
        <v>690</v>
      </c>
    </row>
    <row r="343" spans="1:7">
      <c r="A343" s="5" t="s">
        <v>7</v>
      </c>
      <c r="B343" s="5">
        <v>342</v>
      </c>
      <c r="C343" s="5" t="s">
        <v>8</v>
      </c>
      <c r="D343" s="5" t="s">
        <v>8</v>
      </c>
      <c r="E343" s="6">
        <v>11001</v>
      </c>
      <c r="F343" s="5" t="s">
        <v>691</v>
      </c>
      <c r="G343" s="5" t="s">
        <v>692</v>
      </c>
    </row>
    <row r="344" spans="1:7">
      <c r="A344" s="5" t="s">
        <v>7</v>
      </c>
      <c r="B344" s="5">
        <v>343</v>
      </c>
      <c r="C344" s="5" t="s">
        <v>8</v>
      </c>
      <c r="D344" s="5" t="s">
        <v>8</v>
      </c>
      <c r="E344" s="6">
        <v>11001</v>
      </c>
      <c r="F344" s="5" t="s">
        <v>693</v>
      </c>
      <c r="G344" s="5" t="s">
        <v>694</v>
      </c>
    </row>
    <row r="345" spans="1:7">
      <c r="A345" s="5" t="s">
        <v>7</v>
      </c>
      <c r="B345" s="5">
        <v>344</v>
      </c>
      <c r="C345" s="5" t="s">
        <v>8</v>
      </c>
      <c r="D345" s="5" t="s">
        <v>8</v>
      </c>
      <c r="E345" s="6">
        <v>11001</v>
      </c>
      <c r="F345" s="5" t="s">
        <v>695</v>
      </c>
      <c r="G345" s="5" t="s">
        <v>696</v>
      </c>
    </row>
    <row r="346" spans="1:7">
      <c r="A346" s="5" t="s">
        <v>7</v>
      </c>
      <c r="B346" s="5">
        <v>345</v>
      </c>
      <c r="C346" s="5" t="s">
        <v>8</v>
      </c>
      <c r="D346" s="5" t="s">
        <v>8</v>
      </c>
      <c r="E346" s="6">
        <v>11001</v>
      </c>
      <c r="F346" s="5" t="s">
        <v>697</v>
      </c>
      <c r="G346" s="5" t="s">
        <v>698</v>
      </c>
    </row>
    <row r="347" spans="1:7">
      <c r="A347" s="5" t="s">
        <v>7</v>
      </c>
      <c r="B347" s="5">
        <v>346</v>
      </c>
      <c r="C347" s="5" t="s">
        <v>8</v>
      </c>
      <c r="D347" s="5" t="s">
        <v>8</v>
      </c>
      <c r="E347" s="6">
        <v>11001</v>
      </c>
      <c r="F347" s="5" t="s">
        <v>699</v>
      </c>
      <c r="G347" s="5" t="s">
        <v>700</v>
      </c>
    </row>
    <row r="348" spans="1:7">
      <c r="A348" s="5" t="s">
        <v>7</v>
      </c>
      <c r="B348" s="5">
        <v>347</v>
      </c>
      <c r="C348" s="5" t="s">
        <v>8</v>
      </c>
      <c r="D348" s="5" t="s">
        <v>8</v>
      </c>
      <c r="E348" s="6">
        <v>11001</v>
      </c>
      <c r="F348" s="5" t="s">
        <v>701</v>
      </c>
      <c r="G348" s="5" t="s">
        <v>702</v>
      </c>
    </row>
    <row r="349" spans="1:7">
      <c r="A349" s="5" t="s">
        <v>7</v>
      </c>
      <c r="B349" s="5">
        <v>348</v>
      </c>
      <c r="C349" s="5" t="s">
        <v>8</v>
      </c>
      <c r="D349" s="5" t="s">
        <v>8</v>
      </c>
      <c r="E349" s="6">
        <v>11001</v>
      </c>
      <c r="F349" s="5" t="s">
        <v>703</v>
      </c>
      <c r="G349" s="5" t="s">
        <v>704</v>
      </c>
    </row>
    <row r="350" spans="1:7">
      <c r="A350" s="5" t="s">
        <v>7</v>
      </c>
      <c r="B350" s="5">
        <v>349</v>
      </c>
      <c r="C350" s="5" t="s">
        <v>8</v>
      </c>
      <c r="D350" s="5" t="s">
        <v>8</v>
      </c>
      <c r="E350" s="6">
        <v>11001</v>
      </c>
      <c r="F350" s="5" t="s">
        <v>705</v>
      </c>
      <c r="G350" s="5" t="s">
        <v>706</v>
      </c>
    </row>
    <row r="351" spans="1:7">
      <c r="A351" s="5" t="s">
        <v>7</v>
      </c>
      <c r="B351" s="5">
        <v>350</v>
      </c>
      <c r="C351" s="5" t="s">
        <v>8</v>
      </c>
      <c r="D351" s="5" t="s">
        <v>8</v>
      </c>
      <c r="E351" s="6">
        <v>11001</v>
      </c>
      <c r="F351" s="5" t="s">
        <v>707</v>
      </c>
      <c r="G351" s="5" t="s">
        <v>708</v>
      </c>
    </row>
    <row r="352" spans="1:7">
      <c r="A352" s="5" t="s">
        <v>7</v>
      </c>
      <c r="B352" s="5">
        <v>351</v>
      </c>
      <c r="C352" s="5" t="s">
        <v>8</v>
      </c>
      <c r="D352" s="5" t="s">
        <v>8</v>
      </c>
      <c r="E352" s="6">
        <v>11001</v>
      </c>
      <c r="F352" s="5" t="s">
        <v>709</v>
      </c>
      <c r="G352" s="5" t="s">
        <v>710</v>
      </c>
    </row>
    <row r="353" spans="1:7">
      <c r="A353" s="5" t="s">
        <v>7</v>
      </c>
      <c r="B353" s="5">
        <v>352</v>
      </c>
      <c r="C353" s="5" t="s">
        <v>8</v>
      </c>
      <c r="D353" s="5" t="s">
        <v>8</v>
      </c>
      <c r="E353" s="6">
        <v>11001</v>
      </c>
      <c r="F353" s="5" t="s">
        <v>711</v>
      </c>
      <c r="G353" s="5" t="s">
        <v>712</v>
      </c>
    </row>
    <row r="354" spans="1:7">
      <c r="A354" s="5" t="s">
        <v>7</v>
      </c>
      <c r="B354" s="5">
        <v>353</v>
      </c>
      <c r="C354" s="5" t="s">
        <v>8</v>
      </c>
      <c r="D354" s="5" t="s">
        <v>8</v>
      </c>
      <c r="E354" s="6">
        <v>11001</v>
      </c>
      <c r="F354" s="5" t="s">
        <v>713</v>
      </c>
      <c r="G354" s="5" t="s">
        <v>714</v>
      </c>
    </row>
    <row r="355" spans="1:7">
      <c r="A355" s="5" t="s">
        <v>7</v>
      </c>
      <c r="B355" s="5">
        <v>354</v>
      </c>
      <c r="C355" s="5" t="s">
        <v>8</v>
      </c>
      <c r="D355" s="5" t="s">
        <v>8</v>
      </c>
      <c r="E355" s="6">
        <v>11001</v>
      </c>
      <c r="F355" s="5" t="s">
        <v>715</v>
      </c>
      <c r="G355" s="5" t="s">
        <v>716</v>
      </c>
    </row>
    <row r="356" spans="1:7">
      <c r="A356" s="5" t="s">
        <v>7</v>
      </c>
      <c r="B356" s="5">
        <v>355</v>
      </c>
      <c r="C356" s="5" t="s">
        <v>8</v>
      </c>
      <c r="D356" s="5" t="s">
        <v>8</v>
      </c>
      <c r="E356" s="6">
        <v>11001</v>
      </c>
      <c r="F356" s="5" t="s">
        <v>717</v>
      </c>
      <c r="G356" s="5" t="s">
        <v>718</v>
      </c>
    </row>
    <row r="357" spans="1:7">
      <c r="A357" s="5" t="s">
        <v>7</v>
      </c>
      <c r="B357" s="5">
        <v>356</v>
      </c>
      <c r="C357" s="5" t="s">
        <v>8</v>
      </c>
      <c r="D357" s="5" t="s">
        <v>8</v>
      </c>
      <c r="E357" s="6">
        <v>11001</v>
      </c>
      <c r="F357" s="5" t="s">
        <v>719</v>
      </c>
      <c r="G357" s="5" t="s">
        <v>720</v>
      </c>
    </row>
    <row r="358" spans="1:7">
      <c r="A358" s="5" t="s">
        <v>7</v>
      </c>
      <c r="B358" s="5">
        <v>357</v>
      </c>
      <c r="C358" s="5" t="s">
        <v>8</v>
      </c>
      <c r="D358" s="5" t="s">
        <v>8</v>
      </c>
      <c r="E358" s="6">
        <v>11001</v>
      </c>
      <c r="F358" s="5" t="s">
        <v>721</v>
      </c>
      <c r="G358" s="5" t="s">
        <v>722</v>
      </c>
    </row>
    <row r="359" spans="1:7">
      <c r="A359" s="5" t="s">
        <v>7</v>
      </c>
      <c r="B359" s="5">
        <v>358</v>
      </c>
      <c r="C359" s="5" t="s">
        <v>8</v>
      </c>
      <c r="D359" s="5" t="s">
        <v>8</v>
      </c>
      <c r="E359" s="6">
        <v>11001</v>
      </c>
      <c r="F359" s="5" t="s">
        <v>723</v>
      </c>
      <c r="G359" s="5" t="s">
        <v>724</v>
      </c>
    </row>
    <row r="360" spans="1:7">
      <c r="A360" s="5" t="s">
        <v>7</v>
      </c>
      <c r="B360" s="5">
        <v>359</v>
      </c>
      <c r="C360" s="5" t="s">
        <v>8</v>
      </c>
      <c r="D360" s="5" t="s">
        <v>8</v>
      </c>
      <c r="E360" s="6">
        <v>11001</v>
      </c>
      <c r="F360" s="5" t="s">
        <v>725</v>
      </c>
      <c r="G360" s="5" t="s">
        <v>726</v>
      </c>
    </row>
    <row r="361" spans="1:7">
      <c r="A361" s="5" t="s">
        <v>7</v>
      </c>
      <c r="B361" s="5">
        <v>360</v>
      </c>
      <c r="C361" s="5" t="s">
        <v>8</v>
      </c>
      <c r="D361" s="5" t="s">
        <v>8</v>
      </c>
      <c r="E361" s="6">
        <v>11001</v>
      </c>
      <c r="F361" s="5" t="s">
        <v>727</v>
      </c>
      <c r="G361" s="5" t="s">
        <v>728</v>
      </c>
    </row>
    <row r="362" spans="1:7">
      <c r="A362" s="5" t="s">
        <v>7</v>
      </c>
      <c r="B362" s="5">
        <v>361</v>
      </c>
      <c r="C362" s="5" t="s">
        <v>8</v>
      </c>
      <c r="D362" s="5" t="s">
        <v>8</v>
      </c>
      <c r="E362" s="6">
        <v>11001</v>
      </c>
      <c r="F362" s="5" t="s">
        <v>729</v>
      </c>
      <c r="G362" s="5" t="s">
        <v>730</v>
      </c>
    </row>
    <row r="363" spans="1:7">
      <c r="A363" s="5" t="s">
        <v>7</v>
      </c>
      <c r="B363" s="5">
        <v>362</v>
      </c>
      <c r="C363" s="5" t="s">
        <v>8</v>
      </c>
      <c r="D363" s="5" t="s">
        <v>8</v>
      </c>
      <c r="E363" s="6">
        <v>11001</v>
      </c>
      <c r="F363" s="5" t="s">
        <v>731</v>
      </c>
      <c r="G363" s="5" t="s">
        <v>732</v>
      </c>
    </row>
    <row r="364" spans="1:7">
      <c r="A364" s="5" t="s">
        <v>7</v>
      </c>
      <c r="B364" s="5">
        <v>363</v>
      </c>
      <c r="C364" s="5" t="s">
        <v>8</v>
      </c>
      <c r="D364" s="5" t="s">
        <v>8</v>
      </c>
      <c r="E364" s="6">
        <v>11001</v>
      </c>
      <c r="F364" s="5" t="s">
        <v>733</v>
      </c>
      <c r="G364" s="5" t="s">
        <v>734</v>
      </c>
    </row>
    <row r="365" spans="1:7">
      <c r="A365" s="5" t="s">
        <v>7</v>
      </c>
      <c r="B365" s="5">
        <v>364</v>
      </c>
      <c r="C365" s="5" t="s">
        <v>8</v>
      </c>
      <c r="D365" s="5" t="s">
        <v>8</v>
      </c>
      <c r="E365" s="6">
        <v>11001</v>
      </c>
      <c r="F365" s="5" t="s">
        <v>735</v>
      </c>
      <c r="G365" s="5" t="s">
        <v>736</v>
      </c>
    </row>
    <row r="366" spans="1:7">
      <c r="A366" s="5" t="s">
        <v>7</v>
      </c>
      <c r="B366" s="5">
        <v>365</v>
      </c>
      <c r="C366" s="5" t="s">
        <v>8</v>
      </c>
      <c r="D366" s="5" t="s">
        <v>8</v>
      </c>
      <c r="E366" s="6">
        <v>11001</v>
      </c>
      <c r="F366" s="5" t="s">
        <v>737</v>
      </c>
      <c r="G366" s="5" t="s">
        <v>738</v>
      </c>
    </row>
    <row r="367" spans="1:7">
      <c r="A367" s="5" t="s">
        <v>7</v>
      </c>
      <c r="B367" s="5">
        <v>366</v>
      </c>
      <c r="C367" s="5" t="s">
        <v>8</v>
      </c>
      <c r="D367" s="5" t="s">
        <v>8</v>
      </c>
      <c r="E367" s="6">
        <v>11001</v>
      </c>
      <c r="F367" s="5" t="s">
        <v>739</v>
      </c>
      <c r="G367" s="5" t="s">
        <v>740</v>
      </c>
    </row>
    <row r="368" spans="1:7">
      <c r="A368" s="5" t="s">
        <v>7</v>
      </c>
      <c r="B368" s="5">
        <v>367</v>
      </c>
      <c r="C368" s="5" t="s">
        <v>8</v>
      </c>
      <c r="D368" s="5" t="s">
        <v>8</v>
      </c>
      <c r="E368" s="6">
        <v>11001</v>
      </c>
      <c r="F368" s="5" t="s">
        <v>741</v>
      </c>
      <c r="G368" s="5" t="s">
        <v>742</v>
      </c>
    </row>
    <row r="369" spans="1:7">
      <c r="A369" s="5" t="s">
        <v>7</v>
      </c>
      <c r="B369" s="5">
        <v>368</v>
      </c>
      <c r="C369" s="5" t="s">
        <v>8</v>
      </c>
      <c r="D369" s="5" t="s">
        <v>8</v>
      </c>
      <c r="E369" s="6">
        <v>11001</v>
      </c>
      <c r="F369" s="5" t="s">
        <v>743</v>
      </c>
      <c r="G369" s="5" t="s">
        <v>744</v>
      </c>
    </row>
    <row r="370" spans="1:7">
      <c r="A370" s="5" t="s">
        <v>7</v>
      </c>
      <c r="B370" s="5">
        <v>369</v>
      </c>
      <c r="C370" s="5" t="s">
        <v>8</v>
      </c>
      <c r="D370" s="5" t="s">
        <v>8</v>
      </c>
      <c r="E370" s="6">
        <v>11001</v>
      </c>
      <c r="F370" s="5" t="s">
        <v>745</v>
      </c>
      <c r="G370" s="5" t="s">
        <v>746</v>
      </c>
    </row>
    <row r="371" spans="1:7">
      <c r="A371" s="5" t="s">
        <v>7</v>
      </c>
      <c r="B371" s="5">
        <v>370</v>
      </c>
      <c r="C371" s="5" t="s">
        <v>8</v>
      </c>
      <c r="D371" s="5" t="s">
        <v>8</v>
      </c>
      <c r="E371" s="6">
        <v>11001</v>
      </c>
      <c r="F371" s="5" t="s">
        <v>747</v>
      </c>
      <c r="G371" s="5" t="s">
        <v>748</v>
      </c>
    </row>
    <row r="372" spans="1:7">
      <c r="A372" s="5" t="s">
        <v>7</v>
      </c>
      <c r="B372" s="5">
        <v>371</v>
      </c>
      <c r="C372" s="5" t="s">
        <v>8</v>
      </c>
      <c r="D372" s="5" t="s">
        <v>8</v>
      </c>
      <c r="E372" s="6">
        <v>11001</v>
      </c>
      <c r="F372" s="5" t="s">
        <v>749</v>
      </c>
      <c r="G372" s="5" t="s">
        <v>750</v>
      </c>
    </row>
    <row r="373" spans="1:7">
      <c r="A373" s="5" t="s">
        <v>7</v>
      </c>
      <c r="B373" s="5">
        <v>372</v>
      </c>
      <c r="C373" s="5" t="s">
        <v>8</v>
      </c>
      <c r="D373" s="5" t="s">
        <v>8</v>
      </c>
      <c r="E373" s="6">
        <v>11001</v>
      </c>
      <c r="F373" s="5" t="s">
        <v>751</v>
      </c>
      <c r="G373" s="5" t="s">
        <v>752</v>
      </c>
    </row>
    <row r="374" spans="1:7">
      <c r="A374" s="5" t="s">
        <v>7</v>
      </c>
      <c r="B374" s="5">
        <v>373</v>
      </c>
      <c r="C374" s="5" t="s">
        <v>8</v>
      </c>
      <c r="D374" s="5" t="s">
        <v>8</v>
      </c>
      <c r="E374" s="6">
        <v>11001</v>
      </c>
      <c r="F374" s="5" t="s">
        <v>753</v>
      </c>
      <c r="G374" s="5" t="s">
        <v>754</v>
      </c>
    </row>
    <row r="375" spans="1:7">
      <c r="A375" s="5" t="s">
        <v>7</v>
      </c>
      <c r="B375" s="5">
        <v>374</v>
      </c>
      <c r="C375" s="5" t="s">
        <v>8</v>
      </c>
      <c r="D375" s="5" t="s">
        <v>8</v>
      </c>
      <c r="E375" s="6">
        <v>11001</v>
      </c>
      <c r="F375" s="5" t="s">
        <v>755</v>
      </c>
      <c r="G375" s="5" t="s">
        <v>756</v>
      </c>
    </row>
    <row r="376" spans="1:7">
      <c r="A376" s="5" t="s">
        <v>7</v>
      </c>
      <c r="B376" s="5">
        <v>375</v>
      </c>
      <c r="C376" s="5" t="s">
        <v>8</v>
      </c>
      <c r="D376" s="5" t="s">
        <v>8</v>
      </c>
      <c r="E376" s="6">
        <v>11001</v>
      </c>
      <c r="F376" s="5" t="s">
        <v>757</v>
      </c>
      <c r="G376" s="5" t="s">
        <v>758</v>
      </c>
    </row>
    <row r="377" spans="1:7">
      <c r="A377" s="5" t="s">
        <v>7</v>
      </c>
      <c r="B377" s="5">
        <v>376</v>
      </c>
      <c r="C377" s="5" t="s">
        <v>8</v>
      </c>
      <c r="D377" s="5" t="s">
        <v>8</v>
      </c>
      <c r="E377" s="6">
        <v>11001</v>
      </c>
      <c r="F377" s="5" t="s">
        <v>759</v>
      </c>
      <c r="G377" s="5" t="s">
        <v>760</v>
      </c>
    </row>
    <row r="378" spans="1:7">
      <c r="A378" s="5" t="s">
        <v>7</v>
      </c>
      <c r="B378" s="5">
        <v>377</v>
      </c>
      <c r="C378" s="5" t="s">
        <v>8</v>
      </c>
      <c r="D378" s="5" t="s">
        <v>8</v>
      </c>
      <c r="E378" s="6">
        <v>11001</v>
      </c>
      <c r="F378" s="5" t="s">
        <v>761</v>
      </c>
      <c r="G378" s="5" t="s">
        <v>762</v>
      </c>
    </row>
    <row r="379" spans="1:7">
      <c r="A379" s="5" t="s">
        <v>7</v>
      </c>
      <c r="B379" s="5">
        <v>378</v>
      </c>
      <c r="C379" s="5" t="s">
        <v>8</v>
      </c>
      <c r="D379" s="5" t="s">
        <v>8</v>
      </c>
      <c r="E379" s="6">
        <v>11001</v>
      </c>
      <c r="F379" s="5" t="s">
        <v>763</v>
      </c>
      <c r="G379" s="5" t="s">
        <v>764</v>
      </c>
    </row>
    <row r="380" spans="1:7">
      <c r="A380" s="5" t="s">
        <v>7</v>
      </c>
      <c r="B380" s="5">
        <v>379</v>
      </c>
      <c r="C380" s="5" t="s">
        <v>8</v>
      </c>
      <c r="D380" s="5" t="s">
        <v>8</v>
      </c>
      <c r="E380" s="6">
        <v>11001</v>
      </c>
      <c r="F380" s="5" t="s">
        <v>765</v>
      </c>
      <c r="G380" s="5" t="s">
        <v>766</v>
      </c>
    </row>
    <row r="381" spans="1:7">
      <c r="A381" s="5" t="s">
        <v>7</v>
      </c>
      <c r="B381" s="5">
        <v>380</v>
      </c>
      <c r="C381" s="5" t="s">
        <v>8</v>
      </c>
      <c r="D381" s="5" t="s">
        <v>8</v>
      </c>
      <c r="E381" s="6">
        <v>11001</v>
      </c>
      <c r="F381" s="5" t="s">
        <v>767</v>
      </c>
      <c r="G381" s="5" t="s">
        <v>768</v>
      </c>
    </row>
    <row r="382" spans="1:7">
      <c r="A382" s="5" t="s">
        <v>7</v>
      </c>
      <c r="B382" s="5">
        <v>381</v>
      </c>
      <c r="C382" s="5" t="s">
        <v>8</v>
      </c>
      <c r="D382" s="5" t="s">
        <v>8</v>
      </c>
      <c r="E382" s="6">
        <v>11001</v>
      </c>
      <c r="F382" s="5" t="s">
        <v>769</v>
      </c>
      <c r="G382" s="5" t="s">
        <v>770</v>
      </c>
    </row>
    <row r="383" spans="1:7">
      <c r="A383" s="5" t="s">
        <v>7</v>
      </c>
      <c r="B383" s="5">
        <v>382</v>
      </c>
      <c r="C383" s="5" t="s">
        <v>8</v>
      </c>
      <c r="D383" s="5" t="s">
        <v>8</v>
      </c>
      <c r="E383" s="6">
        <v>11001</v>
      </c>
      <c r="F383" s="5" t="s">
        <v>771</v>
      </c>
      <c r="G383" s="5" t="s">
        <v>772</v>
      </c>
    </row>
    <row r="384" spans="1:7">
      <c r="A384" s="5" t="s">
        <v>7</v>
      </c>
      <c r="B384" s="5">
        <v>383</v>
      </c>
      <c r="C384" s="5" t="s">
        <v>8</v>
      </c>
      <c r="D384" s="5" t="s">
        <v>8</v>
      </c>
      <c r="E384" s="6">
        <v>11001</v>
      </c>
      <c r="F384" s="5" t="s">
        <v>773</v>
      </c>
      <c r="G384" s="5" t="s">
        <v>774</v>
      </c>
    </row>
    <row r="385" spans="1:7">
      <c r="A385" s="5" t="s">
        <v>7</v>
      </c>
      <c r="B385" s="5">
        <v>384</v>
      </c>
      <c r="C385" s="5" t="s">
        <v>8</v>
      </c>
      <c r="D385" s="5" t="s">
        <v>8</v>
      </c>
      <c r="E385" s="6">
        <v>11001</v>
      </c>
      <c r="F385" s="5" t="s">
        <v>775</v>
      </c>
      <c r="G385" s="5" t="s">
        <v>776</v>
      </c>
    </row>
    <row r="386" spans="1:7">
      <c r="A386" s="5" t="s">
        <v>7</v>
      </c>
      <c r="B386" s="5">
        <v>385</v>
      </c>
      <c r="C386" s="5" t="s">
        <v>8</v>
      </c>
      <c r="D386" s="5" t="s">
        <v>8</v>
      </c>
      <c r="E386" s="6">
        <v>11001</v>
      </c>
      <c r="F386" s="5" t="s">
        <v>777</v>
      </c>
      <c r="G386" s="5" t="s">
        <v>778</v>
      </c>
    </row>
    <row r="387" spans="1:7">
      <c r="A387" s="5" t="s">
        <v>7</v>
      </c>
      <c r="B387" s="5">
        <v>386</v>
      </c>
      <c r="C387" s="5" t="s">
        <v>8</v>
      </c>
      <c r="D387" s="5" t="s">
        <v>8</v>
      </c>
      <c r="E387" s="6">
        <v>11001</v>
      </c>
      <c r="F387" s="5" t="s">
        <v>779</v>
      </c>
      <c r="G387" s="5" t="s">
        <v>780</v>
      </c>
    </row>
    <row r="388" spans="1:7">
      <c r="A388" s="5" t="s">
        <v>7</v>
      </c>
      <c r="B388" s="5">
        <v>387</v>
      </c>
      <c r="C388" s="5" t="s">
        <v>8</v>
      </c>
      <c r="D388" s="5" t="s">
        <v>8</v>
      </c>
      <c r="E388" s="6">
        <v>11001</v>
      </c>
      <c r="F388" s="5" t="s">
        <v>781</v>
      </c>
      <c r="G388" s="5" t="s">
        <v>782</v>
      </c>
    </row>
    <row r="389" spans="1:7">
      <c r="A389" s="5" t="s">
        <v>7</v>
      </c>
      <c r="B389" s="5">
        <v>388</v>
      </c>
      <c r="C389" s="5" t="s">
        <v>8</v>
      </c>
      <c r="D389" s="5" t="s">
        <v>8</v>
      </c>
      <c r="E389" s="6">
        <v>11001</v>
      </c>
      <c r="F389" s="5" t="s">
        <v>783</v>
      </c>
      <c r="G389" s="5" t="s">
        <v>784</v>
      </c>
    </row>
    <row r="390" spans="1:7">
      <c r="A390" s="5" t="s">
        <v>7</v>
      </c>
      <c r="B390" s="5">
        <v>389</v>
      </c>
      <c r="C390" s="5" t="s">
        <v>8</v>
      </c>
      <c r="D390" s="5" t="s">
        <v>8</v>
      </c>
      <c r="E390" s="6">
        <v>11001</v>
      </c>
      <c r="F390" s="5" t="s">
        <v>785</v>
      </c>
      <c r="G390" s="5" t="s">
        <v>786</v>
      </c>
    </row>
    <row r="391" spans="1:7">
      <c r="A391" s="5" t="s">
        <v>7</v>
      </c>
      <c r="B391" s="5">
        <v>390</v>
      </c>
      <c r="C391" s="5" t="s">
        <v>8</v>
      </c>
      <c r="D391" s="5" t="s">
        <v>8</v>
      </c>
      <c r="E391" s="6">
        <v>11001</v>
      </c>
      <c r="F391" s="5" t="s">
        <v>787</v>
      </c>
      <c r="G391" s="5" t="s">
        <v>788</v>
      </c>
    </row>
    <row r="392" spans="1:7">
      <c r="A392" s="5" t="s">
        <v>7</v>
      </c>
      <c r="B392" s="5">
        <v>391</v>
      </c>
      <c r="C392" s="5" t="s">
        <v>8</v>
      </c>
      <c r="D392" s="5" t="s">
        <v>8</v>
      </c>
      <c r="E392" s="6">
        <v>11001</v>
      </c>
      <c r="F392" s="5" t="s">
        <v>789</v>
      </c>
      <c r="G392" s="5" t="s">
        <v>790</v>
      </c>
    </row>
    <row r="393" spans="1:7">
      <c r="A393" s="5" t="s">
        <v>7</v>
      </c>
      <c r="B393" s="5">
        <v>392</v>
      </c>
      <c r="C393" s="5" t="s">
        <v>8</v>
      </c>
      <c r="D393" s="5" t="s">
        <v>8</v>
      </c>
      <c r="E393" s="6">
        <v>11001</v>
      </c>
      <c r="F393" s="5" t="s">
        <v>791</v>
      </c>
      <c r="G393" s="5" t="s">
        <v>792</v>
      </c>
    </row>
    <row r="394" spans="1:7">
      <c r="A394" s="5" t="s">
        <v>7</v>
      </c>
      <c r="B394" s="5">
        <v>393</v>
      </c>
      <c r="C394" s="5" t="s">
        <v>8</v>
      </c>
      <c r="D394" s="5" t="s">
        <v>8</v>
      </c>
      <c r="E394" s="6">
        <v>11001</v>
      </c>
      <c r="F394" s="5" t="s">
        <v>793</v>
      </c>
      <c r="G394" s="5" t="s">
        <v>794</v>
      </c>
    </row>
    <row r="395" spans="1:7">
      <c r="A395" s="5" t="s">
        <v>7</v>
      </c>
      <c r="B395" s="5">
        <v>394</v>
      </c>
      <c r="C395" s="5" t="s">
        <v>8</v>
      </c>
      <c r="D395" s="5" t="s">
        <v>8</v>
      </c>
      <c r="E395" s="6">
        <v>11001</v>
      </c>
      <c r="F395" s="5" t="s">
        <v>795</v>
      </c>
      <c r="G395" s="5" t="s">
        <v>796</v>
      </c>
    </row>
    <row r="396" spans="1:7">
      <c r="A396" s="5" t="s">
        <v>7</v>
      </c>
      <c r="B396" s="5">
        <v>395</v>
      </c>
      <c r="C396" s="5" t="s">
        <v>8</v>
      </c>
      <c r="D396" s="5" t="s">
        <v>8</v>
      </c>
      <c r="E396" s="6">
        <v>11001</v>
      </c>
      <c r="F396" s="5" t="s">
        <v>797</v>
      </c>
      <c r="G396" s="5" t="s">
        <v>798</v>
      </c>
    </row>
    <row r="397" spans="1:7">
      <c r="A397" s="5" t="s">
        <v>7</v>
      </c>
      <c r="B397" s="5">
        <v>396</v>
      </c>
      <c r="C397" s="5" t="s">
        <v>8</v>
      </c>
      <c r="D397" s="5" t="s">
        <v>8</v>
      </c>
      <c r="E397" s="6">
        <v>11001</v>
      </c>
      <c r="F397" s="5" t="s">
        <v>799</v>
      </c>
      <c r="G397" s="5" t="s">
        <v>800</v>
      </c>
    </row>
    <row r="398" spans="1:7">
      <c r="A398" s="5" t="s">
        <v>7</v>
      </c>
      <c r="B398" s="5">
        <v>397</v>
      </c>
      <c r="C398" s="5" t="s">
        <v>8</v>
      </c>
      <c r="D398" s="5" t="s">
        <v>8</v>
      </c>
      <c r="E398" s="6">
        <v>11001</v>
      </c>
      <c r="F398" s="5" t="s">
        <v>801</v>
      </c>
      <c r="G398" s="5" t="s">
        <v>802</v>
      </c>
    </row>
    <row r="399" spans="1:7">
      <c r="A399" s="5" t="s">
        <v>7</v>
      </c>
      <c r="B399" s="5">
        <v>398</v>
      </c>
      <c r="C399" s="5" t="s">
        <v>8</v>
      </c>
      <c r="D399" s="5" t="s">
        <v>8</v>
      </c>
      <c r="E399" s="6">
        <v>11001</v>
      </c>
      <c r="F399" s="5" t="s">
        <v>803</v>
      </c>
      <c r="G399" s="5" t="s">
        <v>804</v>
      </c>
    </row>
    <row r="400" spans="1:7">
      <c r="A400" s="5" t="s">
        <v>7</v>
      </c>
      <c r="B400" s="5">
        <v>399</v>
      </c>
      <c r="C400" s="5" t="s">
        <v>8</v>
      </c>
      <c r="D400" s="5" t="s">
        <v>8</v>
      </c>
      <c r="E400" s="6">
        <v>11001</v>
      </c>
      <c r="F400" s="5" t="s">
        <v>805</v>
      </c>
      <c r="G400" s="5" t="s">
        <v>806</v>
      </c>
    </row>
    <row r="401" spans="1:7">
      <c r="A401" s="5" t="s">
        <v>7</v>
      </c>
      <c r="B401" s="5">
        <v>400</v>
      </c>
      <c r="C401" s="5" t="s">
        <v>8</v>
      </c>
      <c r="D401" s="5" t="s">
        <v>8</v>
      </c>
      <c r="E401" s="6">
        <v>11001</v>
      </c>
      <c r="F401" s="5" t="s">
        <v>807</v>
      </c>
      <c r="G401" s="5" t="s">
        <v>808</v>
      </c>
    </row>
    <row r="402" spans="1:7">
      <c r="A402" s="5" t="s">
        <v>7</v>
      </c>
      <c r="B402" s="5">
        <v>401</v>
      </c>
      <c r="C402" s="5" t="s">
        <v>8</v>
      </c>
      <c r="D402" s="5" t="s">
        <v>8</v>
      </c>
      <c r="E402" s="6">
        <v>11001</v>
      </c>
      <c r="F402" s="5" t="s">
        <v>809</v>
      </c>
      <c r="G402" s="5" t="s">
        <v>810</v>
      </c>
    </row>
    <row r="403" spans="1:7">
      <c r="A403" s="5" t="s">
        <v>7</v>
      </c>
      <c r="B403" s="5">
        <v>402</v>
      </c>
      <c r="C403" s="5" t="s">
        <v>8</v>
      </c>
      <c r="D403" s="5" t="s">
        <v>8</v>
      </c>
      <c r="E403" s="6">
        <v>11001</v>
      </c>
      <c r="F403" s="5" t="s">
        <v>811</v>
      </c>
      <c r="G403" s="5" t="s">
        <v>812</v>
      </c>
    </row>
    <row r="404" spans="1:7">
      <c r="A404" s="5" t="s">
        <v>7</v>
      </c>
      <c r="B404" s="5">
        <v>403</v>
      </c>
      <c r="C404" s="5" t="s">
        <v>813</v>
      </c>
      <c r="D404" s="5" t="s">
        <v>814</v>
      </c>
      <c r="E404" s="6">
        <v>25754</v>
      </c>
      <c r="F404" s="5" t="s">
        <v>815</v>
      </c>
      <c r="G404" s="5" t="s">
        <v>816</v>
      </c>
    </row>
    <row r="405" spans="1:7">
      <c r="A405" s="5" t="s">
        <v>7</v>
      </c>
      <c r="B405" s="5">
        <v>404</v>
      </c>
      <c r="C405" s="5" t="s">
        <v>8</v>
      </c>
      <c r="D405" s="5" t="s">
        <v>8</v>
      </c>
      <c r="E405" s="6">
        <v>11001</v>
      </c>
      <c r="F405" s="5" t="s">
        <v>817</v>
      </c>
      <c r="G405" s="5" t="s">
        <v>818</v>
      </c>
    </row>
    <row r="406" spans="1:7">
      <c r="A406" s="5" t="s">
        <v>7</v>
      </c>
      <c r="B406" s="5">
        <v>405</v>
      </c>
      <c r="C406" s="5" t="s">
        <v>8</v>
      </c>
      <c r="D406" s="5" t="s">
        <v>8</v>
      </c>
      <c r="E406" s="6">
        <v>11001</v>
      </c>
      <c r="F406" s="5" t="s">
        <v>819</v>
      </c>
      <c r="G406" s="5" t="s">
        <v>820</v>
      </c>
    </row>
    <row r="407" spans="1:7">
      <c r="A407" s="5" t="s">
        <v>7</v>
      </c>
      <c r="B407" s="5">
        <v>406</v>
      </c>
      <c r="C407" s="5" t="s">
        <v>8</v>
      </c>
      <c r="D407" s="5" t="s">
        <v>8</v>
      </c>
      <c r="E407" s="6">
        <v>11001</v>
      </c>
      <c r="F407" s="5" t="s">
        <v>821</v>
      </c>
      <c r="G407" s="5" t="s">
        <v>822</v>
      </c>
    </row>
    <row r="408" spans="1:7">
      <c r="A408" s="5" t="s">
        <v>7</v>
      </c>
      <c r="B408" s="5">
        <v>407</v>
      </c>
      <c r="C408" s="5" t="s">
        <v>8</v>
      </c>
      <c r="D408" s="5" t="s">
        <v>8</v>
      </c>
      <c r="E408" s="6">
        <v>11001</v>
      </c>
      <c r="F408" s="5" t="s">
        <v>823</v>
      </c>
      <c r="G408" s="5" t="s">
        <v>824</v>
      </c>
    </row>
    <row r="409" spans="1:7">
      <c r="A409" s="5" t="s">
        <v>7</v>
      </c>
      <c r="B409" s="5">
        <v>408</v>
      </c>
      <c r="C409" s="5" t="s">
        <v>8</v>
      </c>
      <c r="D409" s="5" t="s">
        <v>8</v>
      </c>
      <c r="E409" s="6">
        <v>11001</v>
      </c>
      <c r="F409" s="5" t="s">
        <v>825</v>
      </c>
      <c r="G409" s="5" t="s">
        <v>826</v>
      </c>
    </row>
    <row r="410" spans="1:7">
      <c r="A410" s="5" t="s">
        <v>7</v>
      </c>
      <c r="B410" s="5">
        <v>409</v>
      </c>
      <c r="C410" s="5" t="s">
        <v>8</v>
      </c>
      <c r="D410" s="5" t="s">
        <v>8</v>
      </c>
      <c r="E410" s="6">
        <v>11001</v>
      </c>
      <c r="F410" s="5" t="s">
        <v>827</v>
      </c>
      <c r="G410" s="5" t="s">
        <v>828</v>
      </c>
    </row>
    <row r="411" spans="1:7">
      <c r="A411" s="5" t="s">
        <v>7</v>
      </c>
      <c r="B411" s="5">
        <v>410</v>
      </c>
      <c r="C411" s="5" t="s">
        <v>8</v>
      </c>
      <c r="D411" s="5" t="s">
        <v>8</v>
      </c>
      <c r="E411" s="6">
        <v>11001</v>
      </c>
      <c r="F411" s="5" t="s">
        <v>829</v>
      </c>
      <c r="G411" s="5" t="s">
        <v>830</v>
      </c>
    </row>
    <row r="412" spans="1:7">
      <c r="A412" s="5" t="s">
        <v>7</v>
      </c>
      <c r="B412" s="5">
        <v>411</v>
      </c>
      <c r="C412" s="5" t="s">
        <v>8</v>
      </c>
      <c r="D412" s="5" t="s">
        <v>8</v>
      </c>
      <c r="E412" s="6">
        <v>11001</v>
      </c>
      <c r="F412" s="5" t="s">
        <v>831</v>
      </c>
      <c r="G412" s="5" t="s">
        <v>832</v>
      </c>
    </row>
    <row r="413" spans="1:7">
      <c r="A413" s="5" t="s">
        <v>7</v>
      </c>
      <c r="B413" s="5">
        <v>412</v>
      </c>
      <c r="C413" s="5" t="s">
        <v>8</v>
      </c>
      <c r="D413" s="5" t="s">
        <v>8</v>
      </c>
      <c r="E413" s="6">
        <v>11001</v>
      </c>
      <c r="F413" s="5" t="s">
        <v>833</v>
      </c>
      <c r="G413" s="5" t="s">
        <v>834</v>
      </c>
    </row>
    <row r="414" spans="1:7">
      <c r="A414" s="5" t="s">
        <v>7</v>
      </c>
      <c r="B414" s="5">
        <v>413</v>
      </c>
      <c r="C414" s="5" t="s">
        <v>8</v>
      </c>
      <c r="D414" s="5" t="s">
        <v>8</v>
      </c>
      <c r="E414" s="6">
        <v>11001</v>
      </c>
      <c r="F414" s="5" t="s">
        <v>835</v>
      </c>
      <c r="G414" s="5" t="s">
        <v>836</v>
      </c>
    </row>
    <row r="415" spans="1:7">
      <c r="A415" s="5" t="s">
        <v>7</v>
      </c>
      <c r="B415" s="5">
        <v>414</v>
      </c>
      <c r="C415" s="5" t="s">
        <v>8</v>
      </c>
      <c r="D415" s="5" t="s">
        <v>8</v>
      </c>
      <c r="E415" s="6">
        <v>11001</v>
      </c>
      <c r="F415" s="5" t="s">
        <v>837</v>
      </c>
      <c r="G415" s="5" t="s">
        <v>838</v>
      </c>
    </row>
    <row r="416" spans="1:7">
      <c r="A416" s="5" t="s">
        <v>7</v>
      </c>
      <c r="B416" s="5">
        <v>415</v>
      </c>
      <c r="C416" s="5" t="s">
        <v>8</v>
      </c>
      <c r="D416" s="5" t="s">
        <v>8</v>
      </c>
      <c r="E416" s="6">
        <v>11001</v>
      </c>
      <c r="F416" s="5" t="s">
        <v>839</v>
      </c>
      <c r="G416" s="5" t="s">
        <v>840</v>
      </c>
    </row>
    <row r="417" spans="1:7">
      <c r="A417" s="5" t="s">
        <v>7</v>
      </c>
      <c r="B417" s="5">
        <v>416</v>
      </c>
      <c r="C417" s="5" t="s">
        <v>8</v>
      </c>
      <c r="D417" s="5" t="s">
        <v>8</v>
      </c>
      <c r="E417" s="6">
        <v>11001</v>
      </c>
      <c r="F417" s="5" t="s">
        <v>841</v>
      </c>
      <c r="G417" s="5" t="s">
        <v>842</v>
      </c>
    </row>
    <row r="418" spans="1:7">
      <c r="A418" s="5" t="s">
        <v>7</v>
      </c>
      <c r="B418" s="5">
        <v>417</v>
      </c>
      <c r="C418" s="5" t="s">
        <v>8</v>
      </c>
      <c r="D418" s="5" t="s">
        <v>8</v>
      </c>
      <c r="E418" s="6">
        <v>11001</v>
      </c>
      <c r="F418" s="5" t="s">
        <v>843</v>
      </c>
      <c r="G418" s="5" t="s">
        <v>844</v>
      </c>
    </row>
    <row r="419" spans="1:7">
      <c r="A419" s="5" t="s">
        <v>7</v>
      </c>
      <c r="B419" s="5">
        <v>418</v>
      </c>
      <c r="C419" s="5" t="s">
        <v>8</v>
      </c>
      <c r="D419" s="5" t="s">
        <v>8</v>
      </c>
      <c r="E419" s="6">
        <v>11001</v>
      </c>
      <c r="F419" s="5" t="s">
        <v>845</v>
      </c>
      <c r="G419" s="5" t="s">
        <v>846</v>
      </c>
    </row>
    <row r="420" spans="1:7">
      <c r="A420" s="5" t="s">
        <v>7</v>
      </c>
      <c r="B420" s="5">
        <v>419</v>
      </c>
      <c r="C420" s="5" t="s">
        <v>8</v>
      </c>
      <c r="D420" s="5" t="s">
        <v>8</v>
      </c>
      <c r="E420" s="6">
        <v>11001</v>
      </c>
      <c r="F420" s="5" t="s">
        <v>847</v>
      </c>
      <c r="G420" s="5" t="s">
        <v>848</v>
      </c>
    </row>
    <row r="421" spans="1:7">
      <c r="A421" s="5" t="s">
        <v>7</v>
      </c>
      <c r="B421" s="5">
        <v>420</v>
      </c>
      <c r="C421" s="5" t="s">
        <v>8</v>
      </c>
      <c r="D421" s="5" t="s">
        <v>8</v>
      </c>
      <c r="E421" s="6">
        <v>11001</v>
      </c>
      <c r="F421" s="5" t="s">
        <v>849</v>
      </c>
      <c r="G421" s="5" t="s">
        <v>850</v>
      </c>
    </row>
    <row r="422" spans="1:7">
      <c r="A422" s="5" t="s">
        <v>7</v>
      </c>
      <c r="B422" s="5">
        <v>421</v>
      </c>
      <c r="C422" s="5" t="s">
        <v>8</v>
      </c>
      <c r="D422" s="5" t="s">
        <v>8</v>
      </c>
      <c r="E422" s="6">
        <v>11001</v>
      </c>
      <c r="F422" s="5" t="s">
        <v>851</v>
      </c>
      <c r="G422" s="5" t="s">
        <v>852</v>
      </c>
    </row>
    <row r="423" spans="1:7">
      <c r="A423" s="5" t="s">
        <v>7</v>
      </c>
      <c r="B423" s="5">
        <v>422</v>
      </c>
      <c r="C423" s="5" t="s">
        <v>8</v>
      </c>
      <c r="D423" s="5" t="s">
        <v>8</v>
      </c>
      <c r="E423" s="6">
        <v>11001</v>
      </c>
      <c r="F423" s="5" t="s">
        <v>853</v>
      </c>
      <c r="G423" s="5" t="s">
        <v>854</v>
      </c>
    </row>
    <row r="424" spans="1:7">
      <c r="A424" s="5" t="s">
        <v>7</v>
      </c>
      <c r="B424" s="5">
        <v>423</v>
      </c>
      <c r="C424" s="5" t="s">
        <v>8</v>
      </c>
      <c r="D424" s="5" t="s">
        <v>8</v>
      </c>
      <c r="E424" s="6">
        <v>11001</v>
      </c>
      <c r="F424" s="5" t="s">
        <v>855</v>
      </c>
      <c r="G424" s="5" t="s">
        <v>856</v>
      </c>
    </row>
    <row r="425" spans="1:7">
      <c r="A425" s="5" t="s">
        <v>7</v>
      </c>
      <c r="B425" s="5">
        <v>424</v>
      </c>
      <c r="C425" s="5" t="s">
        <v>8</v>
      </c>
      <c r="D425" s="5" t="s">
        <v>8</v>
      </c>
      <c r="E425" s="6">
        <v>11001</v>
      </c>
      <c r="F425" s="5" t="s">
        <v>857</v>
      </c>
      <c r="G425" s="5" t="s">
        <v>858</v>
      </c>
    </row>
    <row r="426" spans="1:7">
      <c r="A426" s="5" t="s">
        <v>7</v>
      </c>
      <c r="B426" s="5">
        <v>425</v>
      </c>
      <c r="C426" s="5" t="s">
        <v>8</v>
      </c>
      <c r="D426" s="5" t="s">
        <v>8</v>
      </c>
      <c r="E426" s="6">
        <v>11001</v>
      </c>
      <c r="F426" s="5" t="s">
        <v>859</v>
      </c>
      <c r="G426" s="5" t="s">
        <v>860</v>
      </c>
    </row>
    <row r="427" spans="1:7">
      <c r="A427" s="5" t="s">
        <v>7</v>
      </c>
      <c r="B427" s="5">
        <v>426</v>
      </c>
      <c r="C427" s="5" t="s">
        <v>8</v>
      </c>
      <c r="D427" s="5" t="s">
        <v>8</v>
      </c>
      <c r="E427" s="6">
        <v>11001</v>
      </c>
      <c r="F427" s="5" t="s">
        <v>861</v>
      </c>
      <c r="G427" s="5" t="s">
        <v>862</v>
      </c>
    </row>
    <row r="428" spans="1:7">
      <c r="A428" s="5" t="s">
        <v>7</v>
      </c>
      <c r="B428" s="5">
        <v>427</v>
      </c>
      <c r="C428" s="5" t="s">
        <v>8</v>
      </c>
      <c r="D428" s="5" t="s">
        <v>8</v>
      </c>
      <c r="E428" s="6">
        <v>11001</v>
      </c>
      <c r="F428" s="5" t="s">
        <v>863</v>
      </c>
      <c r="G428" s="5" t="s">
        <v>864</v>
      </c>
    </row>
    <row r="429" spans="1:7">
      <c r="A429" s="5" t="s">
        <v>7</v>
      </c>
      <c r="B429" s="5">
        <v>428</v>
      </c>
      <c r="C429" s="5" t="s">
        <v>8</v>
      </c>
      <c r="D429" s="5" t="s">
        <v>8</v>
      </c>
      <c r="E429" s="6">
        <v>11001</v>
      </c>
      <c r="F429" s="5" t="s">
        <v>865</v>
      </c>
      <c r="G429" s="5" t="s">
        <v>866</v>
      </c>
    </row>
    <row r="430" spans="1:7">
      <c r="A430" s="5" t="s">
        <v>7</v>
      </c>
      <c r="B430" s="5">
        <v>429</v>
      </c>
      <c r="C430" s="5" t="s">
        <v>8</v>
      </c>
      <c r="D430" s="5" t="s">
        <v>8</v>
      </c>
      <c r="E430" s="6">
        <v>11001</v>
      </c>
      <c r="F430" s="5" t="s">
        <v>867</v>
      </c>
      <c r="G430" s="5" t="s">
        <v>868</v>
      </c>
    </row>
    <row r="431" spans="1:7">
      <c r="A431" s="5" t="s">
        <v>7</v>
      </c>
      <c r="B431" s="5">
        <v>430</v>
      </c>
      <c r="C431" s="5" t="s">
        <v>8</v>
      </c>
      <c r="D431" s="5" t="s">
        <v>8</v>
      </c>
      <c r="E431" s="6">
        <v>11001</v>
      </c>
      <c r="F431" s="5" t="s">
        <v>869</v>
      </c>
      <c r="G431" s="5" t="s">
        <v>870</v>
      </c>
    </row>
    <row r="432" spans="1:7">
      <c r="A432" s="5" t="s">
        <v>7</v>
      </c>
      <c r="B432" s="5">
        <v>431</v>
      </c>
      <c r="C432" s="5" t="s">
        <v>8</v>
      </c>
      <c r="D432" s="5" t="s">
        <v>8</v>
      </c>
      <c r="E432" s="6">
        <v>11001</v>
      </c>
      <c r="F432" s="5" t="s">
        <v>871</v>
      </c>
      <c r="G432" s="5" t="s">
        <v>872</v>
      </c>
    </row>
    <row r="433" spans="1:7">
      <c r="A433" s="5" t="s">
        <v>7</v>
      </c>
      <c r="B433" s="5">
        <v>432</v>
      </c>
      <c r="C433" s="5" t="s">
        <v>8</v>
      </c>
      <c r="D433" s="5" t="s">
        <v>8</v>
      </c>
      <c r="E433" s="6">
        <v>11001</v>
      </c>
      <c r="F433" s="5" t="s">
        <v>873</v>
      </c>
      <c r="G433" s="5" t="s">
        <v>874</v>
      </c>
    </row>
    <row r="434" spans="1:7">
      <c r="A434" s="5" t="s">
        <v>7</v>
      </c>
      <c r="B434" s="5">
        <v>433</v>
      </c>
      <c r="C434" s="5" t="s">
        <v>8</v>
      </c>
      <c r="D434" s="5" t="s">
        <v>8</v>
      </c>
      <c r="E434" s="6">
        <v>11001</v>
      </c>
      <c r="F434" s="5" t="s">
        <v>875</v>
      </c>
      <c r="G434" s="5" t="s">
        <v>876</v>
      </c>
    </row>
    <row r="435" spans="1:7">
      <c r="A435" s="5" t="s">
        <v>7</v>
      </c>
      <c r="B435" s="5">
        <v>434</v>
      </c>
      <c r="C435" s="5" t="s">
        <v>8</v>
      </c>
      <c r="D435" s="5" t="s">
        <v>8</v>
      </c>
      <c r="E435" s="6">
        <v>11001</v>
      </c>
      <c r="F435" s="5" t="s">
        <v>877</v>
      </c>
      <c r="G435" s="5" t="s">
        <v>878</v>
      </c>
    </row>
    <row r="436" spans="1:7">
      <c r="A436" s="5" t="s">
        <v>7</v>
      </c>
      <c r="B436" s="5">
        <v>435</v>
      </c>
      <c r="C436" s="5" t="s">
        <v>8</v>
      </c>
      <c r="D436" s="5" t="s">
        <v>8</v>
      </c>
      <c r="E436" s="6">
        <v>11001</v>
      </c>
      <c r="F436" s="5" t="s">
        <v>879</v>
      </c>
      <c r="G436" s="5" t="s">
        <v>880</v>
      </c>
    </row>
    <row r="437" spans="1:7">
      <c r="A437" s="5" t="s">
        <v>7</v>
      </c>
      <c r="B437" s="5">
        <v>436</v>
      </c>
      <c r="C437" s="5" t="s">
        <v>8</v>
      </c>
      <c r="D437" s="5" t="s">
        <v>8</v>
      </c>
      <c r="E437" s="6">
        <v>11001</v>
      </c>
      <c r="F437" s="5" t="s">
        <v>881</v>
      </c>
      <c r="G437" s="5" t="s">
        <v>882</v>
      </c>
    </row>
    <row r="438" spans="1:7">
      <c r="A438" s="5" t="s">
        <v>7</v>
      </c>
      <c r="B438" s="5">
        <v>437</v>
      </c>
      <c r="C438" s="5" t="s">
        <v>8</v>
      </c>
      <c r="D438" s="5" t="s">
        <v>8</v>
      </c>
      <c r="E438" s="6">
        <v>11001</v>
      </c>
      <c r="F438" s="5" t="s">
        <v>883</v>
      </c>
      <c r="G438" s="5" t="s">
        <v>884</v>
      </c>
    </row>
    <row r="439" spans="1:7">
      <c r="A439" s="5" t="s">
        <v>7</v>
      </c>
      <c r="B439" s="5">
        <v>438</v>
      </c>
      <c r="C439" s="5" t="s">
        <v>8</v>
      </c>
      <c r="D439" s="5" t="s">
        <v>8</v>
      </c>
      <c r="E439" s="6">
        <v>11001</v>
      </c>
      <c r="F439" s="5" t="s">
        <v>885</v>
      </c>
      <c r="G439" s="5" t="s">
        <v>886</v>
      </c>
    </row>
    <row r="440" spans="1:7">
      <c r="A440" s="5" t="s">
        <v>7</v>
      </c>
      <c r="B440" s="5">
        <v>439</v>
      </c>
      <c r="C440" s="5" t="s">
        <v>8</v>
      </c>
      <c r="D440" s="5" t="s">
        <v>8</v>
      </c>
      <c r="E440" s="6">
        <v>11001</v>
      </c>
      <c r="F440" s="5" t="s">
        <v>887</v>
      </c>
      <c r="G440" s="5" t="s">
        <v>888</v>
      </c>
    </row>
    <row r="441" spans="1:7">
      <c r="A441" s="5" t="s">
        <v>7</v>
      </c>
      <c r="B441" s="5">
        <v>440</v>
      </c>
      <c r="C441" s="5" t="s">
        <v>8</v>
      </c>
      <c r="D441" s="5" t="s">
        <v>8</v>
      </c>
      <c r="E441" s="6">
        <v>11001</v>
      </c>
      <c r="F441" s="5" t="s">
        <v>889</v>
      </c>
      <c r="G441" s="5" t="s">
        <v>890</v>
      </c>
    </row>
    <row r="442" spans="1:7">
      <c r="A442" s="5" t="s">
        <v>7</v>
      </c>
      <c r="B442" s="5">
        <v>441</v>
      </c>
      <c r="C442" s="5" t="s">
        <v>8</v>
      </c>
      <c r="D442" s="5" t="s">
        <v>8</v>
      </c>
      <c r="E442" s="6">
        <v>11001</v>
      </c>
      <c r="F442" s="5" t="s">
        <v>891</v>
      </c>
      <c r="G442" s="5" t="s">
        <v>892</v>
      </c>
    </row>
    <row r="443" spans="1:7">
      <c r="A443" s="5" t="s">
        <v>7</v>
      </c>
      <c r="B443" s="5">
        <v>442</v>
      </c>
      <c r="C443" s="5" t="s">
        <v>8</v>
      </c>
      <c r="D443" s="5" t="s">
        <v>8</v>
      </c>
      <c r="E443" s="6">
        <v>11001</v>
      </c>
      <c r="F443" s="5" t="s">
        <v>893</v>
      </c>
      <c r="G443" s="5" t="s">
        <v>894</v>
      </c>
    </row>
    <row r="444" spans="1:7">
      <c r="A444" s="5" t="s">
        <v>7</v>
      </c>
      <c r="B444" s="5">
        <v>443</v>
      </c>
      <c r="C444" s="5" t="s">
        <v>8</v>
      </c>
      <c r="D444" s="5" t="s">
        <v>8</v>
      </c>
      <c r="E444" s="6">
        <v>11001</v>
      </c>
      <c r="F444" s="5" t="s">
        <v>895</v>
      </c>
      <c r="G444" s="5" t="s">
        <v>896</v>
      </c>
    </row>
    <row r="445" spans="1:7">
      <c r="A445" s="5" t="s">
        <v>7</v>
      </c>
      <c r="B445" s="5">
        <v>444</v>
      </c>
      <c r="C445" s="5" t="s">
        <v>8</v>
      </c>
      <c r="D445" s="5" t="s">
        <v>8</v>
      </c>
      <c r="E445" s="6">
        <v>11001</v>
      </c>
      <c r="F445" s="5" t="s">
        <v>897</v>
      </c>
      <c r="G445" s="5" t="s">
        <v>898</v>
      </c>
    </row>
    <row r="446" spans="1:7">
      <c r="A446" s="5" t="s">
        <v>7</v>
      </c>
      <c r="B446" s="5">
        <v>445</v>
      </c>
      <c r="C446" s="5" t="s">
        <v>8</v>
      </c>
      <c r="D446" s="5" t="s">
        <v>8</v>
      </c>
      <c r="E446" s="6">
        <v>11001</v>
      </c>
      <c r="F446" s="5" t="s">
        <v>899</v>
      </c>
      <c r="G446" s="5" t="s">
        <v>900</v>
      </c>
    </row>
    <row r="447" spans="1:7">
      <c r="A447" s="5" t="s">
        <v>7</v>
      </c>
      <c r="B447" s="5">
        <v>446</v>
      </c>
      <c r="C447" s="5" t="s">
        <v>8</v>
      </c>
      <c r="D447" s="5" t="s">
        <v>8</v>
      </c>
      <c r="E447" s="6">
        <v>11001</v>
      </c>
      <c r="F447" s="5" t="s">
        <v>901</v>
      </c>
      <c r="G447" s="5" t="s">
        <v>902</v>
      </c>
    </row>
    <row r="448" spans="1:7">
      <c r="A448" s="5" t="s">
        <v>7</v>
      </c>
      <c r="B448" s="5">
        <v>447</v>
      </c>
      <c r="C448" s="5" t="s">
        <v>8</v>
      </c>
      <c r="D448" s="5" t="s">
        <v>8</v>
      </c>
      <c r="E448" s="6">
        <v>11001</v>
      </c>
      <c r="F448" s="5" t="s">
        <v>903</v>
      </c>
      <c r="G448" s="5" t="s">
        <v>904</v>
      </c>
    </row>
    <row r="449" spans="1:7">
      <c r="A449" s="5" t="s">
        <v>7</v>
      </c>
      <c r="B449" s="5">
        <v>448</v>
      </c>
      <c r="C449" s="5" t="s">
        <v>8</v>
      </c>
      <c r="D449" s="5" t="s">
        <v>8</v>
      </c>
      <c r="E449" s="6">
        <v>11001</v>
      </c>
      <c r="F449" s="5" t="s">
        <v>905</v>
      </c>
      <c r="G449" s="5" t="s">
        <v>906</v>
      </c>
    </row>
    <row r="450" spans="1:7">
      <c r="A450" s="5" t="s">
        <v>7</v>
      </c>
      <c r="B450" s="5">
        <v>449</v>
      </c>
      <c r="C450" s="5" t="s">
        <v>8</v>
      </c>
      <c r="D450" s="5" t="s">
        <v>8</v>
      </c>
      <c r="E450" s="6">
        <v>11001</v>
      </c>
      <c r="F450" s="5" t="s">
        <v>907</v>
      </c>
      <c r="G450" s="5" t="s">
        <v>908</v>
      </c>
    </row>
    <row r="451" spans="1:7">
      <c r="A451" s="5" t="s">
        <v>7</v>
      </c>
      <c r="B451" s="5">
        <v>450</v>
      </c>
      <c r="C451" s="5" t="s">
        <v>8</v>
      </c>
      <c r="D451" s="5" t="s">
        <v>8</v>
      </c>
      <c r="E451" s="6">
        <v>11001</v>
      </c>
      <c r="F451" s="5" t="s">
        <v>909</v>
      </c>
      <c r="G451" s="5" t="s">
        <v>910</v>
      </c>
    </row>
    <row r="452" spans="1:7">
      <c r="A452" s="5" t="s">
        <v>7</v>
      </c>
      <c r="B452" s="5">
        <v>451</v>
      </c>
      <c r="C452" s="5" t="s">
        <v>8</v>
      </c>
      <c r="D452" s="5" t="s">
        <v>8</v>
      </c>
      <c r="E452" s="6">
        <v>11001</v>
      </c>
      <c r="F452" s="5" t="s">
        <v>911</v>
      </c>
      <c r="G452" s="5" t="s">
        <v>912</v>
      </c>
    </row>
    <row r="453" spans="1:7">
      <c r="A453" s="5" t="s">
        <v>7</v>
      </c>
      <c r="B453" s="5">
        <v>452</v>
      </c>
      <c r="C453" s="5" t="s">
        <v>8</v>
      </c>
      <c r="D453" s="5" t="s">
        <v>8</v>
      </c>
      <c r="E453" s="6">
        <v>11001</v>
      </c>
      <c r="F453" s="5" t="s">
        <v>913</v>
      </c>
      <c r="G453" s="5" t="s">
        <v>914</v>
      </c>
    </row>
    <row r="454" spans="1:7">
      <c r="A454" s="5" t="s">
        <v>7</v>
      </c>
      <c r="B454" s="5">
        <v>453</v>
      </c>
      <c r="C454" s="5" t="s">
        <v>8</v>
      </c>
      <c r="D454" s="5" t="s">
        <v>8</v>
      </c>
      <c r="E454" s="6">
        <v>11001</v>
      </c>
      <c r="F454" s="5" t="s">
        <v>915</v>
      </c>
      <c r="G454" s="5" t="s">
        <v>916</v>
      </c>
    </row>
    <row r="455" spans="1:7">
      <c r="A455" s="5" t="s">
        <v>7</v>
      </c>
      <c r="B455" s="5">
        <v>454</v>
      </c>
      <c r="C455" s="5" t="s">
        <v>8</v>
      </c>
      <c r="D455" s="5" t="s">
        <v>8</v>
      </c>
      <c r="E455" s="6">
        <v>11001</v>
      </c>
      <c r="F455" s="5" t="s">
        <v>917</v>
      </c>
      <c r="G455" s="5" t="s">
        <v>918</v>
      </c>
    </row>
    <row r="456" spans="1:7">
      <c r="A456" s="5" t="s">
        <v>7</v>
      </c>
      <c r="B456" s="5">
        <v>455</v>
      </c>
      <c r="C456" s="5" t="s">
        <v>8</v>
      </c>
      <c r="D456" s="5" t="s">
        <v>8</v>
      </c>
      <c r="E456" s="6">
        <v>11001</v>
      </c>
      <c r="F456" s="5" t="s">
        <v>919</v>
      </c>
      <c r="G456" s="5" t="s">
        <v>920</v>
      </c>
    </row>
    <row r="457" spans="1:7">
      <c r="A457" s="5" t="s">
        <v>7</v>
      </c>
      <c r="B457" s="5">
        <v>456</v>
      </c>
      <c r="C457" s="5" t="s">
        <v>8</v>
      </c>
      <c r="D457" s="5" t="s">
        <v>8</v>
      </c>
      <c r="E457" s="6">
        <v>11001</v>
      </c>
      <c r="F457" s="5" t="s">
        <v>921</v>
      </c>
      <c r="G457" s="5" t="s">
        <v>922</v>
      </c>
    </row>
    <row r="458" spans="1:7">
      <c r="A458" s="5" t="s">
        <v>7</v>
      </c>
      <c r="B458" s="5">
        <v>457</v>
      </c>
      <c r="C458" s="5" t="s">
        <v>8</v>
      </c>
      <c r="D458" s="5" t="s">
        <v>8</v>
      </c>
      <c r="E458" s="6">
        <v>11001</v>
      </c>
      <c r="F458" s="5" t="s">
        <v>923</v>
      </c>
      <c r="G458" s="5" t="s">
        <v>924</v>
      </c>
    </row>
    <row r="459" spans="1:7">
      <c r="A459" s="5" t="s">
        <v>7</v>
      </c>
      <c r="B459" s="5">
        <v>458</v>
      </c>
      <c r="C459" s="5" t="s">
        <v>8</v>
      </c>
      <c r="D459" s="5" t="s">
        <v>8</v>
      </c>
      <c r="E459" s="6">
        <v>11001</v>
      </c>
      <c r="F459" s="5" t="s">
        <v>925</v>
      </c>
      <c r="G459" s="5" t="s">
        <v>926</v>
      </c>
    </row>
    <row r="460" spans="1:7">
      <c r="A460" s="5" t="s">
        <v>7</v>
      </c>
      <c r="B460" s="5">
        <v>459</v>
      </c>
      <c r="C460" s="5" t="s">
        <v>8</v>
      </c>
      <c r="D460" s="5" t="s">
        <v>8</v>
      </c>
      <c r="E460" s="6">
        <v>11001</v>
      </c>
      <c r="F460" s="5" t="s">
        <v>927</v>
      </c>
      <c r="G460" s="5" t="s">
        <v>928</v>
      </c>
    </row>
    <row r="461" spans="1:7">
      <c r="A461" s="5" t="s">
        <v>7</v>
      </c>
      <c r="B461" s="5">
        <v>460</v>
      </c>
      <c r="C461" s="5" t="s">
        <v>8</v>
      </c>
      <c r="D461" s="5" t="s">
        <v>8</v>
      </c>
      <c r="E461" s="6">
        <v>11001</v>
      </c>
      <c r="F461" s="5" t="s">
        <v>929</v>
      </c>
      <c r="G461" s="5" t="s">
        <v>930</v>
      </c>
    </row>
    <row r="462" spans="1:7">
      <c r="A462" s="5" t="s">
        <v>7</v>
      </c>
      <c r="B462" s="5">
        <v>461</v>
      </c>
      <c r="C462" s="5" t="s">
        <v>8</v>
      </c>
      <c r="D462" s="5" t="s">
        <v>8</v>
      </c>
      <c r="E462" s="6">
        <v>11001</v>
      </c>
      <c r="F462" s="5" t="s">
        <v>931</v>
      </c>
      <c r="G462" s="5" t="s">
        <v>932</v>
      </c>
    </row>
    <row r="463" spans="1:7">
      <c r="A463" s="5" t="s">
        <v>7</v>
      </c>
      <c r="B463" s="5">
        <v>462</v>
      </c>
      <c r="C463" s="5" t="s">
        <v>8</v>
      </c>
      <c r="D463" s="5" t="s">
        <v>8</v>
      </c>
      <c r="E463" s="6">
        <v>11001</v>
      </c>
      <c r="F463" s="5" t="s">
        <v>933</v>
      </c>
      <c r="G463" s="5" t="s">
        <v>934</v>
      </c>
    </row>
    <row r="464" spans="1:7">
      <c r="A464" s="5" t="s">
        <v>7</v>
      </c>
      <c r="B464" s="5">
        <v>463</v>
      </c>
      <c r="C464" s="5" t="s">
        <v>8</v>
      </c>
      <c r="D464" s="5" t="s">
        <v>8</v>
      </c>
      <c r="E464" s="6">
        <v>11001</v>
      </c>
      <c r="F464" s="5" t="s">
        <v>935</v>
      </c>
      <c r="G464" s="5" t="s">
        <v>936</v>
      </c>
    </row>
    <row r="465" spans="1:7">
      <c r="A465" s="5" t="s">
        <v>7</v>
      </c>
      <c r="B465" s="5">
        <v>464</v>
      </c>
      <c r="C465" s="5" t="s">
        <v>8</v>
      </c>
      <c r="D465" s="5" t="s">
        <v>8</v>
      </c>
      <c r="E465" s="6">
        <v>11001</v>
      </c>
      <c r="F465" s="5" t="s">
        <v>937</v>
      </c>
      <c r="G465" s="5" t="s">
        <v>938</v>
      </c>
    </row>
    <row r="466" spans="1:7">
      <c r="A466" s="5" t="s">
        <v>7</v>
      </c>
      <c r="B466" s="5">
        <v>465</v>
      </c>
      <c r="C466" s="5" t="s">
        <v>8</v>
      </c>
      <c r="D466" s="5" t="s">
        <v>8</v>
      </c>
      <c r="E466" s="6">
        <v>11001</v>
      </c>
      <c r="F466" s="5" t="s">
        <v>939</v>
      </c>
      <c r="G466" s="5" t="s">
        <v>940</v>
      </c>
    </row>
    <row r="467" spans="1:7">
      <c r="A467" s="5" t="s">
        <v>7</v>
      </c>
      <c r="B467" s="5">
        <v>466</v>
      </c>
      <c r="C467" s="5" t="s">
        <v>8</v>
      </c>
      <c r="D467" s="5" t="s">
        <v>8</v>
      </c>
      <c r="E467" s="6">
        <v>11001</v>
      </c>
      <c r="F467" s="5" t="s">
        <v>941</v>
      </c>
      <c r="G467" s="5" t="s">
        <v>942</v>
      </c>
    </row>
    <row r="468" spans="1:7">
      <c r="A468" s="5" t="s">
        <v>7</v>
      </c>
      <c r="B468" s="5">
        <v>467</v>
      </c>
      <c r="C468" s="5" t="s">
        <v>8</v>
      </c>
      <c r="D468" s="5" t="s">
        <v>8</v>
      </c>
      <c r="E468" s="6">
        <v>11001</v>
      </c>
      <c r="F468" s="5" t="s">
        <v>943</v>
      </c>
      <c r="G468" s="5" t="s">
        <v>944</v>
      </c>
    </row>
    <row r="469" spans="1:7">
      <c r="A469" s="5" t="s">
        <v>7</v>
      </c>
      <c r="B469" s="5">
        <v>468</v>
      </c>
      <c r="C469" s="5" t="s">
        <v>8</v>
      </c>
      <c r="D469" s="5" t="s">
        <v>8</v>
      </c>
      <c r="E469" s="6">
        <v>11001</v>
      </c>
      <c r="F469" s="5" t="s">
        <v>945</v>
      </c>
      <c r="G469" s="5" t="s">
        <v>946</v>
      </c>
    </row>
    <row r="470" spans="1:7">
      <c r="A470" s="5" t="s">
        <v>7</v>
      </c>
      <c r="B470" s="5">
        <v>469</v>
      </c>
      <c r="C470" s="5" t="s">
        <v>8</v>
      </c>
      <c r="D470" s="5" t="s">
        <v>8</v>
      </c>
      <c r="E470" s="6">
        <v>11001</v>
      </c>
      <c r="F470" s="5" t="s">
        <v>947</v>
      </c>
      <c r="G470" s="5" t="s">
        <v>948</v>
      </c>
    </row>
    <row r="471" spans="1:7">
      <c r="A471" s="5" t="s">
        <v>7</v>
      </c>
      <c r="B471" s="5">
        <v>470</v>
      </c>
      <c r="C471" s="5" t="s">
        <v>8</v>
      </c>
      <c r="D471" s="5" t="s">
        <v>8</v>
      </c>
      <c r="E471" s="6">
        <v>11001</v>
      </c>
      <c r="F471" s="5" t="s">
        <v>949</v>
      </c>
      <c r="G471" s="5" t="s">
        <v>950</v>
      </c>
    </row>
    <row r="472" spans="1:7">
      <c r="A472" s="5" t="s">
        <v>7</v>
      </c>
      <c r="B472" s="5">
        <v>471</v>
      </c>
      <c r="C472" s="5" t="s">
        <v>8</v>
      </c>
      <c r="D472" s="5" t="s">
        <v>8</v>
      </c>
      <c r="E472" s="6">
        <v>11001</v>
      </c>
      <c r="F472" s="5" t="s">
        <v>951</v>
      </c>
      <c r="G472" s="5" t="s">
        <v>952</v>
      </c>
    </row>
    <row r="473" spans="1:7">
      <c r="A473" s="5" t="s">
        <v>7</v>
      </c>
      <c r="B473" s="5">
        <v>472</v>
      </c>
      <c r="C473" s="5" t="s">
        <v>8</v>
      </c>
      <c r="D473" s="5" t="s">
        <v>8</v>
      </c>
      <c r="E473" s="6">
        <v>11001</v>
      </c>
      <c r="F473" s="5" t="s">
        <v>953</v>
      </c>
      <c r="G473" s="5" t="s">
        <v>954</v>
      </c>
    </row>
    <row r="474" spans="1:7">
      <c r="A474" s="5" t="s">
        <v>7</v>
      </c>
      <c r="B474" s="5">
        <v>473</v>
      </c>
      <c r="C474" s="5" t="s">
        <v>8</v>
      </c>
      <c r="D474" s="5" t="s">
        <v>8</v>
      </c>
      <c r="E474" s="6">
        <v>11001</v>
      </c>
      <c r="F474" s="5" t="s">
        <v>955</v>
      </c>
      <c r="G474" s="5" t="s">
        <v>956</v>
      </c>
    </row>
    <row r="475" spans="1:7">
      <c r="A475" s="5" t="s">
        <v>7</v>
      </c>
      <c r="B475" s="5">
        <v>474</v>
      </c>
      <c r="C475" s="5" t="s">
        <v>8</v>
      </c>
      <c r="D475" s="5" t="s">
        <v>8</v>
      </c>
      <c r="E475" s="6">
        <v>11001</v>
      </c>
      <c r="F475" s="5" t="s">
        <v>957</v>
      </c>
      <c r="G475" s="5" t="s">
        <v>958</v>
      </c>
    </row>
    <row r="476" spans="1:7">
      <c r="A476" s="5" t="s">
        <v>7</v>
      </c>
      <c r="B476" s="5">
        <v>475</v>
      </c>
      <c r="C476" s="5" t="s">
        <v>8</v>
      </c>
      <c r="D476" s="5" t="s">
        <v>8</v>
      </c>
      <c r="E476" s="6">
        <v>11001</v>
      </c>
      <c r="F476" s="5" t="s">
        <v>959</v>
      </c>
      <c r="G476" s="5" t="s">
        <v>960</v>
      </c>
    </row>
    <row r="477" spans="1:7">
      <c r="A477" s="5" t="s">
        <v>7</v>
      </c>
      <c r="B477" s="5">
        <v>476</v>
      </c>
      <c r="C477" s="5" t="s">
        <v>8</v>
      </c>
      <c r="D477" s="5" t="s">
        <v>8</v>
      </c>
      <c r="E477" s="6">
        <v>11001</v>
      </c>
      <c r="F477" s="5" t="s">
        <v>961</v>
      </c>
      <c r="G477" s="5" t="s">
        <v>962</v>
      </c>
    </row>
    <row r="478" spans="1:7">
      <c r="A478" s="5" t="s">
        <v>7</v>
      </c>
      <c r="B478" s="5">
        <v>477</v>
      </c>
      <c r="C478" s="5" t="s">
        <v>8</v>
      </c>
      <c r="D478" s="5" t="s">
        <v>8</v>
      </c>
      <c r="E478" s="6">
        <v>11001</v>
      </c>
      <c r="F478" s="5" t="s">
        <v>963</v>
      </c>
      <c r="G478" s="5" t="s">
        <v>964</v>
      </c>
    </row>
    <row r="479" spans="1:7">
      <c r="A479" s="5" t="s">
        <v>7</v>
      </c>
      <c r="B479" s="5">
        <v>478</v>
      </c>
      <c r="C479" s="5" t="s">
        <v>8</v>
      </c>
      <c r="D479" s="5" t="s">
        <v>8</v>
      </c>
      <c r="E479" s="6">
        <v>11001</v>
      </c>
      <c r="F479" s="5" t="s">
        <v>965</v>
      </c>
      <c r="G479" s="5" t="s">
        <v>966</v>
      </c>
    </row>
    <row r="480" spans="1:7">
      <c r="A480" s="5" t="s">
        <v>7</v>
      </c>
      <c r="B480" s="5">
        <v>479</v>
      </c>
      <c r="C480" s="5" t="s">
        <v>8</v>
      </c>
      <c r="D480" s="5" t="s">
        <v>8</v>
      </c>
      <c r="E480" s="6">
        <v>11001</v>
      </c>
      <c r="F480" s="5" t="s">
        <v>967</v>
      </c>
      <c r="G480" s="5" t="s">
        <v>968</v>
      </c>
    </row>
    <row r="481" spans="1:7">
      <c r="A481" s="5" t="s">
        <v>7</v>
      </c>
      <c r="B481" s="5">
        <v>480</v>
      </c>
      <c r="C481" s="5" t="s">
        <v>8</v>
      </c>
      <c r="D481" s="5" t="s">
        <v>8</v>
      </c>
      <c r="E481" s="6">
        <v>11001</v>
      </c>
      <c r="F481" s="5" t="s">
        <v>969</v>
      </c>
      <c r="G481" s="5" t="s">
        <v>970</v>
      </c>
    </row>
    <row r="482" spans="1:7">
      <c r="A482" s="5" t="s">
        <v>7</v>
      </c>
      <c r="B482" s="5">
        <v>481</v>
      </c>
      <c r="C482" s="5" t="s">
        <v>8</v>
      </c>
      <c r="D482" s="5" t="s">
        <v>8</v>
      </c>
      <c r="E482" s="6">
        <v>11001</v>
      </c>
      <c r="F482" s="5" t="s">
        <v>971</v>
      </c>
      <c r="G482" s="5" t="s">
        <v>972</v>
      </c>
    </row>
    <row r="483" spans="1:7">
      <c r="A483" s="5" t="s">
        <v>7</v>
      </c>
      <c r="B483" s="5">
        <v>482</v>
      </c>
      <c r="C483" s="5" t="s">
        <v>8</v>
      </c>
      <c r="D483" s="5" t="s">
        <v>8</v>
      </c>
      <c r="E483" s="6">
        <v>11001</v>
      </c>
      <c r="F483" s="5" t="s">
        <v>973</v>
      </c>
      <c r="G483" s="5" t="s">
        <v>974</v>
      </c>
    </row>
    <row r="484" spans="1:7">
      <c r="A484" s="5" t="s">
        <v>7</v>
      </c>
      <c r="B484" s="5">
        <v>483</v>
      </c>
      <c r="C484" s="5" t="s">
        <v>8</v>
      </c>
      <c r="D484" s="5" t="s">
        <v>8</v>
      </c>
      <c r="E484" s="6">
        <v>11001</v>
      </c>
      <c r="F484" s="5" t="s">
        <v>975</v>
      </c>
      <c r="G484" s="5" t="s">
        <v>976</v>
      </c>
    </row>
    <row r="485" spans="1:7">
      <c r="A485" s="5" t="s">
        <v>7</v>
      </c>
      <c r="B485" s="5">
        <v>484</v>
      </c>
      <c r="C485" s="5" t="s">
        <v>8</v>
      </c>
      <c r="D485" s="5" t="s">
        <v>8</v>
      </c>
      <c r="E485" s="6">
        <v>11001</v>
      </c>
      <c r="F485" s="5" t="s">
        <v>977</v>
      </c>
      <c r="G485" s="5" t="s">
        <v>978</v>
      </c>
    </row>
    <row r="486" spans="1:7">
      <c r="A486" s="5" t="s">
        <v>7</v>
      </c>
      <c r="B486" s="5">
        <v>485</v>
      </c>
      <c r="C486" s="5" t="s">
        <v>8</v>
      </c>
      <c r="D486" s="5" t="s">
        <v>8</v>
      </c>
      <c r="E486" s="6">
        <v>11001</v>
      </c>
      <c r="F486" s="5" t="s">
        <v>979</v>
      </c>
      <c r="G486" s="5" t="s">
        <v>980</v>
      </c>
    </row>
    <row r="487" spans="1:7">
      <c r="A487" s="5" t="s">
        <v>7</v>
      </c>
      <c r="B487" s="5">
        <v>486</v>
      </c>
      <c r="C487" s="5" t="s">
        <v>8</v>
      </c>
      <c r="D487" s="5" t="s">
        <v>8</v>
      </c>
      <c r="E487" s="6">
        <v>11001</v>
      </c>
      <c r="F487" s="5" t="s">
        <v>981</v>
      </c>
      <c r="G487" s="5" t="s">
        <v>982</v>
      </c>
    </row>
    <row r="488" spans="1:7">
      <c r="A488" s="5" t="s">
        <v>7</v>
      </c>
      <c r="B488" s="5">
        <v>487</v>
      </c>
      <c r="C488" s="5" t="s">
        <v>8</v>
      </c>
      <c r="D488" s="5" t="s">
        <v>8</v>
      </c>
      <c r="E488" s="6">
        <v>11001</v>
      </c>
      <c r="F488" s="5" t="s">
        <v>983</v>
      </c>
      <c r="G488" s="5" t="s">
        <v>984</v>
      </c>
    </row>
    <row r="489" spans="1:7">
      <c r="A489" s="5" t="s">
        <v>7</v>
      </c>
      <c r="B489" s="5">
        <v>488</v>
      </c>
      <c r="C489" s="5" t="s">
        <v>8</v>
      </c>
      <c r="D489" s="5" t="s">
        <v>8</v>
      </c>
      <c r="E489" s="6">
        <v>11001</v>
      </c>
      <c r="F489" s="5" t="s">
        <v>985</v>
      </c>
      <c r="G489" s="5" t="s">
        <v>986</v>
      </c>
    </row>
    <row r="490" spans="1:7">
      <c r="A490" s="5" t="s">
        <v>7</v>
      </c>
      <c r="B490" s="5">
        <v>489</v>
      </c>
      <c r="C490" s="5" t="s">
        <v>8</v>
      </c>
      <c r="D490" s="5" t="s">
        <v>8</v>
      </c>
      <c r="E490" s="6">
        <v>11001</v>
      </c>
      <c r="F490" s="5" t="s">
        <v>987</v>
      </c>
      <c r="G490" s="5" t="s">
        <v>988</v>
      </c>
    </row>
    <row r="491" spans="1:7">
      <c r="A491" s="5" t="s">
        <v>7</v>
      </c>
      <c r="B491" s="5">
        <v>490</v>
      </c>
      <c r="C491" s="5" t="s">
        <v>8</v>
      </c>
      <c r="D491" s="5" t="s">
        <v>8</v>
      </c>
      <c r="E491" s="6">
        <v>11001</v>
      </c>
      <c r="F491" s="5" t="s">
        <v>989</v>
      </c>
      <c r="G491" s="5" t="s">
        <v>990</v>
      </c>
    </row>
    <row r="492" spans="1:7">
      <c r="A492" s="5" t="s">
        <v>7</v>
      </c>
      <c r="B492" s="5">
        <v>491</v>
      </c>
      <c r="C492" s="5" t="s">
        <v>8</v>
      </c>
      <c r="D492" s="5" t="s">
        <v>8</v>
      </c>
      <c r="E492" s="6">
        <v>11001</v>
      </c>
      <c r="F492" s="5" t="s">
        <v>991</v>
      </c>
      <c r="G492" s="5" t="s">
        <v>992</v>
      </c>
    </row>
    <row r="493" spans="1:7">
      <c r="A493" s="5" t="s">
        <v>7</v>
      </c>
      <c r="B493" s="5">
        <v>492</v>
      </c>
      <c r="C493" s="5" t="s">
        <v>8</v>
      </c>
      <c r="D493" s="5" t="s">
        <v>8</v>
      </c>
      <c r="E493" s="6">
        <v>11001</v>
      </c>
      <c r="F493" s="5" t="s">
        <v>993</v>
      </c>
      <c r="G493" s="5" t="s">
        <v>994</v>
      </c>
    </row>
    <row r="494" spans="1:7">
      <c r="A494" s="5" t="s">
        <v>7</v>
      </c>
      <c r="B494" s="5">
        <v>493</v>
      </c>
      <c r="C494" s="5" t="s">
        <v>8</v>
      </c>
      <c r="D494" s="5" t="s">
        <v>8</v>
      </c>
      <c r="E494" s="6">
        <v>11001</v>
      </c>
      <c r="F494" s="5" t="s">
        <v>995</v>
      </c>
      <c r="G494" s="5" t="s">
        <v>996</v>
      </c>
    </row>
    <row r="495" spans="1:7">
      <c r="A495" s="5" t="s">
        <v>7</v>
      </c>
      <c r="B495" s="5">
        <v>494</v>
      </c>
      <c r="C495" s="5" t="s">
        <v>8</v>
      </c>
      <c r="D495" s="5" t="s">
        <v>8</v>
      </c>
      <c r="E495" s="6">
        <v>11001</v>
      </c>
      <c r="F495" s="5" t="s">
        <v>997</v>
      </c>
      <c r="G495" s="5" t="s">
        <v>998</v>
      </c>
    </row>
    <row r="496" spans="1:7">
      <c r="A496" s="5" t="s">
        <v>7</v>
      </c>
      <c r="B496" s="5">
        <v>495</v>
      </c>
      <c r="C496" s="5" t="s">
        <v>8</v>
      </c>
      <c r="D496" s="5" t="s">
        <v>8</v>
      </c>
      <c r="E496" s="6">
        <v>11001</v>
      </c>
      <c r="F496" s="5" t="s">
        <v>999</v>
      </c>
      <c r="G496" s="5" t="s">
        <v>1000</v>
      </c>
    </row>
    <row r="497" spans="1:7">
      <c r="A497" s="5" t="s">
        <v>7</v>
      </c>
      <c r="B497" s="5">
        <v>496</v>
      </c>
      <c r="C497" s="5" t="s">
        <v>8</v>
      </c>
      <c r="D497" s="5" t="s">
        <v>8</v>
      </c>
      <c r="E497" s="6">
        <v>11001</v>
      </c>
      <c r="F497" s="5" t="s">
        <v>1001</v>
      </c>
      <c r="G497" s="5" t="s">
        <v>1002</v>
      </c>
    </row>
    <row r="498" spans="1:7">
      <c r="A498" s="5" t="s">
        <v>7</v>
      </c>
      <c r="B498" s="5">
        <v>497</v>
      </c>
      <c r="C498" s="5" t="s">
        <v>8</v>
      </c>
      <c r="D498" s="5" t="s">
        <v>8</v>
      </c>
      <c r="E498" s="6">
        <v>11001</v>
      </c>
      <c r="F498" s="5" t="s">
        <v>1003</v>
      </c>
      <c r="G498" s="5" t="s">
        <v>1004</v>
      </c>
    </row>
    <row r="499" spans="1:7">
      <c r="A499" s="5" t="s">
        <v>7</v>
      </c>
      <c r="B499" s="5">
        <v>498</v>
      </c>
      <c r="C499" s="5" t="s">
        <v>8</v>
      </c>
      <c r="D499" s="5" t="s">
        <v>8</v>
      </c>
      <c r="E499" s="6">
        <v>11001</v>
      </c>
      <c r="F499" s="5" t="s">
        <v>1005</v>
      </c>
      <c r="G499" s="5" t="s">
        <v>1006</v>
      </c>
    </row>
    <row r="500" spans="1:7">
      <c r="A500" s="5" t="s">
        <v>7</v>
      </c>
      <c r="B500" s="5">
        <v>499</v>
      </c>
      <c r="C500" s="5" t="s">
        <v>8</v>
      </c>
      <c r="D500" s="5" t="s">
        <v>8</v>
      </c>
      <c r="E500" s="6">
        <v>11001</v>
      </c>
      <c r="F500" s="5" t="s">
        <v>1007</v>
      </c>
      <c r="G500" s="5" t="s">
        <v>1008</v>
      </c>
    </row>
    <row r="501" spans="1:7">
      <c r="A501" s="5" t="s">
        <v>7</v>
      </c>
      <c r="B501" s="5">
        <v>500</v>
      </c>
      <c r="C501" s="5" t="s">
        <v>8</v>
      </c>
      <c r="D501" s="5" t="s">
        <v>8</v>
      </c>
      <c r="E501" s="6">
        <v>11001</v>
      </c>
      <c r="F501" s="5" t="s">
        <v>1009</v>
      </c>
      <c r="G501" s="5" t="s">
        <v>1010</v>
      </c>
    </row>
    <row r="502" spans="1:7">
      <c r="A502" s="5" t="s">
        <v>7</v>
      </c>
      <c r="B502" s="5">
        <v>501</v>
      </c>
      <c r="C502" s="5" t="s">
        <v>8</v>
      </c>
      <c r="D502" s="5" t="s">
        <v>8</v>
      </c>
      <c r="E502" s="6">
        <v>11001</v>
      </c>
      <c r="F502" s="5" t="s">
        <v>1011</v>
      </c>
      <c r="G502" s="5" t="s">
        <v>1012</v>
      </c>
    </row>
    <row r="503" spans="1:7">
      <c r="A503" s="5" t="s">
        <v>7</v>
      </c>
      <c r="B503" s="5">
        <v>502</v>
      </c>
      <c r="C503" s="5" t="s">
        <v>8</v>
      </c>
      <c r="D503" s="5" t="s">
        <v>8</v>
      </c>
      <c r="E503" s="6">
        <v>11001</v>
      </c>
      <c r="F503" s="5" t="s">
        <v>1013</v>
      </c>
      <c r="G503" s="5" t="s">
        <v>1014</v>
      </c>
    </row>
    <row r="504" spans="1:7">
      <c r="A504" s="5" t="s">
        <v>7</v>
      </c>
      <c r="B504" s="5">
        <v>503</v>
      </c>
      <c r="C504" s="5" t="s">
        <v>8</v>
      </c>
      <c r="D504" s="5" t="s">
        <v>8</v>
      </c>
      <c r="E504" s="6">
        <v>11001</v>
      </c>
      <c r="F504" s="5" t="s">
        <v>1015</v>
      </c>
      <c r="G504" s="5" t="s">
        <v>1016</v>
      </c>
    </row>
    <row r="505" spans="1:7">
      <c r="A505" s="5" t="s">
        <v>7</v>
      </c>
      <c r="B505" s="5">
        <v>504</v>
      </c>
      <c r="C505" s="5" t="s">
        <v>8</v>
      </c>
      <c r="D505" s="5" t="s">
        <v>8</v>
      </c>
      <c r="E505" s="6">
        <v>11001</v>
      </c>
      <c r="F505" s="5" t="s">
        <v>1017</v>
      </c>
      <c r="G505" s="5" t="s">
        <v>1018</v>
      </c>
    </row>
    <row r="506" spans="1:7">
      <c r="A506" s="5" t="s">
        <v>7</v>
      </c>
      <c r="B506" s="5">
        <v>505</v>
      </c>
      <c r="C506" s="5" t="s">
        <v>8</v>
      </c>
      <c r="D506" s="5" t="s">
        <v>8</v>
      </c>
      <c r="E506" s="6">
        <v>11001</v>
      </c>
      <c r="F506" s="5" t="s">
        <v>1019</v>
      </c>
      <c r="G506" s="5" t="s">
        <v>1020</v>
      </c>
    </row>
    <row r="507" spans="1:7">
      <c r="A507" s="5" t="s">
        <v>7</v>
      </c>
      <c r="B507" s="5">
        <v>506</v>
      </c>
      <c r="C507" s="5" t="s">
        <v>8</v>
      </c>
      <c r="D507" s="5" t="s">
        <v>8</v>
      </c>
      <c r="E507" s="6">
        <v>11001</v>
      </c>
      <c r="F507" s="5" t="s">
        <v>1021</v>
      </c>
      <c r="G507" s="5" t="s">
        <v>1022</v>
      </c>
    </row>
    <row r="508" spans="1:7">
      <c r="A508" s="5" t="s">
        <v>7</v>
      </c>
      <c r="B508" s="5">
        <v>507</v>
      </c>
      <c r="C508" s="5" t="s">
        <v>8</v>
      </c>
      <c r="D508" s="5" t="s">
        <v>8</v>
      </c>
      <c r="E508" s="6">
        <v>11001</v>
      </c>
      <c r="F508" s="5" t="s">
        <v>1023</v>
      </c>
      <c r="G508" s="5" t="s">
        <v>1024</v>
      </c>
    </row>
    <row r="509" spans="1:7">
      <c r="A509" s="5" t="s">
        <v>7</v>
      </c>
      <c r="B509" s="5">
        <v>508</v>
      </c>
      <c r="C509" s="5" t="s">
        <v>8</v>
      </c>
      <c r="D509" s="5" t="s">
        <v>8</v>
      </c>
      <c r="E509" s="6">
        <v>11001</v>
      </c>
      <c r="F509" s="5" t="s">
        <v>1025</v>
      </c>
      <c r="G509" s="5" t="s">
        <v>1026</v>
      </c>
    </row>
    <row r="510" spans="1:7">
      <c r="A510" s="5" t="s">
        <v>7</v>
      </c>
      <c r="B510" s="5">
        <v>509</v>
      </c>
      <c r="C510" s="5" t="s">
        <v>8</v>
      </c>
      <c r="D510" s="5" t="s">
        <v>8</v>
      </c>
      <c r="E510" s="6">
        <v>11001</v>
      </c>
      <c r="F510" s="5" t="s">
        <v>1027</v>
      </c>
      <c r="G510" s="5" t="s">
        <v>1028</v>
      </c>
    </row>
    <row r="511" spans="1:7">
      <c r="A511" s="5" t="s">
        <v>7</v>
      </c>
      <c r="B511" s="5">
        <v>510</v>
      </c>
      <c r="C511" s="5" t="s">
        <v>8</v>
      </c>
      <c r="D511" s="5" t="s">
        <v>8</v>
      </c>
      <c r="E511" s="6">
        <v>11001</v>
      </c>
      <c r="F511" s="5" t="s">
        <v>1029</v>
      </c>
      <c r="G511" s="5" t="s">
        <v>1030</v>
      </c>
    </row>
    <row r="512" spans="1:7">
      <c r="A512" s="5" t="s">
        <v>7</v>
      </c>
      <c r="B512" s="5">
        <v>511</v>
      </c>
      <c r="C512" s="5" t="s">
        <v>8</v>
      </c>
      <c r="D512" s="5" t="s">
        <v>8</v>
      </c>
      <c r="E512" s="6">
        <v>11001</v>
      </c>
      <c r="F512" s="5" t="s">
        <v>1031</v>
      </c>
      <c r="G512" s="5" t="s">
        <v>1032</v>
      </c>
    </row>
    <row r="513" spans="1:7">
      <c r="A513" s="5" t="s">
        <v>7</v>
      </c>
      <c r="B513" s="5">
        <v>512</v>
      </c>
      <c r="C513" s="5" t="s">
        <v>8</v>
      </c>
      <c r="D513" s="5" t="s">
        <v>8</v>
      </c>
      <c r="E513" s="6">
        <v>11001</v>
      </c>
      <c r="F513" s="5" t="s">
        <v>1033</v>
      </c>
      <c r="G513" s="5" t="s">
        <v>1034</v>
      </c>
    </row>
    <row r="514" spans="1:7">
      <c r="A514" s="5" t="s">
        <v>7</v>
      </c>
      <c r="B514" s="5">
        <v>513</v>
      </c>
      <c r="C514" s="5" t="s">
        <v>813</v>
      </c>
      <c r="D514" s="5" t="s">
        <v>814</v>
      </c>
      <c r="E514" s="6">
        <v>25754</v>
      </c>
      <c r="F514" s="5" t="s">
        <v>1035</v>
      </c>
      <c r="G514" s="5" t="s">
        <v>1036</v>
      </c>
    </row>
    <row r="515" spans="1:7">
      <c r="A515" s="5" t="s">
        <v>7</v>
      </c>
      <c r="B515" s="5">
        <v>514</v>
      </c>
      <c r="C515" s="5" t="s">
        <v>8</v>
      </c>
      <c r="D515" s="5" t="s">
        <v>8</v>
      </c>
      <c r="E515" s="6">
        <v>11001</v>
      </c>
      <c r="F515" s="5" t="s">
        <v>1037</v>
      </c>
      <c r="G515" s="5" t="s">
        <v>1038</v>
      </c>
    </row>
    <row r="516" spans="1:7">
      <c r="A516" s="5" t="s">
        <v>7</v>
      </c>
      <c r="B516" s="5">
        <v>515</v>
      </c>
      <c r="C516" s="5" t="s">
        <v>8</v>
      </c>
      <c r="D516" s="5" t="s">
        <v>8</v>
      </c>
      <c r="E516" s="6">
        <v>11001</v>
      </c>
      <c r="F516" s="5" t="s">
        <v>1039</v>
      </c>
      <c r="G516" s="5" t="s">
        <v>1040</v>
      </c>
    </row>
    <row r="517" spans="1:7">
      <c r="A517" s="5" t="s">
        <v>7</v>
      </c>
      <c r="B517" s="5">
        <v>516</v>
      </c>
      <c r="C517" s="5" t="s">
        <v>8</v>
      </c>
      <c r="D517" s="5" t="s">
        <v>8</v>
      </c>
      <c r="E517" s="6">
        <v>11001</v>
      </c>
      <c r="F517" s="5" t="s">
        <v>1041</v>
      </c>
      <c r="G517" s="5" t="s">
        <v>1042</v>
      </c>
    </row>
    <row r="518" spans="1:7">
      <c r="A518" s="5" t="s">
        <v>7</v>
      </c>
      <c r="B518" s="5">
        <v>517</v>
      </c>
      <c r="C518" s="5" t="s">
        <v>8</v>
      </c>
      <c r="D518" s="5" t="s">
        <v>8</v>
      </c>
      <c r="E518" s="6">
        <v>11001</v>
      </c>
      <c r="F518" s="5" t="s">
        <v>1043</v>
      </c>
      <c r="G518" s="5" t="s">
        <v>1044</v>
      </c>
    </row>
    <row r="519" spans="1:7">
      <c r="A519" s="5" t="s">
        <v>7</v>
      </c>
      <c r="B519" s="5">
        <v>518</v>
      </c>
      <c r="C519" s="5" t="s">
        <v>8</v>
      </c>
      <c r="D519" s="5" t="s">
        <v>8</v>
      </c>
      <c r="E519" s="6">
        <v>11001</v>
      </c>
      <c r="F519" s="5" t="s">
        <v>1045</v>
      </c>
      <c r="G519" s="5" t="s">
        <v>1046</v>
      </c>
    </row>
    <row r="520" spans="1:7">
      <c r="A520" s="5" t="s">
        <v>7</v>
      </c>
      <c r="B520" s="5">
        <v>519</v>
      </c>
      <c r="C520" s="5" t="s">
        <v>8</v>
      </c>
      <c r="D520" s="5" t="s">
        <v>8</v>
      </c>
      <c r="E520" s="6">
        <v>11001</v>
      </c>
      <c r="F520" s="5" t="s">
        <v>1047</v>
      </c>
      <c r="G520" s="5" t="s">
        <v>1048</v>
      </c>
    </row>
    <row r="521" spans="1:7">
      <c r="A521" s="5" t="s">
        <v>7</v>
      </c>
      <c r="B521" s="5">
        <v>520</v>
      </c>
      <c r="C521" s="5" t="s">
        <v>8</v>
      </c>
      <c r="D521" s="5" t="s">
        <v>8</v>
      </c>
      <c r="E521" s="6">
        <v>11001</v>
      </c>
      <c r="F521" s="5" t="s">
        <v>1049</v>
      </c>
      <c r="G521" s="5" t="s">
        <v>1050</v>
      </c>
    </row>
    <row r="522" spans="1:7">
      <c r="A522" s="5" t="s">
        <v>7</v>
      </c>
      <c r="B522" s="5">
        <v>521</v>
      </c>
      <c r="C522" s="5" t="s">
        <v>8</v>
      </c>
      <c r="D522" s="5" t="s">
        <v>8</v>
      </c>
      <c r="E522" s="6">
        <v>11001</v>
      </c>
      <c r="F522" s="5" t="s">
        <v>1051</v>
      </c>
      <c r="G522" s="5" t="s">
        <v>1052</v>
      </c>
    </row>
    <row r="523" spans="1:7">
      <c r="A523" s="5" t="s">
        <v>7</v>
      </c>
      <c r="B523" s="5">
        <v>522</v>
      </c>
      <c r="C523" s="5" t="s">
        <v>8</v>
      </c>
      <c r="D523" s="5" t="s">
        <v>8</v>
      </c>
      <c r="E523" s="6">
        <v>11001</v>
      </c>
      <c r="F523" s="5" t="s">
        <v>1053</v>
      </c>
      <c r="G523" s="5" t="s">
        <v>1054</v>
      </c>
    </row>
    <row r="524" spans="1:7">
      <c r="A524" s="5" t="s">
        <v>7</v>
      </c>
      <c r="B524" s="5">
        <v>523</v>
      </c>
      <c r="C524" s="5" t="s">
        <v>8</v>
      </c>
      <c r="D524" s="5" t="s">
        <v>8</v>
      </c>
      <c r="E524" s="6">
        <v>11001</v>
      </c>
      <c r="F524" s="5" t="s">
        <v>1055</v>
      </c>
      <c r="G524" s="5" t="s">
        <v>1056</v>
      </c>
    </row>
    <row r="525" spans="1:7">
      <c r="A525" s="5" t="s">
        <v>7</v>
      </c>
      <c r="B525" s="5">
        <v>524</v>
      </c>
      <c r="C525" s="5" t="s">
        <v>8</v>
      </c>
      <c r="D525" s="5" t="s">
        <v>8</v>
      </c>
      <c r="E525" s="6">
        <v>11001</v>
      </c>
      <c r="F525" s="5" t="s">
        <v>1057</v>
      </c>
      <c r="G525" s="5" t="s">
        <v>1058</v>
      </c>
    </row>
    <row r="526" spans="1:7">
      <c r="A526" s="5" t="s">
        <v>7</v>
      </c>
      <c r="B526" s="5">
        <v>525</v>
      </c>
      <c r="C526" s="5" t="s">
        <v>8</v>
      </c>
      <c r="D526" s="5" t="s">
        <v>8</v>
      </c>
      <c r="E526" s="6">
        <v>11001</v>
      </c>
      <c r="F526" s="5" t="s">
        <v>1059</v>
      </c>
      <c r="G526" s="5" t="s">
        <v>1060</v>
      </c>
    </row>
    <row r="527" spans="1:7">
      <c r="A527" s="5" t="s">
        <v>7</v>
      </c>
      <c r="B527" s="5">
        <v>526</v>
      </c>
      <c r="C527" s="5" t="s">
        <v>8</v>
      </c>
      <c r="D527" s="5" t="s">
        <v>8</v>
      </c>
      <c r="E527" s="6">
        <v>11001</v>
      </c>
      <c r="F527" s="5" t="s">
        <v>1061</v>
      </c>
      <c r="G527" s="5" t="s">
        <v>1062</v>
      </c>
    </row>
    <row r="528" spans="1:7">
      <c r="A528" s="5" t="s">
        <v>7</v>
      </c>
      <c r="B528" s="5">
        <v>527</v>
      </c>
      <c r="C528" s="5" t="s">
        <v>8</v>
      </c>
      <c r="D528" s="5" t="s">
        <v>8</v>
      </c>
      <c r="E528" s="6">
        <v>11001</v>
      </c>
      <c r="F528" s="5" t="s">
        <v>1063</v>
      </c>
      <c r="G528" s="5" t="s">
        <v>1064</v>
      </c>
    </row>
    <row r="529" spans="1:7">
      <c r="A529" s="5" t="s">
        <v>7</v>
      </c>
      <c r="B529" s="5">
        <v>528</v>
      </c>
      <c r="C529" s="5" t="s">
        <v>8</v>
      </c>
      <c r="D529" s="5" t="s">
        <v>8</v>
      </c>
      <c r="E529" s="6">
        <v>11001</v>
      </c>
      <c r="F529" s="5" t="s">
        <v>1065</v>
      </c>
      <c r="G529" s="5" t="s">
        <v>1066</v>
      </c>
    </row>
    <row r="530" spans="1:7">
      <c r="A530" s="5" t="s">
        <v>7</v>
      </c>
      <c r="B530" s="5">
        <v>529</v>
      </c>
      <c r="C530" s="5" t="s">
        <v>8</v>
      </c>
      <c r="D530" s="5" t="s">
        <v>8</v>
      </c>
      <c r="E530" s="6">
        <v>11001</v>
      </c>
      <c r="F530" s="5" t="s">
        <v>1067</v>
      </c>
      <c r="G530" s="5" t="s">
        <v>1068</v>
      </c>
    </row>
    <row r="531" spans="1:7">
      <c r="A531" s="5" t="s">
        <v>7</v>
      </c>
      <c r="B531" s="5">
        <v>530</v>
      </c>
      <c r="C531" s="5" t="s">
        <v>8</v>
      </c>
      <c r="D531" s="5" t="s">
        <v>8</v>
      </c>
      <c r="E531" s="6">
        <v>11001</v>
      </c>
      <c r="F531" s="5" t="s">
        <v>799</v>
      </c>
      <c r="G531" s="5" t="s">
        <v>1069</v>
      </c>
    </row>
    <row r="532" spans="1:7">
      <c r="A532" s="5" t="s">
        <v>7</v>
      </c>
      <c r="B532" s="5">
        <v>531</v>
      </c>
      <c r="C532" s="5" t="s">
        <v>8</v>
      </c>
      <c r="D532" s="5" t="s">
        <v>8</v>
      </c>
      <c r="E532" s="6">
        <v>11001</v>
      </c>
      <c r="F532" s="5" t="s">
        <v>1070</v>
      </c>
      <c r="G532" s="5" t="s">
        <v>1071</v>
      </c>
    </row>
    <row r="533" spans="1:7">
      <c r="A533" s="5" t="s">
        <v>7</v>
      </c>
      <c r="B533" s="5">
        <v>532</v>
      </c>
      <c r="C533" s="5" t="s">
        <v>8</v>
      </c>
      <c r="D533" s="5" t="s">
        <v>8</v>
      </c>
      <c r="E533" s="6">
        <v>11001</v>
      </c>
      <c r="F533" s="5" t="s">
        <v>1072</v>
      </c>
      <c r="G533" s="5" t="s">
        <v>1073</v>
      </c>
    </row>
    <row r="534" spans="1:7">
      <c r="A534" s="5" t="s">
        <v>7</v>
      </c>
      <c r="B534" s="5">
        <v>533</v>
      </c>
      <c r="C534" s="5" t="s">
        <v>8</v>
      </c>
      <c r="D534" s="5" t="s">
        <v>8</v>
      </c>
      <c r="E534" s="6">
        <v>11001</v>
      </c>
      <c r="F534" s="5" t="s">
        <v>1074</v>
      </c>
      <c r="G534" s="5" t="s">
        <v>1075</v>
      </c>
    </row>
    <row r="535" spans="1:7">
      <c r="A535" s="5" t="s">
        <v>7</v>
      </c>
      <c r="B535" s="5">
        <v>534</v>
      </c>
      <c r="C535" s="5" t="s">
        <v>8</v>
      </c>
      <c r="D535" s="5" t="s">
        <v>8</v>
      </c>
      <c r="E535" s="6">
        <v>11001</v>
      </c>
      <c r="F535" s="5" t="s">
        <v>1076</v>
      </c>
      <c r="G535" s="5" t="s">
        <v>1077</v>
      </c>
    </row>
    <row r="536" spans="1:7">
      <c r="A536" s="5" t="s">
        <v>7</v>
      </c>
      <c r="B536" s="5">
        <v>535</v>
      </c>
      <c r="C536" s="5" t="s">
        <v>8</v>
      </c>
      <c r="D536" s="5" t="s">
        <v>8</v>
      </c>
      <c r="E536" s="6">
        <v>11001</v>
      </c>
      <c r="F536" s="5" t="s">
        <v>1078</v>
      </c>
      <c r="G536" s="5" t="s">
        <v>1079</v>
      </c>
    </row>
    <row r="537" spans="1:7">
      <c r="A537" s="5" t="s">
        <v>7</v>
      </c>
      <c r="B537" s="5">
        <v>536</v>
      </c>
      <c r="C537" s="5" t="s">
        <v>8</v>
      </c>
      <c r="D537" s="5" t="s">
        <v>8</v>
      </c>
      <c r="E537" s="6">
        <v>11001</v>
      </c>
      <c r="F537" s="5" t="s">
        <v>1080</v>
      </c>
      <c r="G537" s="5" t="s">
        <v>1081</v>
      </c>
    </row>
    <row r="538" spans="1:7">
      <c r="A538" s="5" t="s">
        <v>7</v>
      </c>
      <c r="B538" s="5">
        <v>537</v>
      </c>
      <c r="C538" s="5" t="s">
        <v>8</v>
      </c>
      <c r="D538" s="5" t="s">
        <v>8</v>
      </c>
      <c r="E538" s="6">
        <v>11001</v>
      </c>
      <c r="F538" s="5" t="s">
        <v>1082</v>
      </c>
      <c r="G538" s="5" t="s">
        <v>1083</v>
      </c>
    </row>
    <row r="539" spans="1:7">
      <c r="A539" s="5" t="s">
        <v>7</v>
      </c>
      <c r="B539" s="5">
        <v>538</v>
      </c>
      <c r="C539" s="5" t="s">
        <v>8</v>
      </c>
      <c r="D539" s="5" t="s">
        <v>8</v>
      </c>
      <c r="E539" s="6">
        <v>11001</v>
      </c>
      <c r="F539" s="5" t="s">
        <v>1084</v>
      </c>
      <c r="G539" s="5" t="s">
        <v>1085</v>
      </c>
    </row>
    <row r="540" spans="1:7">
      <c r="A540" s="5" t="s">
        <v>7</v>
      </c>
      <c r="B540" s="5">
        <v>539</v>
      </c>
      <c r="C540" s="5" t="s">
        <v>8</v>
      </c>
      <c r="D540" s="5" t="s">
        <v>8</v>
      </c>
      <c r="E540" s="6">
        <v>11001</v>
      </c>
      <c r="F540" s="5" t="s">
        <v>1086</v>
      </c>
      <c r="G540" s="5" t="s">
        <v>1087</v>
      </c>
    </row>
    <row r="541" spans="1:7">
      <c r="A541" s="5" t="s">
        <v>7</v>
      </c>
      <c r="B541" s="5">
        <v>540</v>
      </c>
      <c r="C541" s="5" t="s">
        <v>8</v>
      </c>
      <c r="D541" s="5" t="s">
        <v>8</v>
      </c>
      <c r="E541" s="6">
        <v>11001</v>
      </c>
      <c r="F541" s="5" t="s">
        <v>1088</v>
      </c>
      <c r="G541" s="5" t="s">
        <v>1089</v>
      </c>
    </row>
    <row r="542" spans="1:7">
      <c r="A542" s="5" t="s">
        <v>7</v>
      </c>
      <c r="B542" s="5">
        <v>541</v>
      </c>
      <c r="C542" s="5" t="s">
        <v>8</v>
      </c>
      <c r="D542" s="5" t="s">
        <v>8</v>
      </c>
      <c r="E542" s="6">
        <v>11001</v>
      </c>
      <c r="F542" s="5" t="s">
        <v>1090</v>
      </c>
      <c r="G542" s="5" t="s">
        <v>1091</v>
      </c>
    </row>
    <row r="543" spans="1:7">
      <c r="A543" s="5" t="s">
        <v>7</v>
      </c>
      <c r="B543" s="5">
        <v>542</v>
      </c>
      <c r="C543" s="5" t="s">
        <v>8</v>
      </c>
      <c r="D543" s="5" t="s">
        <v>8</v>
      </c>
      <c r="E543" s="6">
        <v>11001</v>
      </c>
      <c r="F543" s="5" t="s">
        <v>1092</v>
      </c>
      <c r="G543" s="5" t="s">
        <v>1093</v>
      </c>
    </row>
    <row r="544" spans="1:7">
      <c r="A544" s="5" t="s">
        <v>7</v>
      </c>
      <c r="B544" s="5">
        <v>543</v>
      </c>
      <c r="C544" s="5" t="s">
        <v>8</v>
      </c>
      <c r="D544" s="5" t="s">
        <v>8</v>
      </c>
      <c r="E544" s="6">
        <v>11001</v>
      </c>
      <c r="F544" s="5" t="s">
        <v>1094</v>
      </c>
      <c r="G544" s="5" t="s">
        <v>1095</v>
      </c>
    </row>
    <row r="545" spans="1:7">
      <c r="A545" s="5" t="s">
        <v>7</v>
      </c>
      <c r="B545" s="5">
        <v>544</v>
      </c>
      <c r="C545" s="5" t="s">
        <v>8</v>
      </c>
      <c r="D545" s="5" t="s">
        <v>8</v>
      </c>
      <c r="E545" s="6">
        <v>11001</v>
      </c>
      <c r="F545" s="5" t="s">
        <v>1096</v>
      </c>
      <c r="G545" s="5" t="s">
        <v>1097</v>
      </c>
    </row>
    <row r="546" spans="1:7">
      <c r="A546" s="5" t="s">
        <v>7</v>
      </c>
      <c r="B546" s="5">
        <v>545</v>
      </c>
      <c r="C546" s="5" t="s">
        <v>8</v>
      </c>
      <c r="D546" s="5" t="s">
        <v>8</v>
      </c>
      <c r="E546" s="6">
        <v>11001</v>
      </c>
      <c r="F546" s="5" t="s">
        <v>1098</v>
      </c>
      <c r="G546" s="5" t="s">
        <v>1099</v>
      </c>
    </row>
    <row r="547" spans="1:7">
      <c r="A547" s="5" t="s">
        <v>7</v>
      </c>
      <c r="B547" s="5">
        <v>546</v>
      </c>
      <c r="C547" s="5" t="s">
        <v>8</v>
      </c>
      <c r="D547" s="5" t="s">
        <v>8</v>
      </c>
      <c r="E547" s="6">
        <v>11001</v>
      </c>
      <c r="F547" s="5" t="s">
        <v>1100</v>
      </c>
      <c r="G547" s="5" t="s">
        <v>1101</v>
      </c>
    </row>
    <row r="548" spans="1:7">
      <c r="A548" s="5" t="s">
        <v>7</v>
      </c>
      <c r="B548" s="5">
        <v>547</v>
      </c>
      <c r="C548" s="5" t="s">
        <v>8</v>
      </c>
      <c r="D548" s="5" t="s">
        <v>8</v>
      </c>
      <c r="E548" s="6">
        <v>11001</v>
      </c>
      <c r="F548" s="5" t="s">
        <v>1102</v>
      </c>
      <c r="G548" s="5" t="s">
        <v>1103</v>
      </c>
    </row>
    <row r="549" spans="1:7">
      <c r="A549" s="5" t="s">
        <v>7</v>
      </c>
      <c r="B549" s="5">
        <v>548</v>
      </c>
      <c r="C549" s="5" t="s">
        <v>8</v>
      </c>
      <c r="D549" s="5" t="s">
        <v>8</v>
      </c>
      <c r="E549" s="6">
        <v>11001</v>
      </c>
      <c r="F549" s="5" t="s">
        <v>1104</v>
      </c>
      <c r="G549" s="5" t="s">
        <v>1105</v>
      </c>
    </row>
    <row r="550" spans="1:7">
      <c r="A550" s="5" t="s">
        <v>7</v>
      </c>
      <c r="B550" s="5">
        <v>549</v>
      </c>
      <c r="C550" s="5" t="s">
        <v>8</v>
      </c>
      <c r="D550" s="5" t="s">
        <v>8</v>
      </c>
      <c r="E550" s="6">
        <v>11001</v>
      </c>
      <c r="F550" s="5" t="s">
        <v>1106</v>
      </c>
      <c r="G550" s="5" t="s">
        <v>1107</v>
      </c>
    </row>
    <row r="551" spans="1:7">
      <c r="A551" s="5" t="s">
        <v>7</v>
      </c>
      <c r="B551" s="5">
        <v>550</v>
      </c>
      <c r="C551" s="5" t="s">
        <v>8</v>
      </c>
      <c r="D551" s="5" t="s">
        <v>8</v>
      </c>
      <c r="E551" s="6">
        <v>11001</v>
      </c>
      <c r="F551" s="5" t="s">
        <v>1108</v>
      </c>
      <c r="G551" s="5" t="s">
        <v>1109</v>
      </c>
    </row>
    <row r="552" spans="1:7">
      <c r="A552" s="5" t="s">
        <v>7</v>
      </c>
      <c r="B552" s="5">
        <v>551</v>
      </c>
      <c r="C552" s="5" t="s">
        <v>8</v>
      </c>
      <c r="D552" s="5" t="s">
        <v>8</v>
      </c>
      <c r="E552" s="6">
        <v>11001</v>
      </c>
      <c r="F552" s="5" t="s">
        <v>1110</v>
      </c>
      <c r="G552" s="5" t="s">
        <v>1111</v>
      </c>
    </row>
    <row r="553" spans="1:7">
      <c r="A553" s="5" t="s">
        <v>7</v>
      </c>
      <c r="B553" s="5">
        <v>552</v>
      </c>
      <c r="C553" s="5" t="s">
        <v>8</v>
      </c>
      <c r="D553" s="5" t="s">
        <v>8</v>
      </c>
      <c r="E553" s="6">
        <v>11001</v>
      </c>
      <c r="F553" s="5" t="s">
        <v>1112</v>
      </c>
      <c r="G553" s="5" t="s">
        <v>1113</v>
      </c>
    </row>
    <row r="554" spans="1:7">
      <c r="A554" s="5" t="s">
        <v>7</v>
      </c>
      <c r="B554" s="5">
        <v>553</v>
      </c>
      <c r="C554" s="5" t="s">
        <v>8</v>
      </c>
      <c r="D554" s="5" t="s">
        <v>8</v>
      </c>
      <c r="E554" s="6">
        <v>11001</v>
      </c>
      <c r="F554" s="5" t="s">
        <v>1114</v>
      </c>
      <c r="G554" s="5" t="s">
        <v>1115</v>
      </c>
    </row>
    <row r="555" spans="1:7">
      <c r="A555" s="5" t="s">
        <v>7</v>
      </c>
      <c r="B555" s="5">
        <v>554</v>
      </c>
      <c r="C555" s="5" t="s">
        <v>8</v>
      </c>
      <c r="D555" s="5" t="s">
        <v>8</v>
      </c>
      <c r="E555" s="6">
        <v>11001</v>
      </c>
      <c r="F555" s="5" t="s">
        <v>1116</v>
      </c>
      <c r="G555" s="5" t="s">
        <v>1117</v>
      </c>
    </row>
    <row r="556" spans="1:7">
      <c r="A556" s="5" t="s">
        <v>7</v>
      </c>
      <c r="B556" s="5">
        <v>555</v>
      </c>
      <c r="C556" s="5" t="s">
        <v>8</v>
      </c>
      <c r="D556" s="5" t="s">
        <v>8</v>
      </c>
      <c r="E556" s="6">
        <v>11001</v>
      </c>
      <c r="F556" s="5" t="s">
        <v>1118</v>
      </c>
      <c r="G556" s="5" t="s">
        <v>1119</v>
      </c>
    </row>
    <row r="557" spans="1:7">
      <c r="A557" s="5" t="s">
        <v>7</v>
      </c>
      <c r="B557" s="5">
        <v>556</v>
      </c>
      <c r="C557" s="5" t="s">
        <v>8</v>
      </c>
      <c r="D557" s="5" t="s">
        <v>8</v>
      </c>
      <c r="E557" s="6">
        <v>11001</v>
      </c>
      <c r="F557" s="5" t="s">
        <v>1120</v>
      </c>
      <c r="G557" s="5" t="s">
        <v>1121</v>
      </c>
    </row>
    <row r="558" spans="1:7">
      <c r="A558" s="5" t="s">
        <v>7</v>
      </c>
      <c r="B558" s="5">
        <v>557</v>
      </c>
      <c r="C558" s="5" t="s">
        <v>8</v>
      </c>
      <c r="D558" s="5" t="s">
        <v>8</v>
      </c>
      <c r="E558" s="6">
        <v>11001</v>
      </c>
      <c r="F558" s="5" t="s">
        <v>1122</v>
      </c>
      <c r="G558" s="5" t="s">
        <v>1123</v>
      </c>
    </row>
    <row r="559" spans="1:7">
      <c r="A559" s="5" t="s">
        <v>7</v>
      </c>
      <c r="B559" s="5">
        <v>558</v>
      </c>
      <c r="C559" s="5" t="s">
        <v>8</v>
      </c>
      <c r="D559" s="5" t="s">
        <v>8</v>
      </c>
      <c r="E559" s="6">
        <v>11001</v>
      </c>
      <c r="F559" s="5" t="s">
        <v>1124</v>
      </c>
      <c r="G559" s="5" t="s">
        <v>1125</v>
      </c>
    </row>
    <row r="560" spans="1:7">
      <c r="A560" s="5" t="s">
        <v>7</v>
      </c>
      <c r="B560" s="5">
        <v>559</v>
      </c>
      <c r="C560" s="5" t="s">
        <v>8</v>
      </c>
      <c r="D560" s="5" t="s">
        <v>8</v>
      </c>
      <c r="E560" s="6">
        <v>11001</v>
      </c>
      <c r="F560" s="5" t="s">
        <v>1126</v>
      </c>
      <c r="G560" s="5" t="s">
        <v>1127</v>
      </c>
    </row>
    <row r="561" spans="1:7">
      <c r="A561" s="5" t="s">
        <v>7</v>
      </c>
      <c r="B561" s="5">
        <v>560</v>
      </c>
      <c r="C561" s="5" t="s">
        <v>8</v>
      </c>
      <c r="D561" s="5" t="s">
        <v>8</v>
      </c>
      <c r="E561" s="6">
        <v>11001</v>
      </c>
      <c r="F561" s="5" t="s">
        <v>1128</v>
      </c>
      <c r="G561" s="5" t="s">
        <v>1129</v>
      </c>
    </row>
    <row r="562" spans="1:7">
      <c r="A562" s="5" t="s">
        <v>7</v>
      </c>
      <c r="B562" s="5">
        <v>561</v>
      </c>
      <c r="C562" s="5" t="s">
        <v>8</v>
      </c>
      <c r="D562" s="5" t="s">
        <v>8</v>
      </c>
      <c r="E562" s="6">
        <v>11001</v>
      </c>
      <c r="F562" s="5" t="s">
        <v>1130</v>
      </c>
      <c r="G562" s="5" t="s">
        <v>1131</v>
      </c>
    </row>
    <row r="563" spans="1:7">
      <c r="A563" s="5" t="s">
        <v>7</v>
      </c>
      <c r="B563" s="5">
        <v>562</v>
      </c>
      <c r="C563" s="5" t="s">
        <v>8</v>
      </c>
      <c r="D563" s="5" t="s">
        <v>8</v>
      </c>
      <c r="E563" s="6">
        <v>11001</v>
      </c>
      <c r="F563" s="5" t="s">
        <v>1132</v>
      </c>
      <c r="G563" s="5" t="s">
        <v>1133</v>
      </c>
    </row>
    <row r="564" spans="1:7">
      <c r="A564" s="5" t="s">
        <v>7</v>
      </c>
      <c r="B564" s="5">
        <v>563</v>
      </c>
      <c r="C564" s="5" t="s">
        <v>8</v>
      </c>
      <c r="D564" s="5" t="s">
        <v>8</v>
      </c>
      <c r="E564" s="6">
        <v>11001</v>
      </c>
      <c r="F564" s="5" t="s">
        <v>1134</v>
      </c>
      <c r="G564" s="5" t="s">
        <v>1135</v>
      </c>
    </row>
    <row r="565" spans="1:7">
      <c r="A565" s="5" t="s">
        <v>7</v>
      </c>
      <c r="B565" s="5">
        <v>564</v>
      </c>
      <c r="C565" s="5" t="s">
        <v>8</v>
      </c>
      <c r="D565" s="5" t="s">
        <v>8</v>
      </c>
      <c r="E565" s="6">
        <v>11001</v>
      </c>
      <c r="F565" s="5" t="s">
        <v>1136</v>
      </c>
      <c r="G565" s="5" t="s">
        <v>1137</v>
      </c>
    </row>
    <row r="566" spans="1:7">
      <c r="A566" s="5" t="s">
        <v>7</v>
      </c>
      <c r="B566" s="5">
        <v>565</v>
      </c>
      <c r="C566" s="5" t="s">
        <v>8</v>
      </c>
      <c r="D566" s="5" t="s">
        <v>8</v>
      </c>
      <c r="E566" s="6">
        <v>11001</v>
      </c>
      <c r="F566" s="5" t="s">
        <v>1138</v>
      </c>
      <c r="G566" s="5" t="s">
        <v>1139</v>
      </c>
    </row>
    <row r="567" spans="1:7">
      <c r="A567" s="5" t="s">
        <v>7</v>
      </c>
      <c r="B567" s="5">
        <v>566</v>
      </c>
      <c r="C567" s="5" t="s">
        <v>8</v>
      </c>
      <c r="D567" s="5" t="s">
        <v>8</v>
      </c>
      <c r="E567" s="6">
        <v>11001</v>
      </c>
      <c r="F567" s="5" t="s">
        <v>1140</v>
      </c>
      <c r="G567" s="5" t="s">
        <v>1141</v>
      </c>
    </row>
    <row r="568" spans="1:7">
      <c r="A568" s="5" t="s">
        <v>7</v>
      </c>
      <c r="B568" s="5">
        <v>567</v>
      </c>
      <c r="C568" s="5" t="s">
        <v>8</v>
      </c>
      <c r="D568" s="5" t="s">
        <v>8</v>
      </c>
      <c r="E568" s="6">
        <v>11001</v>
      </c>
      <c r="F568" s="5" t="s">
        <v>1142</v>
      </c>
      <c r="G568" s="5" t="s">
        <v>1143</v>
      </c>
    </row>
    <row r="569" spans="1:7">
      <c r="A569" s="5" t="s">
        <v>7</v>
      </c>
      <c r="B569" s="5">
        <v>568</v>
      </c>
      <c r="C569" s="5" t="s">
        <v>8</v>
      </c>
      <c r="D569" s="5" t="s">
        <v>8</v>
      </c>
      <c r="E569" s="6">
        <v>11001</v>
      </c>
      <c r="F569" s="5" t="s">
        <v>1144</v>
      </c>
      <c r="G569" s="5" t="s">
        <v>1145</v>
      </c>
    </row>
    <row r="570" spans="1:7">
      <c r="A570" s="5" t="s">
        <v>7</v>
      </c>
      <c r="B570" s="5">
        <v>569</v>
      </c>
      <c r="C570" s="5" t="s">
        <v>8</v>
      </c>
      <c r="D570" s="5" t="s">
        <v>8</v>
      </c>
      <c r="E570" s="6">
        <v>11001</v>
      </c>
      <c r="F570" s="5" t="s">
        <v>1146</v>
      </c>
      <c r="G570" s="5" t="s">
        <v>1147</v>
      </c>
    </row>
    <row r="571" spans="1:7">
      <c r="A571" s="5" t="s">
        <v>7</v>
      </c>
      <c r="B571" s="5">
        <v>570</v>
      </c>
      <c r="C571" s="5" t="s">
        <v>8</v>
      </c>
      <c r="D571" s="5" t="s">
        <v>8</v>
      </c>
      <c r="E571" s="6">
        <v>11001</v>
      </c>
      <c r="F571" s="5" t="s">
        <v>1148</v>
      </c>
      <c r="G571" s="5" t="s">
        <v>1149</v>
      </c>
    </row>
    <row r="572" spans="1:7">
      <c r="A572" s="5" t="s">
        <v>7</v>
      </c>
      <c r="B572" s="5">
        <v>571</v>
      </c>
      <c r="C572" s="5" t="s">
        <v>8</v>
      </c>
      <c r="D572" s="5" t="s">
        <v>8</v>
      </c>
      <c r="E572" s="6">
        <v>11001</v>
      </c>
      <c r="F572" s="5" t="s">
        <v>1150</v>
      </c>
      <c r="G572" s="5" t="s">
        <v>1151</v>
      </c>
    </row>
    <row r="573" spans="1:7">
      <c r="A573" s="5" t="s">
        <v>7</v>
      </c>
      <c r="B573" s="5">
        <v>572</v>
      </c>
      <c r="C573" s="5" t="s">
        <v>8</v>
      </c>
      <c r="D573" s="5" t="s">
        <v>8</v>
      </c>
      <c r="E573" s="6">
        <v>11001</v>
      </c>
      <c r="F573" s="5" t="s">
        <v>1152</v>
      </c>
      <c r="G573" s="5" t="s">
        <v>1153</v>
      </c>
    </row>
    <row r="574" spans="1:7">
      <c r="A574" s="5" t="s">
        <v>7</v>
      </c>
      <c r="B574" s="5">
        <v>573</v>
      </c>
      <c r="C574" s="5" t="s">
        <v>8</v>
      </c>
      <c r="D574" s="5" t="s">
        <v>8</v>
      </c>
      <c r="E574" s="6">
        <v>11001</v>
      </c>
      <c r="F574" s="5" t="s">
        <v>1154</v>
      </c>
      <c r="G574" s="5" t="s">
        <v>1155</v>
      </c>
    </row>
    <row r="575" spans="1:7">
      <c r="A575" s="5" t="s">
        <v>7</v>
      </c>
      <c r="B575" s="5">
        <v>574</v>
      </c>
      <c r="C575" s="5" t="s">
        <v>8</v>
      </c>
      <c r="D575" s="5" t="s">
        <v>8</v>
      </c>
      <c r="E575" s="6">
        <v>11001</v>
      </c>
      <c r="F575" s="5" t="s">
        <v>1156</v>
      </c>
      <c r="G575" s="5" t="s">
        <v>1157</v>
      </c>
    </row>
    <row r="576" spans="1:7">
      <c r="A576" s="5" t="s">
        <v>7</v>
      </c>
      <c r="B576" s="5">
        <v>575</v>
      </c>
      <c r="C576" s="5" t="s">
        <v>8</v>
      </c>
      <c r="D576" s="5" t="s">
        <v>8</v>
      </c>
      <c r="E576" s="6">
        <v>11001</v>
      </c>
      <c r="F576" s="5" t="s">
        <v>1158</v>
      </c>
      <c r="G576" s="5" t="s">
        <v>1159</v>
      </c>
    </row>
    <row r="577" spans="1:7">
      <c r="A577" s="5" t="s">
        <v>7</v>
      </c>
      <c r="B577" s="5">
        <v>576</v>
      </c>
      <c r="C577" s="5" t="s">
        <v>8</v>
      </c>
      <c r="D577" s="5" t="s">
        <v>8</v>
      </c>
      <c r="E577" s="6">
        <v>11001</v>
      </c>
      <c r="F577" s="5" t="s">
        <v>1160</v>
      </c>
      <c r="G577" s="5" t="s">
        <v>1161</v>
      </c>
    </row>
    <row r="578" spans="1:7">
      <c r="A578" s="5" t="s">
        <v>7</v>
      </c>
      <c r="B578" s="5">
        <v>577</v>
      </c>
      <c r="C578" s="5" t="s">
        <v>8</v>
      </c>
      <c r="D578" s="5" t="s">
        <v>8</v>
      </c>
      <c r="E578" s="6">
        <v>11001</v>
      </c>
      <c r="F578" s="5" t="s">
        <v>1162</v>
      </c>
      <c r="G578" s="5" t="s">
        <v>1163</v>
      </c>
    </row>
    <row r="579" spans="1:7">
      <c r="A579" s="5" t="s">
        <v>7</v>
      </c>
      <c r="B579" s="5">
        <v>578</v>
      </c>
      <c r="C579" s="5" t="s">
        <v>8</v>
      </c>
      <c r="D579" s="5" t="s">
        <v>8</v>
      </c>
      <c r="E579" s="6">
        <v>11001</v>
      </c>
      <c r="F579" s="5" t="s">
        <v>1164</v>
      </c>
      <c r="G579" s="5" t="s">
        <v>1165</v>
      </c>
    </row>
    <row r="580" spans="1:7">
      <c r="A580" s="5" t="s">
        <v>7</v>
      </c>
      <c r="B580" s="5">
        <v>579</v>
      </c>
      <c r="C580" s="5" t="s">
        <v>8</v>
      </c>
      <c r="D580" s="5" t="s">
        <v>8</v>
      </c>
      <c r="E580" s="6">
        <v>11001</v>
      </c>
      <c r="F580" s="5" t="s">
        <v>1166</v>
      </c>
      <c r="G580" s="5" t="s">
        <v>1167</v>
      </c>
    </row>
    <row r="581" spans="1:7">
      <c r="A581" s="5" t="s">
        <v>7</v>
      </c>
      <c r="B581" s="5">
        <v>580</v>
      </c>
      <c r="C581" s="5" t="s">
        <v>8</v>
      </c>
      <c r="D581" s="5" t="s">
        <v>8</v>
      </c>
      <c r="E581" s="6">
        <v>11001</v>
      </c>
      <c r="F581" s="5" t="s">
        <v>1168</v>
      </c>
      <c r="G581" s="5" t="s">
        <v>1169</v>
      </c>
    </row>
    <row r="582" spans="1:7">
      <c r="A582" s="5" t="s">
        <v>7</v>
      </c>
      <c r="B582" s="5">
        <v>581</v>
      </c>
      <c r="C582" s="5" t="s">
        <v>8</v>
      </c>
      <c r="D582" s="5" t="s">
        <v>8</v>
      </c>
      <c r="E582" s="6">
        <v>11001</v>
      </c>
      <c r="F582" s="5" t="s">
        <v>1170</v>
      </c>
      <c r="G582" s="5" t="s">
        <v>1171</v>
      </c>
    </row>
    <row r="583" spans="1:7">
      <c r="A583" s="5" t="s">
        <v>7</v>
      </c>
      <c r="B583" s="5">
        <v>582</v>
      </c>
      <c r="C583" s="5" t="s">
        <v>8</v>
      </c>
      <c r="D583" s="5" t="s">
        <v>8</v>
      </c>
      <c r="E583" s="6">
        <v>11001</v>
      </c>
      <c r="F583" s="5" t="s">
        <v>1172</v>
      </c>
      <c r="G583" s="5" t="s">
        <v>1173</v>
      </c>
    </row>
    <row r="584" spans="1:7">
      <c r="A584" s="5" t="s">
        <v>7</v>
      </c>
      <c r="B584" s="5">
        <v>583</v>
      </c>
      <c r="C584" s="5" t="s">
        <v>8</v>
      </c>
      <c r="D584" s="5" t="s">
        <v>8</v>
      </c>
      <c r="E584" s="6">
        <v>11001</v>
      </c>
      <c r="F584" s="5" t="s">
        <v>1174</v>
      </c>
      <c r="G584" s="5" t="s">
        <v>1175</v>
      </c>
    </row>
    <row r="585" spans="1:7">
      <c r="A585" s="5" t="s">
        <v>7</v>
      </c>
      <c r="B585" s="5">
        <v>584</v>
      </c>
      <c r="C585" s="5" t="s">
        <v>8</v>
      </c>
      <c r="D585" s="5" t="s">
        <v>8</v>
      </c>
      <c r="E585" s="6">
        <v>11001</v>
      </c>
      <c r="F585" s="5" t="s">
        <v>1176</v>
      </c>
      <c r="G585" s="5" t="s">
        <v>1177</v>
      </c>
    </row>
    <row r="586" spans="1:7">
      <c r="A586" s="5" t="s">
        <v>7</v>
      </c>
      <c r="B586" s="5">
        <v>585</v>
      </c>
      <c r="C586" s="5" t="s">
        <v>8</v>
      </c>
      <c r="D586" s="5" t="s">
        <v>8</v>
      </c>
      <c r="E586" s="6">
        <v>11001</v>
      </c>
      <c r="F586" s="5" t="s">
        <v>1178</v>
      </c>
      <c r="G586" s="5" t="s">
        <v>1179</v>
      </c>
    </row>
    <row r="587" spans="1:7">
      <c r="A587" s="5" t="s">
        <v>7</v>
      </c>
      <c r="B587" s="5">
        <v>586</v>
      </c>
      <c r="C587" s="5" t="s">
        <v>8</v>
      </c>
      <c r="D587" s="5" t="s">
        <v>8</v>
      </c>
      <c r="E587" s="6">
        <v>11001</v>
      </c>
      <c r="F587" s="5" t="s">
        <v>1180</v>
      </c>
      <c r="G587" s="5" t="s">
        <v>1181</v>
      </c>
    </row>
    <row r="588" spans="1:7">
      <c r="A588" s="5" t="s">
        <v>7</v>
      </c>
      <c r="B588" s="5">
        <v>587</v>
      </c>
      <c r="C588" s="5" t="s">
        <v>8</v>
      </c>
      <c r="D588" s="5" t="s">
        <v>8</v>
      </c>
      <c r="E588" s="6">
        <v>11001</v>
      </c>
      <c r="F588" s="5" t="s">
        <v>1182</v>
      </c>
      <c r="G588" s="5" t="s">
        <v>1183</v>
      </c>
    </row>
    <row r="589" spans="1:7">
      <c r="A589" s="5" t="s">
        <v>7</v>
      </c>
      <c r="B589" s="5">
        <v>588</v>
      </c>
      <c r="C589" s="5" t="s">
        <v>8</v>
      </c>
      <c r="D589" s="5" t="s">
        <v>8</v>
      </c>
      <c r="E589" s="6">
        <v>11001</v>
      </c>
      <c r="F589" s="5" t="s">
        <v>1184</v>
      </c>
      <c r="G589" s="5" t="s">
        <v>1185</v>
      </c>
    </row>
    <row r="590" spans="1:7">
      <c r="A590" s="5" t="s">
        <v>7</v>
      </c>
      <c r="B590" s="5">
        <v>589</v>
      </c>
      <c r="C590" s="5" t="s">
        <v>8</v>
      </c>
      <c r="D590" s="5" t="s">
        <v>8</v>
      </c>
      <c r="E590" s="6">
        <v>11001</v>
      </c>
      <c r="F590" s="5" t="s">
        <v>1186</v>
      </c>
      <c r="G590" s="5" t="s">
        <v>1187</v>
      </c>
    </row>
    <row r="591" spans="1:7">
      <c r="A591" s="5" t="s">
        <v>7</v>
      </c>
      <c r="B591" s="5">
        <v>590</v>
      </c>
      <c r="C591" s="5" t="s">
        <v>8</v>
      </c>
      <c r="D591" s="5" t="s">
        <v>8</v>
      </c>
      <c r="E591" s="6">
        <v>11001</v>
      </c>
      <c r="F591" s="5" t="s">
        <v>1188</v>
      </c>
      <c r="G591" s="5" t="s">
        <v>1189</v>
      </c>
    </row>
    <row r="592" spans="1:7">
      <c r="A592" s="5" t="s">
        <v>7</v>
      </c>
      <c r="B592" s="5">
        <v>591</v>
      </c>
      <c r="C592" s="5" t="s">
        <v>8</v>
      </c>
      <c r="D592" s="5" t="s">
        <v>8</v>
      </c>
      <c r="E592" s="6">
        <v>11001</v>
      </c>
      <c r="F592" s="5" t="s">
        <v>1190</v>
      </c>
      <c r="G592" s="5" t="s">
        <v>1191</v>
      </c>
    </row>
    <row r="593" spans="1:7">
      <c r="A593" s="5" t="s">
        <v>7</v>
      </c>
      <c r="B593" s="5">
        <v>592</v>
      </c>
      <c r="C593" s="5" t="s">
        <v>8</v>
      </c>
      <c r="D593" s="5" t="s">
        <v>8</v>
      </c>
      <c r="E593" s="6">
        <v>11001</v>
      </c>
      <c r="F593" s="5" t="s">
        <v>1192</v>
      </c>
      <c r="G593" s="5" t="s">
        <v>1193</v>
      </c>
    </row>
    <row r="594" spans="1:7">
      <c r="A594" s="5" t="s">
        <v>7</v>
      </c>
      <c r="B594" s="5">
        <v>593</v>
      </c>
      <c r="C594" s="5" t="s">
        <v>8</v>
      </c>
      <c r="D594" s="5" t="s">
        <v>8</v>
      </c>
      <c r="E594" s="6">
        <v>11001</v>
      </c>
      <c r="F594" s="5" t="s">
        <v>1194</v>
      </c>
      <c r="G594" s="5" t="s">
        <v>1195</v>
      </c>
    </row>
    <row r="595" spans="1:7">
      <c r="A595" s="5" t="s">
        <v>7</v>
      </c>
      <c r="B595" s="5">
        <v>594</v>
      </c>
      <c r="C595" s="5" t="s">
        <v>8</v>
      </c>
      <c r="D595" s="5" t="s">
        <v>8</v>
      </c>
      <c r="E595" s="6">
        <v>11001</v>
      </c>
      <c r="F595" s="5" t="s">
        <v>1196</v>
      </c>
      <c r="G595" s="5" t="s">
        <v>1197</v>
      </c>
    </row>
    <row r="596" spans="1:7">
      <c r="A596" s="5" t="s">
        <v>7</v>
      </c>
      <c r="B596" s="5">
        <v>595</v>
      </c>
      <c r="C596" s="5" t="s">
        <v>8</v>
      </c>
      <c r="D596" s="5" t="s">
        <v>8</v>
      </c>
      <c r="E596" s="6">
        <v>11001</v>
      </c>
      <c r="F596" s="5" t="s">
        <v>1198</v>
      </c>
      <c r="G596" s="5" t="s">
        <v>1199</v>
      </c>
    </row>
    <row r="597" spans="1:7">
      <c r="A597" s="5" t="s">
        <v>7</v>
      </c>
      <c r="B597" s="5">
        <v>596</v>
      </c>
      <c r="C597" s="5" t="s">
        <v>8</v>
      </c>
      <c r="D597" s="5" t="s">
        <v>8</v>
      </c>
      <c r="E597" s="6">
        <v>11001</v>
      </c>
      <c r="F597" s="5" t="s">
        <v>1200</v>
      </c>
      <c r="G597" s="5" t="s">
        <v>1201</v>
      </c>
    </row>
    <row r="598" spans="1:7">
      <c r="A598" s="5" t="s">
        <v>7</v>
      </c>
      <c r="B598" s="5">
        <v>597</v>
      </c>
      <c r="C598" s="5" t="s">
        <v>8</v>
      </c>
      <c r="D598" s="5" t="s">
        <v>8</v>
      </c>
      <c r="E598" s="6">
        <v>11001</v>
      </c>
      <c r="F598" s="5" t="s">
        <v>1202</v>
      </c>
      <c r="G598" s="5" t="s">
        <v>1203</v>
      </c>
    </row>
    <row r="599" spans="1:7">
      <c r="A599" s="5" t="s">
        <v>7</v>
      </c>
      <c r="B599" s="5">
        <v>598</v>
      </c>
      <c r="C599" s="5" t="s">
        <v>8</v>
      </c>
      <c r="D599" s="5" t="s">
        <v>8</v>
      </c>
      <c r="E599" s="6">
        <v>11001</v>
      </c>
      <c r="F599" s="5" t="s">
        <v>1204</v>
      </c>
      <c r="G599" s="5" t="s">
        <v>1205</v>
      </c>
    </row>
    <row r="600" spans="1:7">
      <c r="A600" s="5" t="s">
        <v>7</v>
      </c>
      <c r="B600" s="5">
        <v>599</v>
      </c>
      <c r="C600" s="5" t="s">
        <v>8</v>
      </c>
      <c r="D600" s="5" t="s">
        <v>8</v>
      </c>
      <c r="E600" s="6">
        <v>11001</v>
      </c>
      <c r="F600" s="5" t="s">
        <v>1206</v>
      </c>
      <c r="G600" s="5" t="s">
        <v>1207</v>
      </c>
    </row>
    <row r="601" spans="1:7">
      <c r="A601" s="5" t="s">
        <v>7</v>
      </c>
      <c r="B601" s="5">
        <v>600</v>
      </c>
      <c r="C601" s="5" t="s">
        <v>8</v>
      </c>
      <c r="D601" s="5" t="s">
        <v>8</v>
      </c>
      <c r="E601" s="6">
        <v>11001</v>
      </c>
      <c r="F601" s="5" t="s">
        <v>1208</v>
      </c>
      <c r="G601" s="5" t="s">
        <v>1209</v>
      </c>
    </row>
    <row r="602" spans="1:7">
      <c r="A602" s="5" t="s">
        <v>7</v>
      </c>
      <c r="B602" s="5">
        <v>601</v>
      </c>
      <c r="C602" s="5" t="s">
        <v>8</v>
      </c>
      <c r="D602" s="5" t="s">
        <v>8</v>
      </c>
      <c r="E602" s="6">
        <v>11001</v>
      </c>
      <c r="F602" s="5" t="s">
        <v>1210</v>
      </c>
      <c r="G602" s="5" t="s">
        <v>1211</v>
      </c>
    </row>
    <row r="603" spans="1:7">
      <c r="A603" s="5" t="s">
        <v>7</v>
      </c>
      <c r="B603" s="5">
        <v>602</v>
      </c>
      <c r="C603" s="5" t="s">
        <v>8</v>
      </c>
      <c r="D603" s="5" t="s">
        <v>8</v>
      </c>
      <c r="E603" s="6">
        <v>11001</v>
      </c>
      <c r="F603" s="5" t="s">
        <v>1212</v>
      </c>
      <c r="G603" s="5" t="s">
        <v>1213</v>
      </c>
    </row>
    <row r="604" spans="1:7">
      <c r="A604" s="5" t="s">
        <v>7</v>
      </c>
      <c r="B604" s="5">
        <v>603</v>
      </c>
      <c r="C604" s="5" t="s">
        <v>8</v>
      </c>
      <c r="D604" s="5" t="s">
        <v>8</v>
      </c>
      <c r="E604" s="6">
        <v>11001</v>
      </c>
      <c r="F604" s="5" t="s">
        <v>1214</v>
      </c>
      <c r="G604" s="5" t="s">
        <v>1215</v>
      </c>
    </row>
    <row r="605" spans="1:7">
      <c r="A605" s="5" t="s">
        <v>7</v>
      </c>
      <c r="B605" s="5">
        <v>604</v>
      </c>
      <c r="C605" s="5" t="s">
        <v>8</v>
      </c>
      <c r="D605" s="5" t="s">
        <v>8</v>
      </c>
      <c r="E605" s="6">
        <v>11001</v>
      </c>
      <c r="F605" s="5" t="s">
        <v>1216</v>
      </c>
      <c r="G605" s="5" t="s">
        <v>1217</v>
      </c>
    </row>
    <row r="606" spans="1:7">
      <c r="A606" s="5" t="s">
        <v>7</v>
      </c>
      <c r="B606" s="5">
        <v>605</v>
      </c>
      <c r="C606" s="5" t="s">
        <v>8</v>
      </c>
      <c r="D606" s="5" t="s">
        <v>8</v>
      </c>
      <c r="E606" s="6">
        <v>11001</v>
      </c>
      <c r="F606" s="5" t="s">
        <v>1218</v>
      </c>
      <c r="G606" s="5" t="s">
        <v>1219</v>
      </c>
    </row>
    <row r="607" spans="1:7">
      <c r="A607" s="5" t="s">
        <v>7</v>
      </c>
      <c r="B607" s="5">
        <v>606</v>
      </c>
      <c r="C607" s="5" t="s">
        <v>8</v>
      </c>
      <c r="D607" s="5" t="s">
        <v>8</v>
      </c>
      <c r="E607" s="6">
        <v>11001</v>
      </c>
      <c r="F607" s="5" t="s">
        <v>1220</v>
      </c>
      <c r="G607" s="5" t="s">
        <v>1221</v>
      </c>
    </row>
    <row r="608" spans="1:7">
      <c r="A608" s="5" t="s">
        <v>7</v>
      </c>
      <c r="B608" s="5">
        <v>607</v>
      </c>
      <c r="C608" s="5" t="s">
        <v>8</v>
      </c>
      <c r="D608" s="5" t="s">
        <v>8</v>
      </c>
      <c r="E608" s="6">
        <v>11001</v>
      </c>
      <c r="F608" s="5" t="s">
        <v>1222</v>
      </c>
      <c r="G608" s="5" t="s">
        <v>1223</v>
      </c>
    </row>
    <row r="609" spans="1:7">
      <c r="A609" s="5" t="s">
        <v>7</v>
      </c>
      <c r="B609" s="5">
        <v>608</v>
      </c>
      <c r="C609" s="5" t="s">
        <v>8</v>
      </c>
      <c r="D609" s="5" t="s">
        <v>8</v>
      </c>
      <c r="E609" s="6">
        <v>11001</v>
      </c>
      <c r="F609" s="5" t="s">
        <v>1224</v>
      </c>
      <c r="G609" s="5" t="s">
        <v>1225</v>
      </c>
    </row>
    <row r="610" spans="1:7">
      <c r="A610" s="5" t="s">
        <v>7</v>
      </c>
      <c r="B610" s="5">
        <v>609</v>
      </c>
      <c r="C610" s="5" t="s">
        <v>8</v>
      </c>
      <c r="D610" s="5" t="s">
        <v>8</v>
      </c>
      <c r="E610" s="6">
        <v>11001</v>
      </c>
      <c r="F610" s="5" t="s">
        <v>1226</v>
      </c>
      <c r="G610" s="5" t="s">
        <v>1227</v>
      </c>
    </row>
    <row r="611" spans="1:7">
      <c r="A611" s="5" t="s">
        <v>7</v>
      </c>
      <c r="B611" s="5">
        <v>610</v>
      </c>
      <c r="C611" s="5" t="s">
        <v>8</v>
      </c>
      <c r="D611" s="5" t="s">
        <v>8</v>
      </c>
      <c r="E611" s="6">
        <v>11001</v>
      </c>
      <c r="F611" s="5" t="s">
        <v>1228</v>
      </c>
      <c r="G611" s="5" t="s">
        <v>1229</v>
      </c>
    </row>
    <row r="612" spans="1:7">
      <c r="A612" s="5" t="s">
        <v>7</v>
      </c>
      <c r="B612" s="5">
        <v>611</v>
      </c>
      <c r="C612" s="5" t="s">
        <v>8</v>
      </c>
      <c r="D612" s="5" t="s">
        <v>8</v>
      </c>
      <c r="E612" s="6">
        <v>11001</v>
      </c>
      <c r="F612" s="5" t="s">
        <v>1230</v>
      </c>
      <c r="G612" s="5" t="s">
        <v>1231</v>
      </c>
    </row>
    <row r="613" spans="1:7">
      <c r="A613" s="5" t="s">
        <v>7</v>
      </c>
      <c r="B613" s="5">
        <v>612</v>
      </c>
      <c r="C613" s="5" t="s">
        <v>8</v>
      </c>
      <c r="D613" s="5" t="s">
        <v>8</v>
      </c>
      <c r="E613" s="6">
        <v>11001</v>
      </c>
      <c r="F613" s="5" t="s">
        <v>1232</v>
      </c>
      <c r="G613" s="5" t="s">
        <v>1233</v>
      </c>
    </row>
    <row r="614" spans="1:7">
      <c r="A614" s="5" t="s">
        <v>7</v>
      </c>
      <c r="B614" s="5">
        <v>613</v>
      </c>
      <c r="C614" s="5" t="s">
        <v>8</v>
      </c>
      <c r="D614" s="5" t="s">
        <v>8</v>
      </c>
      <c r="E614" s="6">
        <v>11001</v>
      </c>
      <c r="F614" s="5" t="s">
        <v>1234</v>
      </c>
      <c r="G614" s="5" t="s">
        <v>1235</v>
      </c>
    </row>
    <row r="615" spans="1:7">
      <c r="A615" s="5" t="s">
        <v>7</v>
      </c>
      <c r="B615" s="5">
        <v>614</v>
      </c>
      <c r="C615" s="5" t="s">
        <v>8</v>
      </c>
      <c r="D615" s="5" t="s">
        <v>8</v>
      </c>
      <c r="E615" s="6">
        <v>11001</v>
      </c>
      <c r="F615" s="5" t="s">
        <v>1236</v>
      </c>
      <c r="G615" s="5" t="s">
        <v>1237</v>
      </c>
    </row>
    <row r="616" spans="1:7">
      <c r="A616" s="5" t="s">
        <v>7</v>
      </c>
      <c r="B616" s="5">
        <v>615</v>
      </c>
      <c r="C616" s="5" t="s">
        <v>8</v>
      </c>
      <c r="D616" s="5" t="s">
        <v>8</v>
      </c>
      <c r="E616" s="6">
        <v>11001</v>
      </c>
      <c r="F616" s="5" t="s">
        <v>1238</v>
      </c>
      <c r="G616" s="5" t="s">
        <v>1239</v>
      </c>
    </row>
    <row r="617" spans="1:7">
      <c r="A617" s="5" t="s">
        <v>7</v>
      </c>
      <c r="B617" s="5">
        <v>616</v>
      </c>
      <c r="C617" s="5" t="s">
        <v>8</v>
      </c>
      <c r="D617" s="5" t="s">
        <v>8</v>
      </c>
      <c r="E617" s="6">
        <v>11001</v>
      </c>
      <c r="F617" s="5" t="s">
        <v>1240</v>
      </c>
      <c r="G617" s="5" t="s">
        <v>1241</v>
      </c>
    </row>
    <row r="618" spans="1:7">
      <c r="A618" s="5" t="s">
        <v>7</v>
      </c>
      <c r="B618" s="5">
        <v>617</v>
      </c>
      <c r="C618" s="5" t="s">
        <v>8</v>
      </c>
      <c r="D618" s="5" t="s">
        <v>8</v>
      </c>
      <c r="E618" s="6">
        <v>11001</v>
      </c>
      <c r="F618" s="5" t="s">
        <v>1242</v>
      </c>
      <c r="G618" s="5" t="s">
        <v>1243</v>
      </c>
    </row>
    <row r="619" spans="1:7">
      <c r="A619" s="5" t="s">
        <v>7</v>
      </c>
      <c r="B619" s="5">
        <v>618</v>
      </c>
      <c r="C619" s="5" t="s">
        <v>8</v>
      </c>
      <c r="D619" s="5" t="s">
        <v>8</v>
      </c>
      <c r="E619" s="6">
        <v>11001</v>
      </c>
      <c r="F619" s="5" t="s">
        <v>1244</v>
      </c>
      <c r="G619" s="5" t="s">
        <v>1245</v>
      </c>
    </row>
    <row r="620" spans="1:7">
      <c r="A620" s="5" t="s">
        <v>7</v>
      </c>
      <c r="B620" s="5">
        <v>619</v>
      </c>
      <c r="C620" s="5" t="s">
        <v>8</v>
      </c>
      <c r="D620" s="5" t="s">
        <v>8</v>
      </c>
      <c r="E620" s="6">
        <v>11001</v>
      </c>
      <c r="F620" s="5" t="s">
        <v>1246</v>
      </c>
      <c r="G620" s="5" t="s">
        <v>1247</v>
      </c>
    </row>
    <row r="621" spans="1:7">
      <c r="A621" s="5" t="s">
        <v>7</v>
      </c>
      <c r="B621" s="5">
        <v>620</v>
      </c>
      <c r="C621" s="5" t="s">
        <v>8</v>
      </c>
      <c r="D621" s="5" t="s">
        <v>8</v>
      </c>
      <c r="E621" s="6">
        <v>11001</v>
      </c>
      <c r="F621" s="5" t="s">
        <v>1248</v>
      </c>
      <c r="G621" s="5" t="s">
        <v>1249</v>
      </c>
    </row>
    <row r="622" spans="1:7">
      <c r="A622" s="5" t="s">
        <v>7</v>
      </c>
      <c r="B622" s="5">
        <v>621</v>
      </c>
      <c r="C622" s="5" t="s">
        <v>8</v>
      </c>
      <c r="D622" s="5" t="s">
        <v>8</v>
      </c>
      <c r="E622" s="6">
        <v>11001</v>
      </c>
      <c r="F622" s="5" t="s">
        <v>1250</v>
      </c>
      <c r="G622" s="5" t="s">
        <v>1251</v>
      </c>
    </row>
    <row r="623" spans="1:7">
      <c r="A623" s="5" t="s">
        <v>7</v>
      </c>
      <c r="B623" s="5">
        <v>622</v>
      </c>
      <c r="C623" s="5" t="s">
        <v>8</v>
      </c>
      <c r="D623" s="5" t="s">
        <v>8</v>
      </c>
      <c r="E623" s="6">
        <v>11001</v>
      </c>
      <c r="F623" s="5" t="s">
        <v>1252</v>
      </c>
      <c r="G623" s="5" t="s">
        <v>1253</v>
      </c>
    </row>
    <row r="624" spans="1:7">
      <c r="A624" s="5" t="s">
        <v>7</v>
      </c>
      <c r="B624" s="5">
        <v>623</v>
      </c>
      <c r="C624" s="5" t="s">
        <v>8</v>
      </c>
      <c r="D624" s="5" t="s">
        <v>8</v>
      </c>
      <c r="E624" s="6">
        <v>11001</v>
      </c>
      <c r="F624" s="5" t="s">
        <v>1254</v>
      </c>
      <c r="G624" s="5" t="s">
        <v>1255</v>
      </c>
    </row>
    <row r="625" spans="1:7">
      <c r="A625" s="5" t="s">
        <v>7</v>
      </c>
      <c r="B625" s="5">
        <v>624</v>
      </c>
      <c r="C625" s="5" t="s">
        <v>8</v>
      </c>
      <c r="D625" s="5" t="s">
        <v>8</v>
      </c>
      <c r="E625" s="6">
        <v>11001</v>
      </c>
      <c r="F625" s="5" t="s">
        <v>1256</v>
      </c>
      <c r="G625" s="5" t="s">
        <v>1257</v>
      </c>
    </row>
    <row r="626" spans="1:7">
      <c r="A626" s="5" t="s">
        <v>7</v>
      </c>
      <c r="B626" s="5">
        <v>625</v>
      </c>
      <c r="C626" s="5" t="s">
        <v>8</v>
      </c>
      <c r="D626" s="5" t="s">
        <v>8</v>
      </c>
      <c r="E626" s="6">
        <v>11001</v>
      </c>
      <c r="F626" s="5" t="s">
        <v>1258</v>
      </c>
      <c r="G626" s="5" t="s">
        <v>1259</v>
      </c>
    </row>
    <row r="627" spans="1:7">
      <c r="A627" s="5" t="s">
        <v>7</v>
      </c>
      <c r="B627" s="5">
        <v>626</v>
      </c>
      <c r="C627" s="5" t="s">
        <v>8</v>
      </c>
      <c r="D627" s="5" t="s">
        <v>8</v>
      </c>
      <c r="E627" s="6">
        <v>11001</v>
      </c>
      <c r="F627" s="5" t="s">
        <v>1260</v>
      </c>
      <c r="G627" s="5" t="s">
        <v>1261</v>
      </c>
    </row>
    <row r="628" spans="1:7">
      <c r="A628" s="5" t="s">
        <v>7</v>
      </c>
      <c r="B628" s="5">
        <v>627</v>
      </c>
      <c r="C628" s="5" t="s">
        <v>8</v>
      </c>
      <c r="D628" s="5" t="s">
        <v>8</v>
      </c>
      <c r="E628" s="6">
        <v>11001</v>
      </c>
      <c r="F628" s="5" t="s">
        <v>1262</v>
      </c>
      <c r="G628" s="5" t="s">
        <v>1263</v>
      </c>
    </row>
    <row r="629" spans="1:7">
      <c r="A629" s="5" t="s">
        <v>7</v>
      </c>
      <c r="B629" s="5">
        <v>628</v>
      </c>
      <c r="C629" s="5" t="s">
        <v>8</v>
      </c>
      <c r="D629" s="5" t="s">
        <v>8</v>
      </c>
      <c r="E629" s="6">
        <v>11001</v>
      </c>
      <c r="F629" s="5" t="s">
        <v>1264</v>
      </c>
      <c r="G629" s="5" t="s">
        <v>1265</v>
      </c>
    </row>
    <row r="630" spans="1:7">
      <c r="A630" s="5" t="s">
        <v>7</v>
      </c>
      <c r="B630" s="5">
        <v>629</v>
      </c>
      <c r="C630" s="5" t="s">
        <v>8</v>
      </c>
      <c r="D630" s="5" t="s">
        <v>8</v>
      </c>
      <c r="E630" s="6">
        <v>11001</v>
      </c>
      <c r="F630" s="5" t="s">
        <v>1266</v>
      </c>
      <c r="G630" s="5" t="s">
        <v>1267</v>
      </c>
    </row>
    <row r="631" spans="1:7">
      <c r="A631" s="5" t="s">
        <v>7</v>
      </c>
      <c r="B631" s="5">
        <v>630</v>
      </c>
      <c r="C631" s="5" t="s">
        <v>8</v>
      </c>
      <c r="D631" s="5" t="s">
        <v>8</v>
      </c>
      <c r="E631" s="6">
        <v>11001</v>
      </c>
      <c r="F631" s="5" t="s">
        <v>1268</v>
      </c>
      <c r="G631" s="5" t="s">
        <v>1269</v>
      </c>
    </row>
    <row r="632" spans="1:7">
      <c r="A632" s="5" t="s">
        <v>7</v>
      </c>
      <c r="B632" s="5">
        <v>631</v>
      </c>
      <c r="C632" s="5" t="s">
        <v>8</v>
      </c>
      <c r="D632" s="5" t="s">
        <v>8</v>
      </c>
      <c r="E632" s="6">
        <v>11001</v>
      </c>
      <c r="F632" s="5" t="s">
        <v>1270</v>
      </c>
      <c r="G632" s="5" t="s">
        <v>1271</v>
      </c>
    </row>
    <row r="633" spans="1:7">
      <c r="A633" s="5" t="s">
        <v>7</v>
      </c>
      <c r="B633" s="5">
        <v>632</v>
      </c>
      <c r="C633" s="5" t="s">
        <v>8</v>
      </c>
      <c r="D633" s="5" t="s">
        <v>8</v>
      </c>
      <c r="E633" s="6">
        <v>11001</v>
      </c>
      <c r="F633" s="5" t="s">
        <v>1272</v>
      </c>
      <c r="G633" s="5" t="s">
        <v>1273</v>
      </c>
    </row>
    <row r="634" spans="1:7">
      <c r="A634" s="5" t="s">
        <v>7</v>
      </c>
      <c r="B634" s="5">
        <v>633</v>
      </c>
      <c r="C634" s="5" t="s">
        <v>8</v>
      </c>
      <c r="D634" s="5" t="s">
        <v>8</v>
      </c>
      <c r="E634" s="6">
        <v>11001</v>
      </c>
      <c r="F634" s="5" t="s">
        <v>1274</v>
      </c>
      <c r="G634" s="5" t="s">
        <v>1275</v>
      </c>
    </row>
    <row r="635" spans="1:7">
      <c r="A635" s="5" t="s">
        <v>7</v>
      </c>
      <c r="B635" s="5">
        <v>634</v>
      </c>
      <c r="C635" s="5" t="s">
        <v>8</v>
      </c>
      <c r="D635" s="5" t="s">
        <v>8</v>
      </c>
      <c r="E635" s="6">
        <v>11001</v>
      </c>
      <c r="F635" s="5" t="s">
        <v>1276</v>
      </c>
      <c r="G635" s="5" t="s">
        <v>1277</v>
      </c>
    </row>
    <row r="636" spans="1:7">
      <c r="A636" s="5" t="s">
        <v>7</v>
      </c>
      <c r="B636" s="5">
        <v>635</v>
      </c>
      <c r="C636" s="5" t="s">
        <v>8</v>
      </c>
      <c r="D636" s="5" t="s">
        <v>8</v>
      </c>
      <c r="E636" s="6">
        <v>11001</v>
      </c>
      <c r="F636" s="5" t="s">
        <v>1278</v>
      </c>
      <c r="G636" s="5" t="s">
        <v>1279</v>
      </c>
    </row>
    <row r="637" spans="1:7">
      <c r="A637" s="5" t="s">
        <v>7</v>
      </c>
      <c r="B637" s="5">
        <v>636</v>
      </c>
      <c r="C637" s="5" t="s">
        <v>8</v>
      </c>
      <c r="D637" s="5" t="s">
        <v>8</v>
      </c>
      <c r="E637" s="6">
        <v>11001</v>
      </c>
      <c r="F637" s="5" t="s">
        <v>1280</v>
      </c>
      <c r="G637" s="5" t="s">
        <v>1281</v>
      </c>
    </row>
    <row r="638" spans="1:7">
      <c r="A638" s="5" t="s">
        <v>7</v>
      </c>
      <c r="B638" s="5">
        <v>637</v>
      </c>
      <c r="C638" s="5" t="s">
        <v>8</v>
      </c>
      <c r="D638" s="5" t="s">
        <v>8</v>
      </c>
      <c r="E638" s="6">
        <v>11001</v>
      </c>
      <c r="F638" s="5" t="s">
        <v>1282</v>
      </c>
      <c r="G638" s="5" t="s">
        <v>1283</v>
      </c>
    </row>
    <row r="639" spans="1:7">
      <c r="A639" s="5" t="s">
        <v>7</v>
      </c>
      <c r="B639" s="5">
        <v>638</v>
      </c>
      <c r="C639" s="5" t="s">
        <v>8</v>
      </c>
      <c r="D639" s="5" t="s">
        <v>8</v>
      </c>
      <c r="E639" s="6">
        <v>11001</v>
      </c>
      <c r="F639" s="5" t="s">
        <v>1284</v>
      </c>
      <c r="G639" s="5" t="s">
        <v>1285</v>
      </c>
    </row>
    <row r="640" spans="1:7">
      <c r="A640" s="5" t="s">
        <v>7</v>
      </c>
      <c r="B640" s="5">
        <v>639</v>
      </c>
      <c r="C640" s="5" t="s">
        <v>8</v>
      </c>
      <c r="D640" s="5" t="s">
        <v>8</v>
      </c>
      <c r="E640" s="6">
        <v>11001</v>
      </c>
      <c r="F640" s="5" t="s">
        <v>1286</v>
      </c>
      <c r="G640" s="5" t="s">
        <v>1287</v>
      </c>
    </row>
    <row r="641" spans="1:7">
      <c r="A641" s="5" t="s">
        <v>7</v>
      </c>
      <c r="B641" s="5">
        <v>640</v>
      </c>
      <c r="C641" s="5" t="s">
        <v>8</v>
      </c>
      <c r="D641" s="5" t="s">
        <v>8</v>
      </c>
      <c r="E641" s="6">
        <v>11001</v>
      </c>
      <c r="F641" s="5" t="s">
        <v>1288</v>
      </c>
      <c r="G641" s="5" t="s">
        <v>1289</v>
      </c>
    </row>
    <row r="642" spans="1:7">
      <c r="A642" s="5" t="s">
        <v>7</v>
      </c>
      <c r="B642" s="5">
        <v>641</v>
      </c>
      <c r="C642" s="5" t="s">
        <v>8</v>
      </c>
      <c r="D642" s="5" t="s">
        <v>8</v>
      </c>
      <c r="E642" s="6">
        <v>11001</v>
      </c>
      <c r="F642" s="5" t="s">
        <v>1290</v>
      </c>
      <c r="G642" s="5" t="s">
        <v>1291</v>
      </c>
    </row>
    <row r="643" spans="1:7">
      <c r="A643" s="5" t="s">
        <v>7</v>
      </c>
      <c r="B643" s="5">
        <v>642</v>
      </c>
      <c r="C643" s="5" t="s">
        <v>8</v>
      </c>
      <c r="D643" s="5" t="s">
        <v>8</v>
      </c>
      <c r="E643" s="6">
        <v>11001</v>
      </c>
      <c r="F643" s="5" t="s">
        <v>1292</v>
      </c>
      <c r="G643" s="5" t="s">
        <v>1293</v>
      </c>
    </row>
    <row r="644" spans="1:7">
      <c r="A644" s="5" t="s">
        <v>7</v>
      </c>
      <c r="B644" s="5">
        <v>643</v>
      </c>
      <c r="C644" s="5" t="s">
        <v>8</v>
      </c>
      <c r="D644" s="5" t="s">
        <v>8</v>
      </c>
      <c r="E644" s="6">
        <v>11001</v>
      </c>
      <c r="F644" s="5" t="s">
        <v>1294</v>
      </c>
      <c r="G644" s="5" t="s">
        <v>1295</v>
      </c>
    </row>
    <row r="645" spans="1:7">
      <c r="A645" s="5" t="s">
        <v>7</v>
      </c>
      <c r="B645" s="5">
        <v>644</v>
      </c>
      <c r="C645" s="5" t="s">
        <v>8</v>
      </c>
      <c r="D645" s="5" t="s">
        <v>8</v>
      </c>
      <c r="E645" s="6">
        <v>11001</v>
      </c>
      <c r="F645" s="5" t="s">
        <v>1296</v>
      </c>
      <c r="G645" s="5" t="s">
        <v>1297</v>
      </c>
    </row>
    <row r="646" spans="1:7">
      <c r="A646" s="5" t="s">
        <v>7</v>
      </c>
      <c r="B646" s="5">
        <v>645</v>
      </c>
      <c r="C646" s="5" t="s">
        <v>8</v>
      </c>
      <c r="D646" s="5" t="s">
        <v>8</v>
      </c>
      <c r="E646" s="6">
        <v>11001</v>
      </c>
      <c r="F646" s="5" t="s">
        <v>1298</v>
      </c>
      <c r="G646" s="5" t="s">
        <v>1299</v>
      </c>
    </row>
    <row r="647" spans="1:7">
      <c r="A647" s="5" t="s">
        <v>7</v>
      </c>
      <c r="B647" s="5">
        <v>646</v>
      </c>
      <c r="C647" s="5" t="s">
        <v>8</v>
      </c>
      <c r="D647" s="5" t="s">
        <v>8</v>
      </c>
      <c r="E647" s="6">
        <v>11001</v>
      </c>
      <c r="F647" s="5" t="s">
        <v>1300</v>
      </c>
      <c r="G647" s="5" t="s">
        <v>1301</v>
      </c>
    </row>
    <row r="648" spans="1:7">
      <c r="A648" s="5" t="s">
        <v>7</v>
      </c>
      <c r="B648" s="5">
        <v>647</v>
      </c>
      <c r="C648" s="5" t="s">
        <v>8</v>
      </c>
      <c r="D648" s="5" t="s">
        <v>8</v>
      </c>
      <c r="E648" s="6">
        <v>11001</v>
      </c>
      <c r="F648" s="5" t="s">
        <v>1302</v>
      </c>
      <c r="G648" s="5" t="s">
        <v>1303</v>
      </c>
    </row>
    <row r="649" spans="1:7">
      <c r="A649" s="5" t="s">
        <v>7</v>
      </c>
      <c r="B649" s="5">
        <v>648</v>
      </c>
      <c r="C649" s="5" t="s">
        <v>8</v>
      </c>
      <c r="D649" s="5" t="s">
        <v>8</v>
      </c>
      <c r="E649" s="6">
        <v>11001</v>
      </c>
      <c r="F649" s="5" t="s">
        <v>1304</v>
      </c>
      <c r="G649" s="5" t="s">
        <v>1305</v>
      </c>
    </row>
    <row r="650" spans="1:7">
      <c r="A650" s="5" t="s">
        <v>7</v>
      </c>
      <c r="B650" s="5">
        <v>649</v>
      </c>
      <c r="C650" s="5" t="s">
        <v>8</v>
      </c>
      <c r="D650" s="5" t="s">
        <v>8</v>
      </c>
      <c r="E650" s="6">
        <v>11001</v>
      </c>
      <c r="F650" s="5" t="s">
        <v>1306</v>
      </c>
      <c r="G650" s="5" t="s">
        <v>1307</v>
      </c>
    </row>
    <row r="651" spans="1:7">
      <c r="A651" s="5" t="s">
        <v>7</v>
      </c>
      <c r="B651" s="5">
        <v>650</v>
      </c>
      <c r="C651" s="5" t="s">
        <v>8</v>
      </c>
      <c r="D651" s="5" t="s">
        <v>8</v>
      </c>
      <c r="E651" s="6">
        <v>11001</v>
      </c>
      <c r="F651" s="5" t="s">
        <v>1308</v>
      </c>
      <c r="G651" s="5" t="s">
        <v>1309</v>
      </c>
    </row>
    <row r="652" spans="1:7">
      <c r="A652" s="5" t="s">
        <v>7</v>
      </c>
      <c r="B652" s="5">
        <v>651</v>
      </c>
      <c r="C652" s="5" t="s">
        <v>8</v>
      </c>
      <c r="D652" s="5" t="s">
        <v>8</v>
      </c>
      <c r="E652" s="6">
        <v>11001</v>
      </c>
      <c r="F652" s="5" t="s">
        <v>1310</v>
      </c>
      <c r="G652" s="5" t="s">
        <v>1311</v>
      </c>
    </row>
    <row r="653" spans="1:7">
      <c r="A653" s="5" t="s">
        <v>7</v>
      </c>
      <c r="B653" s="5">
        <v>652</v>
      </c>
      <c r="C653" s="5" t="s">
        <v>8</v>
      </c>
      <c r="D653" s="5" t="s">
        <v>8</v>
      </c>
      <c r="E653" s="6">
        <v>11001</v>
      </c>
      <c r="F653" s="5" t="s">
        <v>1312</v>
      </c>
      <c r="G653" s="5" t="s">
        <v>1313</v>
      </c>
    </row>
    <row r="654" spans="1:7">
      <c r="A654" s="5" t="s">
        <v>7</v>
      </c>
      <c r="B654" s="5">
        <v>653</v>
      </c>
      <c r="C654" s="5" t="s">
        <v>8</v>
      </c>
      <c r="D654" s="5" t="s">
        <v>8</v>
      </c>
      <c r="E654" s="6">
        <v>11001</v>
      </c>
      <c r="F654" s="5" t="s">
        <v>1314</v>
      </c>
      <c r="G654" s="5" t="s">
        <v>1315</v>
      </c>
    </row>
    <row r="655" spans="1:7">
      <c r="A655" s="5" t="s">
        <v>7</v>
      </c>
      <c r="B655" s="5">
        <v>654</v>
      </c>
      <c r="C655" s="5" t="s">
        <v>8</v>
      </c>
      <c r="D655" s="5" t="s">
        <v>8</v>
      </c>
      <c r="E655" s="6">
        <v>11001</v>
      </c>
      <c r="F655" s="5" t="s">
        <v>1316</v>
      </c>
      <c r="G655" s="5" t="s">
        <v>1317</v>
      </c>
    </row>
    <row r="656" spans="1:7">
      <c r="A656" s="5" t="s">
        <v>7</v>
      </c>
      <c r="B656" s="5">
        <v>655</v>
      </c>
      <c r="C656" s="5" t="s">
        <v>8</v>
      </c>
      <c r="D656" s="5" t="s">
        <v>8</v>
      </c>
      <c r="E656" s="6">
        <v>11001</v>
      </c>
      <c r="F656" s="5" t="s">
        <v>1318</v>
      </c>
      <c r="G656" s="5" t="s">
        <v>1319</v>
      </c>
    </row>
    <row r="657" spans="1:7">
      <c r="A657" s="5" t="s">
        <v>7</v>
      </c>
      <c r="B657" s="5">
        <v>656</v>
      </c>
      <c r="C657" s="5" t="s">
        <v>8</v>
      </c>
      <c r="D657" s="5" t="s">
        <v>8</v>
      </c>
      <c r="E657" s="6">
        <v>11001</v>
      </c>
      <c r="F657" s="5" t="s">
        <v>1320</v>
      </c>
      <c r="G657" s="5" t="s">
        <v>1321</v>
      </c>
    </row>
    <row r="658" spans="1:7">
      <c r="A658" s="5" t="s">
        <v>7</v>
      </c>
      <c r="B658" s="5">
        <v>657</v>
      </c>
      <c r="C658" s="5" t="s">
        <v>8</v>
      </c>
      <c r="D658" s="5" t="s">
        <v>8</v>
      </c>
      <c r="E658" s="6">
        <v>11001</v>
      </c>
      <c r="F658" s="5" t="s">
        <v>1322</v>
      </c>
      <c r="G658" s="5" t="s">
        <v>1323</v>
      </c>
    </row>
    <row r="659" spans="1:7">
      <c r="A659" s="5" t="s">
        <v>7</v>
      </c>
      <c r="B659" s="5">
        <v>658</v>
      </c>
      <c r="C659" s="5" t="s">
        <v>8</v>
      </c>
      <c r="D659" s="5" t="s">
        <v>8</v>
      </c>
      <c r="E659" s="6">
        <v>11001</v>
      </c>
      <c r="F659" s="5" t="s">
        <v>1324</v>
      </c>
      <c r="G659" s="5" t="s">
        <v>1325</v>
      </c>
    </row>
    <row r="660" spans="1:7">
      <c r="A660" s="5" t="s">
        <v>7</v>
      </c>
      <c r="B660" s="5">
        <v>659</v>
      </c>
      <c r="C660" s="5" t="s">
        <v>8</v>
      </c>
      <c r="D660" s="5" t="s">
        <v>8</v>
      </c>
      <c r="E660" s="6">
        <v>11001</v>
      </c>
      <c r="F660" s="5" t="s">
        <v>1326</v>
      </c>
      <c r="G660" s="5" t="s">
        <v>1327</v>
      </c>
    </row>
    <row r="661" spans="1:7">
      <c r="A661" s="5" t="s">
        <v>7</v>
      </c>
      <c r="B661" s="5">
        <v>660</v>
      </c>
      <c r="C661" s="5" t="s">
        <v>8</v>
      </c>
      <c r="D661" s="5" t="s">
        <v>8</v>
      </c>
      <c r="E661" s="6">
        <v>11001</v>
      </c>
      <c r="F661" s="5" t="s">
        <v>1328</v>
      </c>
      <c r="G661" s="5" t="s">
        <v>1329</v>
      </c>
    </row>
    <row r="662" spans="1:7">
      <c r="A662" s="5" t="s">
        <v>7</v>
      </c>
      <c r="B662" s="5">
        <v>661</v>
      </c>
      <c r="C662" s="5" t="s">
        <v>8</v>
      </c>
      <c r="D662" s="5" t="s">
        <v>8</v>
      </c>
      <c r="E662" s="6">
        <v>11001</v>
      </c>
      <c r="F662" s="5" t="s">
        <v>1330</v>
      </c>
      <c r="G662" s="5" t="s">
        <v>1331</v>
      </c>
    </row>
    <row r="663" spans="1:7">
      <c r="A663" s="5" t="s">
        <v>7</v>
      </c>
      <c r="B663" s="5">
        <v>662</v>
      </c>
      <c r="C663" s="5" t="s">
        <v>8</v>
      </c>
      <c r="D663" s="5" t="s">
        <v>8</v>
      </c>
      <c r="E663" s="6">
        <v>11001</v>
      </c>
      <c r="F663" s="5" t="s">
        <v>1332</v>
      </c>
      <c r="G663" s="5" t="s">
        <v>1333</v>
      </c>
    </row>
    <row r="664" spans="1:7">
      <c r="A664" s="5" t="s">
        <v>7</v>
      </c>
      <c r="B664" s="5">
        <v>663</v>
      </c>
      <c r="C664" s="5" t="s">
        <v>8</v>
      </c>
      <c r="D664" s="5" t="s">
        <v>8</v>
      </c>
      <c r="E664" s="6">
        <v>11001</v>
      </c>
      <c r="F664" s="5" t="s">
        <v>1334</v>
      </c>
      <c r="G664" s="5" t="s">
        <v>1335</v>
      </c>
    </row>
    <row r="665" spans="1:7">
      <c r="A665" s="5" t="s">
        <v>7</v>
      </c>
      <c r="B665" s="5">
        <v>664</v>
      </c>
      <c r="C665" s="5" t="s">
        <v>8</v>
      </c>
      <c r="D665" s="5" t="s">
        <v>8</v>
      </c>
      <c r="E665" s="6">
        <v>11001</v>
      </c>
      <c r="F665" s="5" t="s">
        <v>1336</v>
      </c>
      <c r="G665" s="5" t="s">
        <v>1337</v>
      </c>
    </row>
    <row r="666" spans="1:7">
      <c r="A666" s="5" t="s">
        <v>7</v>
      </c>
      <c r="B666" s="5">
        <v>665</v>
      </c>
      <c r="C666" s="5" t="s">
        <v>8</v>
      </c>
      <c r="D666" s="5" t="s">
        <v>8</v>
      </c>
      <c r="E666" s="6">
        <v>11001</v>
      </c>
      <c r="F666" s="5" t="s">
        <v>1338</v>
      </c>
      <c r="G666" s="5" t="s">
        <v>1339</v>
      </c>
    </row>
    <row r="667" spans="1:7">
      <c r="A667" s="5" t="s">
        <v>7</v>
      </c>
      <c r="B667" s="5">
        <v>666</v>
      </c>
      <c r="C667" s="5" t="s">
        <v>8</v>
      </c>
      <c r="D667" s="5" t="s">
        <v>8</v>
      </c>
      <c r="E667" s="6">
        <v>11001</v>
      </c>
      <c r="F667" s="5" t="s">
        <v>1340</v>
      </c>
      <c r="G667" s="5" t="s">
        <v>1341</v>
      </c>
    </row>
    <row r="668" spans="1:7">
      <c r="A668" s="5" t="s">
        <v>7</v>
      </c>
      <c r="B668" s="5">
        <v>667</v>
      </c>
      <c r="C668" s="5" t="s">
        <v>8</v>
      </c>
      <c r="D668" s="5" t="s">
        <v>8</v>
      </c>
      <c r="E668" s="6">
        <v>11001</v>
      </c>
      <c r="F668" s="5" t="s">
        <v>1342</v>
      </c>
      <c r="G668" s="5" t="s">
        <v>1343</v>
      </c>
    </row>
    <row r="669" spans="1:7">
      <c r="A669" s="5" t="s">
        <v>7</v>
      </c>
      <c r="B669" s="5">
        <v>668</v>
      </c>
      <c r="C669" s="5" t="s">
        <v>8</v>
      </c>
      <c r="D669" s="5" t="s">
        <v>8</v>
      </c>
      <c r="E669" s="6">
        <v>11001</v>
      </c>
      <c r="F669" s="5" t="s">
        <v>1344</v>
      </c>
      <c r="G669" s="5" t="s">
        <v>1345</v>
      </c>
    </row>
    <row r="670" spans="1:7">
      <c r="A670" s="5" t="s">
        <v>7</v>
      </c>
      <c r="B670" s="5">
        <v>669</v>
      </c>
      <c r="C670" s="5" t="s">
        <v>8</v>
      </c>
      <c r="D670" s="5" t="s">
        <v>8</v>
      </c>
      <c r="E670" s="6">
        <v>11001</v>
      </c>
      <c r="F670" s="5" t="s">
        <v>1346</v>
      </c>
      <c r="G670" s="5" t="s">
        <v>1347</v>
      </c>
    </row>
    <row r="671" spans="1:7">
      <c r="A671" s="5" t="s">
        <v>7</v>
      </c>
      <c r="B671" s="5">
        <v>670</v>
      </c>
      <c r="C671" s="5" t="s">
        <v>8</v>
      </c>
      <c r="D671" s="5" t="s">
        <v>8</v>
      </c>
      <c r="E671" s="6">
        <v>11001</v>
      </c>
      <c r="F671" s="5" t="s">
        <v>1348</v>
      </c>
      <c r="G671" s="5" t="s">
        <v>1349</v>
      </c>
    </row>
    <row r="672" spans="1:7">
      <c r="A672" s="5" t="s">
        <v>7</v>
      </c>
      <c r="B672" s="5">
        <v>671</v>
      </c>
      <c r="C672" s="5" t="s">
        <v>8</v>
      </c>
      <c r="D672" s="5" t="s">
        <v>8</v>
      </c>
      <c r="E672" s="6">
        <v>11001</v>
      </c>
      <c r="F672" s="5" t="s">
        <v>1350</v>
      </c>
      <c r="G672" s="5" t="s">
        <v>1351</v>
      </c>
    </row>
    <row r="673" spans="1:7">
      <c r="A673" s="5" t="s">
        <v>7</v>
      </c>
      <c r="B673" s="5">
        <v>672</v>
      </c>
      <c r="C673" s="5" t="s">
        <v>8</v>
      </c>
      <c r="D673" s="5" t="s">
        <v>8</v>
      </c>
      <c r="E673" s="6">
        <v>11001</v>
      </c>
      <c r="F673" s="5" t="s">
        <v>1352</v>
      </c>
      <c r="G673" s="5" t="s">
        <v>1353</v>
      </c>
    </row>
    <row r="674" spans="1:7">
      <c r="A674" s="5" t="s">
        <v>7</v>
      </c>
      <c r="B674" s="5">
        <v>673</v>
      </c>
      <c r="C674" s="5" t="s">
        <v>8</v>
      </c>
      <c r="D674" s="5" t="s">
        <v>8</v>
      </c>
      <c r="E674" s="6">
        <v>11001</v>
      </c>
      <c r="F674" s="5" t="s">
        <v>1354</v>
      </c>
      <c r="G674" s="5" t="s">
        <v>1355</v>
      </c>
    </row>
    <row r="675" spans="1:7">
      <c r="A675" s="5" t="s">
        <v>7</v>
      </c>
      <c r="B675" s="5">
        <v>674</v>
      </c>
      <c r="C675" s="5" t="s">
        <v>8</v>
      </c>
      <c r="D675" s="5" t="s">
        <v>8</v>
      </c>
      <c r="E675" s="6">
        <v>11001</v>
      </c>
      <c r="F675" s="5" t="s">
        <v>1356</v>
      </c>
      <c r="G675" s="5" t="s">
        <v>1357</v>
      </c>
    </row>
    <row r="676" spans="1:7">
      <c r="A676" s="5" t="s">
        <v>7</v>
      </c>
      <c r="B676" s="5">
        <v>675</v>
      </c>
      <c r="C676" s="5" t="s">
        <v>8</v>
      </c>
      <c r="D676" s="5" t="s">
        <v>8</v>
      </c>
      <c r="E676" s="6">
        <v>11001</v>
      </c>
      <c r="F676" s="5" t="s">
        <v>1358</v>
      </c>
      <c r="G676" s="5" t="s">
        <v>1359</v>
      </c>
    </row>
    <row r="677" spans="1:7">
      <c r="A677" s="5" t="s">
        <v>7</v>
      </c>
      <c r="B677" s="5">
        <v>676</v>
      </c>
      <c r="C677" s="5" t="s">
        <v>8</v>
      </c>
      <c r="D677" s="5" t="s">
        <v>8</v>
      </c>
      <c r="E677" s="6">
        <v>11001</v>
      </c>
      <c r="F677" s="5" t="s">
        <v>1360</v>
      </c>
      <c r="G677" s="5" t="s">
        <v>1361</v>
      </c>
    </row>
    <row r="678" spans="1:7">
      <c r="A678" s="5" t="s">
        <v>7</v>
      </c>
      <c r="B678" s="5">
        <v>677</v>
      </c>
      <c r="C678" s="5" t="s">
        <v>8</v>
      </c>
      <c r="D678" s="5" t="s">
        <v>8</v>
      </c>
      <c r="E678" s="6">
        <v>11001</v>
      </c>
      <c r="F678" s="5" t="s">
        <v>1362</v>
      </c>
      <c r="G678" s="5" t="s">
        <v>1363</v>
      </c>
    </row>
    <row r="679" spans="1:7">
      <c r="A679" s="5" t="s">
        <v>7</v>
      </c>
      <c r="B679" s="5">
        <v>678</v>
      </c>
      <c r="C679" s="5" t="s">
        <v>8</v>
      </c>
      <c r="D679" s="5" t="s">
        <v>8</v>
      </c>
      <c r="E679" s="6">
        <v>11001</v>
      </c>
      <c r="F679" s="5" t="s">
        <v>1364</v>
      </c>
      <c r="G679" s="5" t="s">
        <v>1365</v>
      </c>
    </row>
    <row r="680" spans="1:7">
      <c r="A680" s="5" t="s">
        <v>7</v>
      </c>
      <c r="B680" s="5">
        <v>679</v>
      </c>
      <c r="C680" s="5" t="s">
        <v>8</v>
      </c>
      <c r="D680" s="5" t="s">
        <v>8</v>
      </c>
      <c r="E680" s="6">
        <v>11001</v>
      </c>
      <c r="F680" s="5" t="s">
        <v>1366</v>
      </c>
      <c r="G680" s="5" t="s">
        <v>1367</v>
      </c>
    </row>
    <row r="681" spans="1:7">
      <c r="A681" s="5" t="s">
        <v>7</v>
      </c>
      <c r="B681" s="5">
        <v>680</v>
      </c>
      <c r="C681" s="5" t="s">
        <v>8</v>
      </c>
      <c r="D681" s="5" t="s">
        <v>8</v>
      </c>
      <c r="E681" s="6">
        <v>11001</v>
      </c>
      <c r="F681" s="5" t="s">
        <v>1368</v>
      </c>
      <c r="G681" s="5" t="s">
        <v>1369</v>
      </c>
    </row>
    <row r="682" spans="1:7">
      <c r="A682" s="5" t="s">
        <v>7</v>
      </c>
      <c r="B682" s="5">
        <v>681</v>
      </c>
      <c r="C682" s="5" t="s">
        <v>8</v>
      </c>
      <c r="D682" s="5" t="s">
        <v>8</v>
      </c>
      <c r="E682" s="6">
        <v>11001</v>
      </c>
      <c r="F682" s="5" t="s">
        <v>1370</v>
      </c>
      <c r="G682" s="5" t="s">
        <v>1371</v>
      </c>
    </row>
    <row r="683" spans="1:7">
      <c r="A683" s="5" t="s">
        <v>7</v>
      </c>
      <c r="B683" s="5">
        <v>682</v>
      </c>
      <c r="C683" s="5" t="s">
        <v>8</v>
      </c>
      <c r="D683" s="5" t="s">
        <v>8</v>
      </c>
      <c r="E683" s="6">
        <v>11001</v>
      </c>
      <c r="F683" s="5" t="s">
        <v>1372</v>
      </c>
      <c r="G683" s="5" t="s">
        <v>1373</v>
      </c>
    </row>
    <row r="684" spans="1:7">
      <c r="A684" s="5" t="s">
        <v>7</v>
      </c>
      <c r="B684" s="5">
        <v>683</v>
      </c>
      <c r="C684" s="5" t="s">
        <v>8</v>
      </c>
      <c r="D684" s="5" t="s">
        <v>8</v>
      </c>
      <c r="E684" s="6">
        <v>11001</v>
      </c>
      <c r="F684" s="5" t="s">
        <v>1374</v>
      </c>
      <c r="G684" s="5" t="s">
        <v>1375</v>
      </c>
    </row>
    <row r="685" spans="1:7">
      <c r="A685" s="5" t="s">
        <v>7</v>
      </c>
      <c r="B685" s="5">
        <v>684</v>
      </c>
      <c r="C685" s="5" t="s">
        <v>8</v>
      </c>
      <c r="D685" s="5" t="s">
        <v>8</v>
      </c>
      <c r="E685" s="6">
        <v>11001</v>
      </c>
      <c r="F685" s="5" t="s">
        <v>1376</v>
      </c>
      <c r="G685" s="5" t="s">
        <v>1377</v>
      </c>
    </row>
    <row r="686" spans="1:7">
      <c r="A686" s="5" t="s">
        <v>7</v>
      </c>
      <c r="B686" s="5">
        <v>685</v>
      </c>
      <c r="C686" s="5" t="s">
        <v>8</v>
      </c>
      <c r="D686" s="5" t="s">
        <v>8</v>
      </c>
      <c r="E686" s="6">
        <v>11001</v>
      </c>
      <c r="F686" s="5" t="s">
        <v>1378</v>
      </c>
      <c r="G686" s="5" t="s">
        <v>1379</v>
      </c>
    </row>
    <row r="687" spans="1:7">
      <c r="A687" s="5" t="s">
        <v>7</v>
      </c>
      <c r="B687" s="5">
        <v>686</v>
      </c>
      <c r="C687" s="5" t="s">
        <v>8</v>
      </c>
      <c r="D687" s="5" t="s">
        <v>8</v>
      </c>
      <c r="E687" s="6">
        <v>11001</v>
      </c>
      <c r="F687" s="5" t="s">
        <v>1380</v>
      </c>
      <c r="G687" s="5" t="s">
        <v>1381</v>
      </c>
    </row>
    <row r="688" spans="1:7">
      <c r="A688" s="5" t="s">
        <v>7</v>
      </c>
      <c r="B688" s="5">
        <v>687</v>
      </c>
      <c r="C688" s="5" t="s">
        <v>8</v>
      </c>
      <c r="D688" s="5" t="s">
        <v>8</v>
      </c>
      <c r="E688" s="6">
        <v>11001</v>
      </c>
      <c r="F688" s="5" t="s">
        <v>1382</v>
      </c>
      <c r="G688" s="5" t="s">
        <v>1383</v>
      </c>
    </row>
    <row r="689" spans="1:7">
      <c r="A689" s="5" t="s">
        <v>7</v>
      </c>
      <c r="B689" s="5">
        <v>688</v>
      </c>
      <c r="C689" s="5" t="s">
        <v>8</v>
      </c>
      <c r="D689" s="5" t="s">
        <v>8</v>
      </c>
      <c r="E689" s="6">
        <v>11001</v>
      </c>
      <c r="F689" s="5" t="s">
        <v>1384</v>
      </c>
      <c r="G689" s="5" t="s">
        <v>1385</v>
      </c>
    </row>
    <row r="690" spans="1:7">
      <c r="A690" s="5" t="s">
        <v>7</v>
      </c>
      <c r="B690" s="5">
        <v>689</v>
      </c>
      <c r="C690" s="5" t="s">
        <v>8</v>
      </c>
      <c r="D690" s="5" t="s">
        <v>8</v>
      </c>
      <c r="E690" s="6">
        <v>11001</v>
      </c>
      <c r="F690" s="5" t="s">
        <v>1386</v>
      </c>
      <c r="G690" s="5" t="s">
        <v>1387</v>
      </c>
    </row>
    <row r="691" spans="1:7">
      <c r="A691" s="5" t="s">
        <v>7</v>
      </c>
      <c r="B691" s="5">
        <v>690</v>
      </c>
      <c r="C691" s="5" t="s">
        <v>8</v>
      </c>
      <c r="D691" s="5" t="s">
        <v>8</v>
      </c>
      <c r="E691" s="6">
        <v>11001</v>
      </c>
      <c r="F691" s="5" t="s">
        <v>1388</v>
      </c>
      <c r="G691" s="5" t="s">
        <v>1389</v>
      </c>
    </row>
    <row r="692" spans="1:7">
      <c r="A692" s="5" t="s">
        <v>7</v>
      </c>
      <c r="B692" s="5">
        <v>691</v>
      </c>
      <c r="C692" s="5" t="s">
        <v>8</v>
      </c>
      <c r="D692" s="5" t="s">
        <v>8</v>
      </c>
      <c r="E692" s="6">
        <v>11001</v>
      </c>
      <c r="F692" s="5" t="s">
        <v>1390</v>
      </c>
      <c r="G692" s="5" t="s">
        <v>1391</v>
      </c>
    </row>
    <row r="693" spans="1:7">
      <c r="A693" s="5" t="s">
        <v>7</v>
      </c>
      <c r="B693" s="5">
        <v>692</v>
      </c>
      <c r="C693" s="5" t="s">
        <v>8</v>
      </c>
      <c r="D693" s="5" t="s">
        <v>8</v>
      </c>
      <c r="E693" s="6">
        <v>11001</v>
      </c>
      <c r="F693" s="5" t="s">
        <v>1392</v>
      </c>
      <c r="G693" s="5" t="s">
        <v>1393</v>
      </c>
    </row>
    <row r="694" spans="1:7">
      <c r="A694" s="5" t="s">
        <v>7</v>
      </c>
      <c r="B694" s="5">
        <v>693</v>
      </c>
      <c r="C694" s="5" t="s">
        <v>8</v>
      </c>
      <c r="D694" s="5" t="s">
        <v>8</v>
      </c>
      <c r="E694" s="6">
        <v>11001</v>
      </c>
      <c r="F694" s="5" t="s">
        <v>1394</v>
      </c>
      <c r="G694" s="5" t="s">
        <v>1395</v>
      </c>
    </row>
    <row r="695" spans="1:7">
      <c r="A695" s="5" t="s">
        <v>7</v>
      </c>
      <c r="B695" s="5">
        <v>694</v>
      </c>
      <c r="C695" s="5" t="s">
        <v>8</v>
      </c>
      <c r="D695" s="5" t="s">
        <v>8</v>
      </c>
      <c r="E695" s="6">
        <v>11001</v>
      </c>
      <c r="F695" s="5" t="s">
        <v>1396</v>
      </c>
      <c r="G695" s="5" t="s">
        <v>1397</v>
      </c>
    </row>
    <row r="696" spans="1:7">
      <c r="A696" s="5" t="s">
        <v>7</v>
      </c>
      <c r="B696" s="5">
        <v>695</v>
      </c>
      <c r="C696" s="5" t="s">
        <v>8</v>
      </c>
      <c r="D696" s="5" t="s">
        <v>8</v>
      </c>
      <c r="E696" s="6">
        <v>11001</v>
      </c>
      <c r="F696" s="5" t="s">
        <v>1398</v>
      </c>
      <c r="G696" s="5" t="s">
        <v>1399</v>
      </c>
    </row>
    <row r="697" spans="1:7">
      <c r="A697" s="5" t="s">
        <v>7</v>
      </c>
      <c r="B697" s="5">
        <v>696</v>
      </c>
      <c r="C697" s="5" t="s">
        <v>8</v>
      </c>
      <c r="D697" s="5" t="s">
        <v>8</v>
      </c>
      <c r="E697" s="6">
        <v>11001</v>
      </c>
      <c r="F697" s="5" t="s">
        <v>1400</v>
      </c>
      <c r="G697" s="5" t="s">
        <v>1401</v>
      </c>
    </row>
    <row r="698" spans="1:7">
      <c r="A698" s="5" t="s">
        <v>7</v>
      </c>
      <c r="B698" s="5">
        <v>697</v>
      </c>
      <c r="C698" s="5" t="s">
        <v>8</v>
      </c>
      <c r="D698" s="5" t="s">
        <v>8</v>
      </c>
      <c r="E698" s="6">
        <v>11001</v>
      </c>
      <c r="F698" s="5" t="s">
        <v>1402</v>
      </c>
      <c r="G698" s="5" t="s">
        <v>1403</v>
      </c>
    </row>
    <row r="699" spans="1:7">
      <c r="A699" s="5" t="s">
        <v>7</v>
      </c>
      <c r="B699" s="5">
        <v>698</v>
      </c>
      <c r="C699" s="5" t="s">
        <v>8</v>
      </c>
      <c r="D699" s="5" t="s">
        <v>8</v>
      </c>
      <c r="E699" s="6">
        <v>11001</v>
      </c>
      <c r="F699" s="5" t="s">
        <v>1404</v>
      </c>
      <c r="G699" s="5" t="s">
        <v>1405</v>
      </c>
    </row>
    <row r="700" spans="1:7">
      <c r="A700" s="5" t="s">
        <v>7</v>
      </c>
      <c r="B700" s="5">
        <v>699</v>
      </c>
      <c r="C700" s="5" t="s">
        <v>8</v>
      </c>
      <c r="D700" s="5" t="s">
        <v>8</v>
      </c>
      <c r="E700" s="6">
        <v>11001</v>
      </c>
      <c r="F700" s="5" t="s">
        <v>1406</v>
      </c>
      <c r="G700" s="5" t="s">
        <v>1407</v>
      </c>
    </row>
    <row r="701" spans="1:7">
      <c r="A701" s="5" t="s">
        <v>7</v>
      </c>
      <c r="B701" s="5">
        <v>700</v>
      </c>
      <c r="C701" s="5" t="s">
        <v>8</v>
      </c>
      <c r="D701" s="5" t="s">
        <v>8</v>
      </c>
      <c r="E701" s="6">
        <v>11001</v>
      </c>
      <c r="F701" s="5" t="s">
        <v>1408</v>
      </c>
      <c r="G701" s="5" t="s">
        <v>1409</v>
      </c>
    </row>
    <row r="702" spans="1:7">
      <c r="A702" s="5" t="s">
        <v>7</v>
      </c>
      <c r="B702" s="5">
        <v>701</v>
      </c>
      <c r="C702" s="5" t="s">
        <v>8</v>
      </c>
      <c r="D702" s="5" t="s">
        <v>8</v>
      </c>
      <c r="E702" s="6">
        <v>11001</v>
      </c>
      <c r="F702" s="5" t="s">
        <v>1410</v>
      </c>
      <c r="G702" s="5" t="s">
        <v>1411</v>
      </c>
    </row>
    <row r="703" spans="1:7">
      <c r="A703" s="5" t="s">
        <v>7</v>
      </c>
      <c r="B703" s="5">
        <v>702</v>
      </c>
      <c r="C703" s="5" t="s">
        <v>8</v>
      </c>
      <c r="D703" s="5" t="s">
        <v>8</v>
      </c>
      <c r="E703" s="6">
        <v>11001</v>
      </c>
      <c r="F703" s="5" t="s">
        <v>1412</v>
      </c>
      <c r="G703" s="5" t="s">
        <v>1413</v>
      </c>
    </row>
    <row r="704" spans="1:7">
      <c r="A704" s="5" t="s">
        <v>7</v>
      </c>
      <c r="B704" s="5">
        <v>703</v>
      </c>
      <c r="C704" s="5" t="s">
        <v>8</v>
      </c>
      <c r="D704" s="5" t="s">
        <v>8</v>
      </c>
      <c r="E704" s="6">
        <v>11001</v>
      </c>
      <c r="F704" s="5" t="s">
        <v>1414</v>
      </c>
      <c r="G704" s="5" t="s">
        <v>1221</v>
      </c>
    </row>
    <row r="705" spans="1:7">
      <c r="A705" s="5" t="s">
        <v>7</v>
      </c>
      <c r="B705" s="5">
        <v>704</v>
      </c>
      <c r="C705" s="5" t="s">
        <v>8</v>
      </c>
      <c r="D705" s="5" t="s">
        <v>8</v>
      </c>
      <c r="E705" s="6">
        <v>11001</v>
      </c>
      <c r="F705" s="5" t="s">
        <v>1415</v>
      </c>
      <c r="G705" s="5" t="s">
        <v>1416</v>
      </c>
    </row>
    <row r="706" spans="1:7">
      <c r="A706" s="5" t="s">
        <v>7</v>
      </c>
      <c r="B706" s="5">
        <v>705</v>
      </c>
      <c r="C706" s="5" t="s">
        <v>8</v>
      </c>
      <c r="D706" s="5" t="s">
        <v>8</v>
      </c>
      <c r="E706" s="6">
        <v>11001</v>
      </c>
      <c r="F706" s="5" t="s">
        <v>1417</v>
      </c>
      <c r="G706" s="5" t="s">
        <v>1418</v>
      </c>
    </row>
    <row r="707" spans="1:7">
      <c r="A707" s="5" t="s">
        <v>7</v>
      </c>
      <c r="B707" s="5">
        <v>706</v>
      </c>
      <c r="C707" s="5" t="s">
        <v>8</v>
      </c>
      <c r="D707" s="5" t="s">
        <v>8</v>
      </c>
      <c r="E707" s="6">
        <v>11001</v>
      </c>
      <c r="F707" s="5" t="s">
        <v>1419</v>
      </c>
      <c r="G707" s="5" t="s">
        <v>1420</v>
      </c>
    </row>
    <row r="708" spans="1:7">
      <c r="A708" s="5" t="s">
        <v>7</v>
      </c>
      <c r="B708" s="5">
        <v>707</v>
      </c>
      <c r="C708" s="5" t="s">
        <v>8</v>
      </c>
      <c r="D708" s="5" t="s">
        <v>8</v>
      </c>
      <c r="E708" s="6">
        <v>11001</v>
      </c>
      <c r="F708" s="5" t="s">
        <v>1421</v>
      </c>
      <c r="G708" s="5" t="s">
        <v>1422</v>
      </c>
    </row>
    <row r="709" spans="1:7">
      <c r="A709" s="5" t="s">
        <v>7</v>
      </c>
      <c r="B709" s="5">
        <v>708</v>
      </c>
      <c r="C709" s="5" t="s">
        <v>8</v>
      </c>
      <c r="D709" s="5" t="s">
        <v>8</v>
      </c>
      <c r="E709" s="6">
        <v>11001</v>
      </c>
      <c r="F709" s="5" t="s">
        <v>1423</v>
      </c>
      <c r="G709" s="5" t="s">
        <v>1424</v>
      </c>
    </row>
    <row r="710" spans="1:7">
      <c r="A710" s="5" t="s">
        <v>7</v>
      </c>
      <c r="B710" s="5">
        <v>709</v>
      </c>
      <c r="C710" s="5" t="s">
        <v>8</v>
      </c>
      <c r="D710" s="5" t="s">
        <v>8</v>
      </c>
      <c r="E710" s="6">
        <v>11001</v>
      </c>
      <c r="F710" s="5" t="s">
        <v>1425</v>
      </c>
      <c r="G710" s="5" t="s">
        <v>1426</v>
      </c>
    </row>
    <row r="711" spans="1:7">
      <c r="A711" s="5" t="s">
        <v>7</v>
      </c>
      <c r="B711" s="5">
        <v>710</v>
      </c>
      <c r="C711" s="5" t="s">
        <v>8</v>
      </c>
      <c r="D711" s="5" t="s">
        <v>8</v>
      </c>
      <c r="E711" s="6">
        <v>11001</v>
      </c>
      <c r="F711" s="5" t="s">
        <v>1427</v>
      </c>
      <c r="G711" s="5" t="s">
        <v>1428</v>
      </c>
    </row>
    <row r="712" spans="1:7">
      <c r="A712" s="5" t="s">
        <v>7</v>
      </c>
      <c r="B712" s="5">
        <v>711</v>
      </c>
      <c r="C712" s="5" t="s">
        <v>8</v>
      </c>
      <c r="D712" s="5" t="s">
        <v>8</v>
      </c>
      <c r="E712" s="6">
        <v>11001</v>
      </c>
      <c r="F712" s="5" t="s">
        <v>1429</v>
      </c>
      <c r="G712" s="5" t="s">
        <v>1430</v>
      </c>
    </row>
    <row r="713" spans="1:7">
      <c r="A713" s="5" t="s">
        <v>7</v>
      </c>
      <c r="B713" s="5">
        <v>712</v>
      </c>
      <c r="C713" s="5" t="s">
        <v>8</v>
      </c>
      <c r="D713" s="5" t="s">
        <v>8</v>
      </c>
      <c r="E713" s="6">
        <v>11001</v>
      </c>
      <c r="F713" s="5" t="s">
        <v>1431</v>
      </c>
      <c r="G713" s="5" t="s">
        <v>1432</v>
      </c>
    </row>
    <row r="714" spans="1:7">
      <c r="A714" s="5" t="s">
        <v>7</v>
      </c>
      <c r="B714" s="5">
        <v>713</v>
      </c>
      <c r="C714" s="5" t="s">
        <v>8</v>
      </c>
      <c r="D714" s="5" t="s">
        <v>8</v>
      </c>
      <c r="E714" s="6">
        <v>11001</v>
      </c>
      <c r="F714" s="5" t="s">
        <v>1433</v>
      </c>
      <c r="G714" s="5" t="s">
        <v>1434</v>
      </c>
    </row>
    <row r="715" spans="1:7">
      <c r="A715" s="5" t="s">
        <v>7</v>
      </c>
      <c r="B715" s="5">
        <v>714</v>
      </c>
      <c r="C715" s="5" t="s">
        <v>8</v>
      </c>
      <c r="D715" s="5" t="s">
        <v>8</v>
      </c>
      <c r="E715" s="6">
        <v>11001</v>
      </c>
      <c r="F715" s="5" t="s">
        <v>1435</v>
      </c>
      <c r="G715" s="5" t="s">
        <v>1436</v>
      </c>
    </row>
    <row r="716" spans="1:7">
      <c r="A716" s="5" t="s">
        <v>7</v>
      </c>
      <c r="B716" s="5">
        <v>715</v>
      </c>
      <c r="C716" s="5" t="s">
        <v>8</v>
      </c>
      <c r="D716" s="5" t="s">
        <v>8</v>
      </c>
      <c r="E716" s="6">
        <v>11001</v>
      </c>
      <c r="F716" s="5" t="s">
        <v>1437</v>
      </c>
      <c r="G716" s="5" t="s">
        <v>1438</v>
      </c>
    </row>
    <row r="717" spans="1:7">
      <c r="A717" s="5" t="s">
        <v>7</v>
      </c>
      <c r="B717" s="5">
        <v>716</v>
      </c>
      <c r="C717" s="5" t="s">
        <v>8</v>
      </c>
      <c r="D717" s="5" t="s">
        <v>8</v>
      </c>
      <c r="E717" s="6">
        <v>11001</v>
      </c>
      <c r="F717" s="5" t="s">
        <v>1439</v>
      </c>
      <c r="G717" s="5" t="s">
        <v>1440</v>
      </c>
    </row>
    <row r="718" spans="1:7">
      <c r="A718" s="5" t="s">
        <v>7</v>
      </c>
      <c r="B718" s="5">
        <v>717</v>
      </c>
      <c r="C718" s="5" t="s">
        <v>8</v>
      </c>
      <c r="D718" s="5" t="s">
        <v>8</v>
      </c>
      <c r="E718" s="6">
        <v>11001</v>
      </c>
      <c r="F718" s="5" t="s">
        <v>1441</v>
      </c>
      <c r="G718" s="5" t="s">
        <v>1442</v>
      </c>
    </row>
    <row r="719" spans="1:7">
      <c r="A719" s="5" t="s">
        <v>7</v>
      </c>
      <c r="B719" s="5">
        <v>718</v>
      </c>
      <c r="C719" s="5" t="s">
        <v>8</v>
      </c>
      <c r="D719" s="5" t="s">
        <v>8</v>
      </c>
      <c r="E719" s="6">
        <v>11001</v>
      </c>
      <c r="F719" s="5" t="s">
        <v>1443</v>
      </c>
      <c r="G719" s="5" t="s">
        <v>1444</v>
      </c>
    </row>
    <row r="720" spans="1:7">
      <c r="A720" s="5" t="s">
        <v>7</v>
      </c>
      <c r="B720" s="5">
        <v>719</v>
      </c>
      <c r="C720" s="5" t="s">
        <v>8</v>
      </c>
      <c r="D720" s="5" t="s">
        <v>8</v>
      </c>
      <c r="E720" s="6">
        <v>11001</v>
      </c>
      <c r="F720" s="5" t="s">
        <v>1445</v>
      </c>
      <c r="G720" s="5" t="s">
        <v>1446</v>
      </c>
    </row>
    <row r="721" spans="1:7">
      <c r="A721" s="5" t="s">
        <v>7</v>
      </c>
      <c r="B721" s="5">
        <v>720</v>
      </c>
      <c r="C721" s="5" t="s">
        <v>8</v>
      </c>
      <c r="D721" s="5" t="s">
        <v>8</v>
      </c>
      <c r="E721" s="6">
        <v>11001</v>
      </c>
      <c r="F721" s="5" t="s">
        <v>1447</v>
      </c>
      <c r="G721" s="5" t="s">
        <v>1448</v>
      </c>
    </row>
    <row r="722" spans="1:7">
      <c r="A722" s="5" t="s">
        <v>7</v>
      </c>
      <c r="B722" s="5">
        <v>721</v>
      </c>
      <c r="C722" s="5" t="s">
        <v>8</v>
      </c>
      <c r="D722" s="5" t="s">
        <v>8</v>
      </c>
      <c r="E722" s="6">
        <v>11001</v>
      </c>
      <c r="F722" s="5" t="s">
        <v>1449</v>
      </c>
      <c r="G722" s="5" t="s">
        <v>1450</v>
      </c>
    </row>
    <row r="723" spans="1:7">
      <c r="A723" s="5" t="s">
        <v>7</v>
      </c>
      <c r="B723" s="5">
        <v>722</v>
      </c>
      <c r="C723" s="5" t="s">
        <v>8</v>
      </c>
      <c r="D723" s="5" t="s">
        <v>8</v>
      </c>
      <c r="E723" s="6">
        <v>11001</v>
      </c>
      <c r="F723" s="5" t="s">
        <v>1451</v>
      </c>
      <c r="G723" s="5" t="s">
        <v>1452</v>
      </c>
    </row>
    <row r="724" spans="1:7">
      <c r="A724" s="5" t="s">
        <v>7</v>
      </c>
      <c r="B724" s="5">
        <v>723</v>
      </c>
      <c r="C724" s="5" t="s">
        <v>8</v>
      </c>
      <c r="D724" s="5" t="s">
        <v>8</v>
      </c>
      <c r="E724" s="6">
        <v>11001</v>
      </c>
      <c r="F724" s="5" t="s">
        <v>1453</v>
      </c>
      <c r="G724" s="5" t="s">
        <v>1454</v>
      </c>
    </row>
    <row r="725" spans="1:7">
      <c r="A725" s="5" t="s">
        <v>7</v>
      </c>
      <c r="B725" s="5">
        <v>724</v>
      </c>
      <c r="C725" s="5" t="s">
        <v>8</v>
      </c>
      <c r="D725" s="5" t="s">
        <v>8</v>
      </c>
      <c r="E725" s="6">
        <v>11001</v>
      </c>
      <c r="F725" s="5" t="s">
        <v>1455</v>
      </c>
      <c r="G725" s="5" t="s">
        <v>1456</v>
      </c>
    </row>
    <row r="726" spans="1:7">
      <c r="A726" s="5" t="s">
        <v>7</v>
      </c>
      <c r="B726" s="5">
        <v>725</v>
      </c>
      <c r="C726" s="5" t="s">
        <v>8</v>
      </c>
      <c r="D726" s="5" t="s">
        <v>8</v>
      </c>
      <c r="E726" s="6">
        <v>11001</v>
      </c>
      <c r="F726" s="5" t="s">
        <v>1457</v>
      </c>
      <c r="G726" s="5" t="s">
        <v>1458</v>
      </c>
    </row>
    <row r="727" spans="1:7">
      <c r="A727" s="5" t="s">
        <v>7</v>
      </c>
      <c r="B727" s="5">
        <v>726</v>
      </c>
      <c r="C727" s="5" t="s">
        <v>8</v>
      </c>
      <c r="D727" s="5" t="s">
        <v>8</v>
      </c>
      <c r="E727" s="6">
        <v>11001</v>
      </c>
      <c r="F727" s="5" t="s">
        <v>1459</v>
      </c>
      <c r="G727" s="5" t="s">
        <v>1460</v>
      </c>
    </row>
    <row r="728" spans="1:7">
      <c r="A728" s="5" t="s">
        <v>7</v>
      </c>
      <c r="B728" s="5">
        <v>727</v>
      </c>
      <c r="C728" s="5" t="s">
        <v>8</v>
      </c>
      <c r="D728" s="5" t="s">
        <v>8</v>
      </c>
      <c r="E728" s="6">
        <v>11001</v>
      </c>
      <c r="F728" s="5" t="s">
        <v>1461</v>
      </c>
      <c r="G728" s="5" t="s">
        <v>1462</v>
      </c>
    </row>
    <row r="729" spans="1:7">
      <c r="A729" s="5" t="s">
        <v>7</v>
      </c>
      <c r="B729" s="5">
        <v>728</v>
      </c>
      <c r="C729" s="5" t="s">
        <v>8</v>
      </c>
      <c r="D729" s="5" t="s">
        <v>8</v>
      </c>
      <c r="E729" s="6">
        <v>11001</v>
      </c>
      <c r="F729" s="5" t="s">
        <v>1463</v>
      </c>
      <c r="G729" s="5" t="s">
        <v>1464</v>
      </c>
    </row>
    <row r="730" spans="1:7">
      <c r="A730" s="5" t="s">
        <v>7</v>
      </c>
      <c r="B730" s="5">
        <v>729</v>
      </c>
      <c r="C730" s="5" t="s">
        <v>8</v>
      </c>
      <c r="D730" s="5" t="s">
        <v>8</v>
      </c>
      <c r="E730" s="6">
        <v>11001</v>
      </c>
      <c r="F730" s="5" t="s">
        <v>1465</v>
      </c>
      <c r="G730" s="5" t="s">
        <v>1466</v>
      </c>
    </row>
    <row r="731" spans="1:7">
      <c r="A731" s="5" t="s">
        <v>7</v>
      </c>
      <c r="B731" s="5">
        <v>730</v>
      </c>
      <c r="C731" s="5" t="s">
        <v>8</v>
      </c>
      <c r="D731" s="5" t="s">
        <v>8</v>
      </c>
      <c r="E731" s="6">
        <v>11001</v>
      </c>
      <c r="F731" s="5" t="s">
        <v>1467</v>
      </c>
      <c r="G731" s="5" t="s">
        <v>1468</v>
      </c>
    </row>
    <row r="732" spans="1:7">
      <c r="A732" s="5" t="s">
        <v>7</v>
      </c>
      <c r="B732" s="5">
        <v>731</v>
      </c>
      <c r="C732" s="5" t="s">
        <v>8</v>
      </c>
      <c r="D732" s="5" t="s">
        <v>8</v>
      </c>
      <c r="E732" s="6">
        <v>11001</v>
      </c>
      <c r="F732" s="5" t="s">
        <v>1469</v>
      </c>
      <c r="G732" s="5" t="s">
        <v>1470</v>
      </c>
    </row>
    <row r="733" spans="1:7">
      <c r="A733" s="5" t="s">
        <v>7</v>
      </c>
      <c r="B733" s="5">
        <v>732</v>
      </c>
      <c r="C733" s="5" t="s">
        <v>8</v>
      </c>
      <c r="D733" s="5" t="s">
        <v>8</v>
      </c>
      <c r="E733" s="6">
        <v>11001</v>
      </c>
      <c r="F733" s="5" t="s">
        <v>1471</v>
      </c>
      <c r="G733" s="5" t="s">
        <v>1472</v>
      </c>
    </row>
    <row r="734" spans="1:7">
      <c r="A734" s="5" t="s">
        <v>7</v>
      </c>
      <c r="B734" s="5">
        <v>733</v>
      </c>
      <c r="C734" s="5" t="s">
        <v>8</v>
      </c>
      <c r="D734" s="5" t="s">
        <v>8</v>
      </c>
      <c r="E734" s="6">
        <v>11001</v>
      </c>
      <c r="F734" s="5" t="s">
        <v>1473</v>
      </c>
      <c r="G734" s="5" t="s">
        <v>1474</v>
      </c>
    </row>
    <row r="735" spans="1:7">
      <c r="A735" s="5" t="s">
        <v>7</v>
      </c>
      <c r="B735" s="5">
        <v>734</v>
      </c>
      <c r="C735" s="5" t="s">
        <v>8</v>
      </c>
      <c r="D735" s="5" t="s">
        <v>8</v>
      </c>
      <c r="E735" s="6">
        <v>11001</v>
      </c>
      <c r="F735" s="5" t="s">
        <v>1475</v>
      </c>
      <c r="G735" s="5" t="s">
        <v>1476</v>
      </c>
    </row>
    <row r="736" spans="1:7">
      <c r="A736" s="5" t="s">
        <v>7</v>
      </c>
      <c r="B736" s="5">
        <v>735</v>
      </c>
      <c r="C736" s="5" t="s">
        <v>8</v>
      </c>
      <c r="D736" s="5" t="s">
        <v>8</v>
      </c>
      <c r="E736" s="6">
        <v>11001</v>
      </c>
      <c r="F736" s="5" t="s">
        <v>1477</v>
      </c>
      <c r="G736" s="5" t="s">
        <v>1478</v>
      </c>
    </row>
    <row r="737" spans="1:7">
      <c r="A737" s="5" t="s">
        <v>7</v>
      </c>
      <c r="B737" s="5">
        <v>736</v>
      </c>
      <c r="C737" s="5" t="s">
        <v>8</v>
      </c>
      <c r="D737" s="5" t="s">
        <v>8</v>
      </c>
      <c r="E737" s="6">
        <v>11001</v>
      </c>
      <c r="F737" s="5" t="s">
        <v>1479</v>
      </c>
      <c r="G737" s="5" t="s">
        <v>1480</v>
      </c>
    </row>
    <row r="738" spans="1:7">
      <c r="A738" s="5" t="s">
        <v>7</v>
      </c>
      <c r="B738" s="5">
        <v>737</v>
      </c>
      <c r="C738" s="5" t="s">
        <v>8</v>
      </c>
      <c r="D738" s="5" t="s">
        <v>8</v>
      </c>
      <c r="E738" s="6">
        <v>11001</v>
      </c>
      <c r="F738" s="5" t="s">
        <v>1481</v>
      </c>
      <c r="G738" s="5" t="s">
        <v>1482</v>
      </c>
    </row>
    <row r="739" spans="1:7">
      <c r="A739" s="5" t="s">
        <v>7</v>
      </c>
      <c r="B739" s="5">
        <v>738</v>
      </c>
      <c r="C739" s="5" t="s">
        <v>8</v>
      </c>
      <c r="D739" s="5" t="s">
        <v>8</v>
      </c>
      <c r="E739" s="6">
        <v>11001</v>
      </c>
      <c r="F739" s="5" t="s">
        <v>1483</v>
      </c>
      <c r="G739" s="5" t="s">
        <v>1484</v>
      </c>
    </row>
    <row r="740" spans="1:7">
      <c r="A740" s="5" t="s">
        <v>7</v>
      </c>
      <c r="B740" s="5">
        <v>739</v>
      </c>
      <c r="C740" s="5" t="s">
        <v>8</v>
      </c>
      <c r="D740" s="5" t="s">
        <v>8</v>
      </c>
      <c r="E740" s="6">
        <v>11001</v>
      </c>
      <c r="F740" s="5" t="s">
        <v>1485</v>
      </c>
      <c r="G740" s="5" t="s">
        <v>1486</v>
      </c>
    </row>
    <row r="741" spans="1:7">
      <c r="A741" s="5" t="s">
        <v>7</v>
      </c>
      <c r="B741" s="5">
        <v>740</v>
      </c>
      <c r="C741" s="5" t="s">
        <v>8</v>
      </c>
      <c r="D741" s="5" t="s">
        <v>8</v>
      </c>
      <c r="E741" s="6">
        <v>11001</v>
      </c>
      <c r="F741" s="5" t="s">
        <v>1150</v>
      </c>
      <c r="G741" s="5" t="s">
        <v>1487</v>
      </c>
    </row>
    <row r="742" spans="1:7">
      <c r="A742" s="5" t="s">
        <v>7</v>
      </c>
      <c r="B742" s="5">
        <v>741</v>
      </c>
      <c r="C742" s="5" t="s">
        <v>8</v>
      </c>
      <c r="D742" s="5" t="s">
        <v>8</v>
      </c>
      <c r="E742" s="6">
        <v>11001</v>
      </c>
      <c r="F742" s="5" t="s">
        <v>1488</v>
      </c>
      <c r="G742" s="5" t="s">
        <v>1489</v>
      </c>
    </row>
    <row r="743" spans="1:7">
      <c r="A743" s="5" t="s">
        <v>7</v>
      </c>
      <c r="B743" s="5">
        <v>742</v>
      </c>
      <c r="C743" s="5" t="s">
        <v>8</v>
      </c>
      <c r="D743" s="5" t="s">
        <v>8</v>
      </c>
      <c r="E743" s="6">
        <v>11001</v>
      </c>
      <c r="F743" s="5" t="s">
        <v>1490</v>
      </c>
      <c r="G743" s="5" t="s">
        <v>1491</v>
      </c>
    </row>
    <row r="744" spans="1:7">
      <c r="A744" s="5" t="s">
        <v>7</v>
      </c>
      <c r="B744" s="5">
        <v>743</v>
      </c>
      <c r="C744" s="5" t="s">
        <v>8</v>
      </c>
      <c r="D744" s="5" t="s">
        <v>8</v>
      </c>
      <c r="E744" s="6">
        <v>11001</v>
      </c>
      <c r="F744" s="5" t="s">
        <v>1492</v>
      </c>
      <c r="G744" s="5" t="s">
        <v>1493</v>
      </c>
    </row>
    <row r="745" spans="1:7">
      <c r="A745" s="5" t="s">
        <v>7</v>
      </c>
      <c r="B745" s="5">
        <v>744</v>
      </c>
      <c r="C745" s="5" t="s">
        <v>8</v>
      </c>
      <c r="D745" s="5" t="s">
        <v>8</v>
      </c>
      <c r="E745" s="6">
        <v>11001</v>
      </c>
      <c r="F745" s="5" t="s">
        <v>1494</v>
      </c>
      <c r="G745" s="5" t="s">
        <v>1495</v>
      </c>
    </row>
    <row r="746" spans="1:7">
      <c r="A746" s="5" t="s">
        <v>7</v>
      </c>
      <c r="B746" s="5">
        <v>745</v>
      </c>
      <c r="C746" s="5" t="s">
        <v>8</v>
      </c>
      <c r="D746" s="5" t="s">
        <v>8</v>
      </c>
      <c r="E746" s="6">
        <v>11001</v>
      </c>
      <c r="F746" s="5" t="s">
        <v>1496</v>
      </c>
      <c r="G746" s="5" t="s">
        <v>1497</v>
      </c>
    </row>
    <row r="747" spans="1:7">
      <c r="A747" s="5" t="s">
        <v>7</v>
      </c>
      <c r="B747" s="5">
        <v>746</v>
      </c>
      <c r="C747" s="5" t="s">
        <v>8</v>
      </c>
      <c r="D747" s="5" t="s">
        <v>8</v>
      </c>
      <c r="E747" s="6">
        <v>11001</v>
      </c>
      <c r="F747" s="5" t="s">
        <v>1498</v>
      </c>
      <c r="G747" s="5" t="s">
        <v>1499</v>
      </c>
    </row>
    <row r="748" spans="1:7">
      <c r="A748" s="5" t="s">
        <v>7</v>
      </c>
      <c r="B748" s="5">
        <v>747</v>
      </c>
      <c r="C748" s="5" t="s">
        <v>8</v>
      </c>
      <c r="D748" s="5" t="s">
        <v>8</v>
      </c>
      <c r="E748" s="6">
        <v>11001</v>
      </c>
      <c r="F748" s="5" t="s">
        <v>1500</v>
      </c>
      <c r="G748" s="5" t="s">
        <v>1501</v>
      </c>
    </row>
    <row r="749" spans="1:7">
      <c r="A749" s="5" t="s">
        <v>7</v>
      </c>
      <c r="B749" s="5">
        <v>748</v>
      </c>
      <c r="C749" s="5" t="s">
        <v>8</v>
      </c>
      <c r="D749" s="5" t="s">
        <v>8</v>
      </c>
      <c r="E749" s="6">
        <v>11001</v>
      </c>
      <c r="F749" s="5" t="s">
        <v>1502</v>
      </c>
      <c r="G749" s="5" t="s">
        <v>1503</v>
      </c>
    </row>
    <row r="750" spans="1:7">
      <c r="A750" s="5" t="s">
        <v>7</v>
      </c>
      <c r="B750" s="5">
        <v>749</v>
      </c>
      <c r="C750" s="5" t="s">
        <v>8</v>
      </c>
      <c r="D750" s="5" t="s">
        <v>8</v>
      </c>
      <c r="E750" s="6">
        <v>11001</v>
      </c>
      <c r="F750" s="5" t="s">
        <v>1504</v>
      </c>
      <c r="G750" s="5" t="s">
        <v>1505</v>
      </c>
    </row>
    <row r="751" spans="1:7">
      <c r="A751" s="5" t="s">
        <v>7</v>
      </c>
      <c r="B751" s="5">
        <v>750</v>
      </c>
      <c r="C751" s="5" t="s">
        <v>8</v>
      </c>
      <c r="D751" s="5" t="s">
        <v>8</v>
      </c>
      <c r="E751" s="6">
        <v>11001</v>
      </c>
      <c r="F751" s="5" t="s">
        <v>1506</v>
      </c>
      <c r="G751" s="5" t="s">
        <v>1507</v>
      </c>
    </row>
    <row r="752" spans="1:7">
      <c r="A752" s="5" t="s">
        <v>7</v>
      </c>
      <c r="B752" s="5">
        <v>751</v>
      </c>
      <c r="C752" s="5" t="s">
        <v>8</v>
      </c>
      <c r="D752" s="5" t="s">
        <v>8</v>
      </c>
      <c r="E752" s="6">
        <v>11001</v>
      </c>
      <c r="F752" s="5" t="s">
        <v>1508</v>
      </c>
      <c r="G752" s="5" t="s">
        <v>1509</v>
      </c>
    </row>
    <row r="753" spans="1:7">
      <c r="A753" s="5" t="s">
        <v>7</v>
      </c>
      <c r="B753" s="5">
        <v>752</v>
      </c>
      <c r="C753" s="5" t="s">
        <v>8</v>
      </c>
      <c r="D753" s="5" t="s">
        <v>8</v>
      </c>
      <c r="E753" s="6">
        <v>11001</v>
      </c>
      <c r="F753" s="5" t="s">
        <v>1510</v>
      </c>
      <c r="G753" s="5" t="s">
        <v>1511</v>
      </c>
    </row>
    <row r="754" spans="1:7">
      <c r="A754" s="5" t="s">
        <v>7</v>
      </c>
      <c r="B754" s="5">
        <v>753</v>
      </c>
      <c r="C754" s="5" t="s">
        <v>8</v>
      </c>
      <c r="D754" s="5" t="s">
        <v>8</v>
      </c>
      <c r="E754" s="6">
        <v>11001</v>
      </c>
      <c r="F754" s="5" t="s">
        <v>1512</v>
      </c>
      <c r="G754" s="5" t="s">
        <v>1513</v>
      </c>
    </row>
    <row r="755" spans="1:7">
      <c r="A755" s="5" t="s">
        <v>7</v>
      </c>
      <c r="B755" s="5">
        <v>754</v>
      </c>
      <c r="C755" s="5" t="s">
        <v>8</v>
      </c>
      <c r="D755" s="5" t="s">
        <v>8</v>
      </c>
      <c r="E755" s="6">
        <v>11001</v>
      </c>
      <c r="F755" s="5" t="s">
        <v>1514</v>
      </c>
      <c r="G755" s="5" t="s">
        <v>1515</v>
      </c>
    </row>
    <row r="756" spans="1:7">
      <c r="A756" s="5" t="s">
        <v>7</v>
      </c>
      <c r="B756" s="5">
        <v>755</v>
      </c>
      <c r="C756" s="5" t="s">
        <v>8</v>
      </c>
      <c r="D756" s="5" t="s">
        <v>8</v>
      </c>
      <c r="E756" s="6">
        <v>11001</v>
      </c>
      <c r="F756" s="5" t="s">
        <v>1516</v>
      </c>
      <c r="G756" s="5" t="s">
        <v>1517</v>
      </c>
    </row>
    <row r="757" spans="1:7">
      <c r="A757" s="5" t="s">
        <v>7</v>
      </c>
      <c r="B757" s="5">
        <v>756</v>
      </c>
      <c r="C757" s="5" t="s">
        <v>8</v>
      </c>
      <c r="D757" s="5" t="s">
        <v>8</v>
      </c>
      <c r="E757" s="6">
        <v>11001</v>
      </c>
      <c r="F757" s="5" t="s">
        <v>1518</v>
      </c>
      <c r="G757" s="5" t="s">
        <v>1519</v>
      </c>
    </row>
    <row r="758" spans="1:7">
      <c r="A758" s="5" t="s">
        <v>7</v>
      </c>
      <c r="B758" s="5">
        <v>757</v>
      </c>
      <c r="C758" s="5" t="s">
        <v>8</v>
      </c>
      <c r="D758" s="5" t="s">
        <v>8</v>
      </c>
      <c r="E758" s="6">
        <v>11001</v>
      </c>
      <c r="F758" s="5" t="s">
        <v>1520</v>
      </c>
      <c r="G758" s="5" t="s">
        <v>1521</v>
      </c>
    </row>
    <row r="759" spans="1:7">
      <c r="A759" s="5" t="s">
        <v>7</v>
      </c>
      <c r="B759" s="5">
        <v>758</v>
      </c>
      <c r="C759" s="5" t="s">
        <v>8</v>
      </c>
      <c r="D759" s="5" t="s">
        <v>8</v>
      </c>
      <c r="E759" s="6">
        <v>11001</v>
      </c>
      <c r="F759" s="5" t="s">
        <v>1522</v>
      </c>
      <c r="G759" s="5" t="s">
        <v>1523</v>
      </c>
    </row>
    <row r="760" spans="1:7">
      <c r="A760" s="5" t="s">
        <v>7</v>
      </c>
      <c r="B760" s="5">
        <v>759</v>
      </c>
      <c r="C760" s="5" t="s">
        <v>8</v>
      </c>
      <c r="D760" s="5" t="s">
        <v>8</v>
      </c>
      <c r="E760" s="6">
        <v>11001</v>
      </c>
      <c r="F760" s="5" t="s">
        <v>1524</v>
      </c>
      <c r="G760" s="5" t="s">
        <v>1525</v>
      </c>
    </row>
    <row r="761" spans="1:7">
      <c r="A761" s="5" t="s">
        <v>7</v>
      </c>
      <c r="B761" s="5">
        <v>760</v>
      </c>
      <c r="C761" s="5" t="s">
        <v>8</v>
      </c>
      <c r="D761" s="5" t="s">
        <v>8</v>
      </c>
      <c r="E761" s="6">
        <v>11001</v>
      </c>
      <c r="F761" s="5" t="s">
        <v>1526</v>
      </c>
      <c r="G761" s="5" t="s">
        <v>1527</v>
      </c>
    </row>
    <row r="762" spans="1:7">
      <c r="A762" s="5" t="s">
        <v>7</v>
      </c>
      <c r="B762" s="5">
        <v>761</v>
      </c>
      <c r="C762" s="5" t="s">
        <v>8</v>
      </c>
      <c r="D762" s="5" t="s">
        <v>8</v>
      </c>
      <c r="E762" s="6">
        <v>11001</v>
      </c>
      <c r="F762" s="5" t="s">
        <v>1528</v>
      </c>
      <c r="G762" s="5" t="s">
        <v>1529</v>
      </c>
    </row>
    <row r="763" spans="1:7">
      <c r="A763" s="5" t="s">
        <v>7</v>
      </c>
      <c r="B763" s="5">
        <v>762</v>
      </c>
      <c r="C763" s="5" t="s">
        <v>8</v>
      </c>
      <c r="D763" s="5" t="s">
        <v>8</v>
      </c>
      <c r="E763" s="6">
        <v>11001</v>
      </c>
      <c r="F763" s="5" t="s">
        <v>1530</v>
      </c>
      <c r="G763" s="5" t="s">
        <v>1531</v>
      </c>
    </row>
    <row r="764" spans="1:7">
      <c r="A764" s="5" t="s">
        <v>7</v>
      </c>
      <c r="B764" s="5">
        <v>763</v>
      </c>
      <c r="C764" s="5" t="s">
        <v>8</v>
      </c>
      <c r="D764" s="5" t="s">
        <v>8</v>
      </c>
      <c r="E764" s="6">
        <v>11001</v>
      </c>
      <c r="F764" s="5" t="s">
        <v>1532</v>
      </c>
      <c r="G764" s="5" t="s">
        <v>1533</v>
      </c>
    </row>
    <row r="765" spans="1:7">
      <c r="A765" s="5" t="s">
        <v>7</v>
      </c>
      <c r="B765" s="5">
        <v>764</v>
      </c>
      <c r="C765" s="5" t="s">
        <v>8</v>
      </c>
      <c r="D765" s="5" t="s">
        <v>8</v>
      </c>
      <c r="E765" s="6">
        <v>11001</v>
      </c>
      <c r="F765" s="5" t="s">
        <v>1534</v>
      </c>
      <c r="G765" s="5" t="s">
        <v>1535</v>
      </c>
    </row>
    <row r="766" spans="1:7">
      <c r="A766" s="5" t="s">
        <v>7</v>
      </c>
      <c r="B766" s="5">
        <v>765</v>
      </c>
      <c r="C766" s="5" t="s">
        <v>8</v>
      </c>
      <c r="D766" s="5" t="s">
        <v>8</v>
      </c>
      <c r="E766" s="6">
        <v>11001</v>
      </c>
      <c r="F766" s="5" t="s">
        <v>1536</v>
      </c>
      <c r="G766" s="5" t="s">
        <v>1537</v>
      </c>
    </row>
    <row r="767" spans="1:7">
      <c r="A767" s="5" t="s">
        <v>7</v>
      </c>
      <c r="B767" s="5">
        <v>766</v>
      </c>
      <c r="C767" s="5" t="s">
        <v>8</v>
      </c>
      <c r="D767" s="5" t="s">
        <v>8</v>
      </c>
      <c r="E767" s="6">
        <v>11001</v>
      </c>
      <c r="F767" s="5" t="s">
        <v>1538</v>
      </c>
      <c r="G767" s="5" t="s">
        <v>1539</v>
      </c>
    </row>
    <row r="768" spans="1:7">
      <c r="A768" s="5" t="s">
        <v>7</v>
      </c>
      <c r="B768" s="5">
        <v>767</v>
      </c>
      <c r="C768" s="5" t="s">
        <v>8</v>
      </c>
      <c r="D768" s="5" t="s">
        <v>8</v>
      </c>
      <c r="E768" s="6">
        <v>11001</v>
      </c>
      <c r="F768" s="5" t="s">
        <v>1540</v>
      </c>
      <c r="G768" s="5" t="s">
        <v>1541</v>
      </c>
    </row>
    <row r="769" spans="1:7">
      <c r="A769" s="5" t="s">
        <v>7</v>
      </c>
      <c r="B769" s="5">
        <v>768</v>
      </c>
      <c r="C769" s="5" t="s">
        <v>8</v>
      </c>
      <c r="D769" s="5" t="s">
        <v>8</v>
      </c>
      <c r="E769" s="6">
        <v>11001</v>
      </c>
      <c r="F769" s="5" t="s">
        <v>1542</v>
      </c>
      <c r="G769" s="5" t="s">
        <v>1543</v>
      </c>
    </row>
    <row r="770" spans="1:7">
      <c r="A770" s="5" t="s">
        <v>7</v>
      </c>
      <c r="B770" s="5">
        <v>769</v>
      </c>
      <c r="C770" s="5" t="s">
        <v>8</v>
      </c>
      <c r="D770" s="5" t="s">
        <v>8</v>
      </c>
      <c r="E770" s="6">
        <v>11001</v>
      </c>
      <c r="F770" s="5" t="s">
        <v>1544</v>
      </c>
      <c r="G770" s="5" t="s">
        <v>1545</v>
      </c>
    </row>
    <row r="771" spans="1:7">
      <c r="A771" s="5" t="s">
        <v>7</v>
      </c>
      <c r="B771" s="5">
        <v>770</v>
      </c>
      <c r="C771" s="5" t="s">
        <v>8</v>
      </c>
      <c r="D771" s="5" t="s">
        <v>8</v>
      </c>
      <c r="E771" s="6">
        <v>11001</v>
      </c>
      <c r="F771" s="5" t="s">
        <v>1546</v>
      </c>
      <c r="G771" s="5" t="s">
        <v>1547</v>
      </c>
    </row>
    <row r="772" spans="1:7">
      <c r="A772" s="5" t="s">
        <v>7</v>
      </c>
      <c r="B772" s="5">
        <v>771</v>
      </c>
      <c r="C772" s="5" t="s">
        <v>8</v>
      </c>
      <c r="D772" s="5" t="s">
        <v>8</v>
      </c>
      <c r="E772" s="6">
        <v>11001</v>
      </c>
      <c r="F772" s="5" t="s">
        <v>1548</v>
      </c>
      <c r="G772" s="5" t="s">
        <v>1549</v>
      </c>
    </row>
    <row r="773" spans="1:7">
      <c r="A773" s="5" t="s">
        <v>7</v>
      </c>
      <c r="B773" s="5">
        <v>772</v>
      </c>
      <c r="C773" s="5" t="s">
        <v>8</v>
      </c>
      <c r="D773" s="5" t="s">
        <v>8</v>
      </c>
      <c r="E773" s="6">
        <v>11001</v>
      </c>
      <c r="F773" s="5" t="s">
        <v>1550</v>
      </c>
      <c r="G773" s="5" t="s">
        <v>1551</v>
      </c>
    </row>
    <row r="774" spans="1:7">
      <c r="A774" s="5" t="s">
        <v>7</v>
      </c>
      <c r="B774" s="5">
        <v>773</v>
      </c>
      <c r="C774" s="5" t="s">
        <v>8</v>
      </c>
      <c r="D774" s="5" t="s">
        <v>8</v>
      </c>
      <c r="E774" s="6">
        <v>11001</v>
      </c>
      <c r="F774" s="5" t="s">
        <v>1552</v>
      </c>
      <c r="G774" s="5" t="s">
        <v>1553</v>
      </c>
    </row>
    <row r="775" spans="1:7">
      <c r="A775" s="5" t="s">
        <v>7</v>
      </c>
      <c r="B775" s="5">
        <v>774</v>
      </c>
      <c r="C775" s="5" t="s">
        <v>8</v>
      </c>
      <c r="D775" s="5" t="s">
        <v>8</v>
      </c>
      <c r="E775" s="6">
        <v>11001</v>
      </c>
      <c r="F775" s="5" t="s">
        <v>1554</v>
      </c>
      <c r="G775" s="5" t="s">
        <v>1555</v>
      </c>
    </row>
    <row r="776" spans="1:7">
      <c r="A776" s="5" t="s">
        <v>7</v>
      </c>
      <c r="B776" s="5">
        <v>775</v>
      </c>
      <c r="C776" s="5" t="s">
        <v>8</v>
      </c>
      <c r="D776" s="5" t="s">
        <v>8</v>
      </c>
      <c r="E776" s="6">
        <v>11001</v>
      </c>
      <c r="F776" s="5" t="s">
        <v>1556</v>
      </c>
      <c r="G776" s="5" t="s">
        <v>1557</v>
      </c>
    </row>
    <row r="777" spans="1:7">
      <c r="A777" s="5" t="s">
        <v>7</v>
      </c>
      <c r="B777" s="5">
        <v>776</v>
      </c>
      <c r="C777" s="5" t="s">
        <v>8</v>
      </c>
      <c r="D777" s="5" t="s">
        <v>8</v>
      </c>
      <c r="E777" s="6">
        <v>11001</v>
      </c>
      <c r="F777" s="5" t="s">
        <v>1558</v>
      </c>
      <c r="G777" s="5" t="s">
        <v>1559</v>
      </c>
    </row>
    <row r="778" spans="1:7">
      <c r="A778" s="5" t="s">
        <v>7</v>
      </c>
      <c r="B778" s="5">
        <v>777</v>
      </c>
      <c r="C778" s="5" t="s">
        <v>8</v>
      </c>
      <c r="D778" s="5" t="s">
        <v>8</v>
      </c>
      <c r="E778" s="6">
        <v>11001</v>
      </c>
      <c r="F778" s="5" t="s">
        <v>1560</v>
      </c>
      <c r="G778" s="5" t="s">
        <v>1561</v>
      </c>
    </row>
    <row r="779" spans="1:7">
      <c r="A779" s="5" t="s">
        <v>7</v>
      </c>
      <c r="B779" s="5">
        <v>778</v>
      </c>
      <c r="C779" s="5" t="s">
        <v>8</v>
      </c>
      <c r="D779" s="5" t="s">
        <v>8</v>
      </c>
      <c r="E779" s="6">
        <v>11001</v>
      </c>
      <c r="F779" s="5" t="s">
        <v>1562</v>
      </c>
      <c r="G779" s="5" t="s">
        <v>1563</v>
      </c>
    </row>
    <row r="780" spans="1:7">
      <c r="A780" s="5" t="s">
        <v>7</v>
      </c>
      <c r="B780" s="5">
        <v>779</v>
      </c>
      <c r="C780" s="5" t="s">
        <v>8</v>
      </c>
      <c r="D780" s="5" t="s">
        <v>8</v>
      </c>
      <c r="E780" s="6">
        <v>11001</v>
      </c>
      <c r="F780" s="5" t="s">
        <v>1564</v>
      </c>
      <c r="G780" s="5" t="s">
        <v>1565</v>
      </c>
    </row>
    <row r="781" spans="1:7">
      <c r="A781" s="5" t="s">
        <v>7</v>
      </c>
      <c r="B781" s="5">
        <v>780</v>
      </c>
      <c r="C781" s="5" t="s">
        <v>8</v>
      </c>
      <c r="D781" s="5" t="s">
        <v>8</v>
      </c>
      <c r="E781" s="6">
        <v>11001</v>
      </c>
      <c r="F781" s="5" t="s">
        <v>1566</v>
      </c>
      <c r="G781" s="5" t="s">
        <v>1567</v>
      </c>
    </row>
    <row r="782" spans="1:7">
      <c r="A782" s="5" t="s">
        <v>7</v>
      </c>
      <c r="B782" s="5">
        <v>781</v>
      </c>
      <c r="C782" s="5" t="s">
        <v>8</v>
      </c>
      <c r="D782" s="5" t="s">
        <v>8</v>
      </c>
      <c r="E782" s="6">
        <v>11001</v>
      </c>
      <c r="F782" s="5" t="s">
        <v>1568</v>
      </c>
      <c r="G782" s="5" t="s">
        <v>1569</v>
      </c>
    </row>
    <row r="783" spans="1:7">
      <c r="A783" s="5" t="s">
        <v>7</v>
      </c>
      <c r="B783" s="5">
        <v>782</v>
      </c>
      <c r="C783" s="5" t="s">
        <v>8</v>
      </c>
      <c r="D783" s="5" t="s">
        <v>8</v>
      </c>
      <c r="E783" s="6">
        <v>11001</v>
      </c>
      <c r="F783" s="5" t="s">
        <v>1570</v>
      </c>
      <c r="G783" s="5" t="s">
        <v>1571</v>
      </c>
    </row>
    <row r="784" spans="1:7">
      <c r="A784" s="5" t="s">
        <v>7</v>
      </c>
      <c r="B784" s="5">
        <v>783</v>
      </c>
      <c r="C784" s="5" t="s">
        <v>8</v>
      </c>
      <c r="D784" s="5" t="s">
        <v>8</v>
      </c>
      <c r="E784" s="6">
        <v>11001</v>
      </c>
      <c r="F784" s="5" t="s">
        <v>1572</v>
      </c>
      <c r="G784" s="5" t="s">
        <v>1573</v>
      </c>
    </row>
    <row r="785" spans="1:7">
      <c r="A785" s="5" t="s">
        <v>7</v>
      </c>
      <c r="B785" s="5">
        <v>784</v>
      </c>
      <c r="C785" s="5" t="s">
        <v>8</v>
      </c>
      <c r="D785" s="5" t="s">
        <v>8</v>
      </c>
      <c r="E785" s="6">
        <v>11001</v>
      </c>
      <c r="F785" s="5" t="s">
        <v>1574</v>
      </c>
      <c r="G785" s="5" t="s">
        <v>1575</v>
      </c>
    </row>
    <row r="786" spans="1:7">
      <c r="A786" s="5" t="s">
        <v>7</v>
      </c>
      <c r="B786" s="5">
        <v>785</v>
      </c>
      <c r="C786" s="5" t="s">
        <v>8</v>
      </c>
      <c r="D786" s="5" t="s">
        <v>8</v>
      </c>
      <c r="E786" s="6">
        <v>11001</v>
      </c>
      <c r="F786" s="5" t="s">
        <v>1576</v>
      </c>
      <c r="G786" s="5" t="s">
        <v>1577</v>
      </c>
    </row>
    <row r="787" spans="1:7">
      <c r="A787" s="5" t="s">
        <v>7</v>
      </c>
      <c r="B787" s="5">
        <v>786</v>
      </c>
      <c r="C787" s="5" t="s">
        <v>8</v>
      </c>
      <c r="D787" s="5" t="s">
        <v>8</v>
      </c>
      <c r="E787" s="6">
        <v>11001</v>
      </c>
      <c r="F787" s="5" t="s">
        <v>1578</v>
      </c>
      <c r="G787" s="5" t="s">
        <v>1579</v>
      </c>
    </row>
    <row r="788" spans="1:7">
      <c r="A788" s="5" t="s">
        <v>7</v>
      </c>
      <c r="B788" s="5">
        <v>787</v>
      </c>
      <c r="C788" s="5" t="s">
        <v>8</v>
      </c>
      <c r="D788" s="5" t="s">
        <v>8</v>
      </c>
      <c r="E788" s="6">
        <v>11001</v>
      </c>
      <c r="F788" s="5" t="s">
        <v>1580</v>
      </c>
      <c r="G788" s="5" t="s">
        <v>1581</v>
      </c>
    </row>
    <row r="789" spans="1:7">
      <c r="A789" s="5" t="s">
        <v>7</v>
      </c>
      <c r="B789" s="5">
        <v>788</v>
      </c>
      <c r="C789" s="5" t="s">
        <v>8</v>
      </c>
      <c r="D789" s="5" t="s">
        <v>8</v>
      </c>
      <c r="E789" s="6">
        <v>11001</v>
      </c>
      <c r="F789" s="5" t="s">
        <v>1582</v>
      </c>
      <c r="G789" s="5" t="s">
        <v>1583</v>
      </c>
    </row>
    <row r="790" spans="1:7">
      <c r="A790" s="5" t="s">
        <v>7</v>
      </c>
      <c r="B790" s="5">
        <v>789</v>
      </c>
      <c r="C790" s="5" t="s">
        <v>8</v>
      </c>
      <c r="D790" s="5" t="s">
        <v>8</v>
      </c>
      <c r="E790" s="6">
        <v>11001</v>
      </c>
      <c r="F790" s="5" t="s">
        <v>1584</v>
      </c>
      <c r="G790" s="5" t="s">
        <v>1585</v>
      </c>
    </row>
    <row r="791" spans="1:7">
      <c r="A791" s="5" t="s">
        <v>7</v>
      </c>
      <c r="B791" s="5">
        <v>790</v>
      </c>
      <c r="C791" s="5" t="s">
        <v>8</v>
      </c>
      <c r="D791" s="5" t="s">
        <v>8</v>
      </c>
      <c r="E791" s="6">
        <v>11001</v>
      </c>
      <c r="F791" s="5" t="s">
        <v>1586</v>
      </c>
      <c r="G791" s="5" t="s">
        <v>1587</v>
      </c>
    </row>
    <row r="792" spans="1:7">
      <c r="A792" s="5" t="s">
        <v>7</v>
      </c>
      <c r="B792" s="5">
        <v>791</v>
      </c>
      <c r="C792" s="5" t="s">
        <v>8</v>
      </c>
      <c r="D792" s="5" t="s">
        <v>8</v>
      </c>
      <c r="E792" s="6">
        <v>11001</v>
      </c>
      <c r="F792" s="5" t="s">
        <v>1588</v>
      </c>
      <c r="G792" s="5" t="s">
        <v>1589</v>
      </c>
    </row>
    <row r="793" spans="1:7">
      <c r="A793" s="5" t="s">
        <v>7</v>
      </c>
      <c r="B793" s="5">
        <v>792</v>
      </c>
      <c r="C793" s="5" t="s">
        <v>8</v>
      </c>
      <c r="D793" s="5" t="s">
        <v>8</v>
      </c>
      <c r="E793" s="6">
        <v>11001</v>
      </c>
      <c r="F793" s="5" t="s">
        <v>1590</v>
      </c>
      <c r="G793" s="5" t="s">
        <v>1591</v>
      </c>
    </row>
    <row r="794" spans="1:7">
      <c r="A794" s="5" t="s">
        <v>7</v>
      </c>
      <c r="B794" s="5">
        <v>793</v>
      </c>
      <c r="C794" s="5" t="s">
        <v>8</v>
      </c>
      <c r="D794" s="5" t="s">
        <v>8</v>
      </c>
      <c r="E794" s="6">
        <v>11001</v>
      </c>
      <c r="F794" s="5" t="s">
        <v>1592</v>
      </c>
      <c r="G794" s="5" t="s">
        <v>1593</v>
      </c>
    </row>
    <row r="795" spans="1:7">
      <c r="A795" s="5" t="s">
        <v>7</v>
      </c>
      <c r="B795" s="5">
        <v>794</v>
      </c>
      <c r="C795" s="5" t="s">
        <v>8</v>
      </c>
      <c r="D795" s="5" t="s">
        <v>8</v>
      </c>
      <c r="E795" s="6">
        <v>11001</v>
      </c>
      <c r="F795" s="5" t="s">
        <v>1594</v>
      </c>
      <c r="G795" s="5" t="s">
        <v>1595</v>
      </c>
    </row>
    <row r="796" spans="1:7">
      <c r="A796" s="5" t="s">
        <v>7</v>
      </c>
      <c r="B796" s="5">
        <v>795</v>
      </c>
      <c r="C796" s="5" t="s">
        <v>8</v>
      </c>
      <c r="D796" s="5" t="s">
        <v>8</v>
      </c>
      <c r="E796" s="6">
        <v>11001</v>
      </c>
      <c r="F796" s="5" t="s">
        <v>1596</v>
      </c>
      <c r="G796" s="5" t="s">
        <v>1597</v>
      </c>
    </row>
    <row r="797" spans="1:7">
      <c r="A797" s="5" t="s">
        <v>7</v>
      </c>
      <c r="B797" s="5">
        <v>796</v>
      </c>
      <c r="C797" s="5" t="s">
        <v>8</v>
      </c>
      <c r="D797" s="5" t="s">
        <v>8</v>
      </c>
      <c r="E797" s="6">
        <v>11001</v>
      </c>
      <c r="F797" s="5" t="s">
        <v>1598</v>
      </c>
      <c r="G797" s="5" t="s">
        <v>1599</v>
      </c>
    </row>
    <row r="798" spans="1:7">
      <c r="A798" s="5" t="s">
        <v>7</v>
      </c>
      <c r="B798" s="5">
        <v>797</v>
      </c>
      <c r="C798" s="5" t="s">
        <v>8</v>
      </c>
      <c r="D798" s="5" t="s">
        <v>8</v>
      </c>
      <c r="E798" s="6">
        <v>11001</v>
      </c>
      <c r="F798" s="5" t="s">
        <v>1600</v>
      </c>
      <c r="G798" s="5" t="s">
        <v>1601</v>
      </c>
    </row>
    <row r="799" spans="1:7">
      <c r="A799" s="5" t="s">
        <v>7</v>
      </c>
      <c r="B799" s="5">
        <v>798</v>
      </c>
      <c r="C799" s="5" t="s">
        <v>8</v>
      </c>
      <c r="D799" s="5" t="s">
        <v>8</v>
      </c>
      <c r="E799" s="6">
        <v>11001</v>
      </c>
      <c r="F799" s="5" t="s">
        <v>1602</v>
      </c>
      <c r="G799" s="5" t="s">
        <v>1603</v>
      </c>
    </row>
    <row r="800" spans="1:7">
      <c r="A800" s="5" t="s">
        <v>7</v>
      </c>
      <c r="B800" s="5">
        <v>799</v>
      </c>
      <c r="C800" s="5" t="s">
        <v>8</v>
      </c>
      <c r="D800" s="5" t="s">
        <v>8</v>
      </c>
      <c r="E800" s="6">
        <v>11001</v>
      </c>
      <c r="F800" s="5" t="s">
        <v>1604</v>
      </c>
      <c r="G800" s="5" t="s">
        <v>1605</v>
      </c>
    </row>
    <row r="801" spans="1:7">
      <c r="A801" s="5" t="s">
        <v>7</v>
      </c>
      <c r="B801" s="5">
        <v>800</v>
      </c>
      <c r="C801" s="5" t="s">
        <v>8</v>
      </c>
      <c r="D801" s="5" t="s">
        <v>8</v>
      </c>
      <c r="E801" s="6">
        <v>11001</v>
      </c>
      <c r="F801" s="5" t="s">
        <v>1606</v>
      </c>
      <c r="G801" s="5" t="s">
        <v>1607</v>
      </c>
    </row>
    <row r="802" spans="1:7">
      <c r="A802" s="5" t="s">
        <v>7</v>
      </c>
      <c r="B802" s="5">
        <v>801</v>
      </c>
      <c r="C802" s="5" t="s">
        <v>8</v>
      </c>
      <c r="D802" s="5" t="s">
        <v>8</v>
      </c>
      <c r="E802" s="6">
        <v>11001</v>
      </c>
      <c r="F802" s="5" t="s">
        <v>1608</v>
      </c>
      <c r="G802" s="5" t="s">
        <v>1609</v>
      </c>
    </row>
    <row r="803" spans="1:7">
      <c r="A803" s="5" t="s">
        <v>7</v>
      </c>
      <c r="B803" s="5">
        <v>802</v>
      </c>
      <c r="C803" s="5" t="s">
        <v>8</v>
      </c>
      <c r="D803" s="5" t="s">
        <v>8</v>
      </c>
      <c r="E803" s="6">
        <v>11001</v>
      </c>
      <c r="F803" s="5" t="s">
        <v>1610</v>
      </c>
      <c r="G803" s="5" t="s">
        <v>1611</v>
      </c>
    </row>
    <row r="804" spans="1:7">
      <c r="A804" s="5" t="s">
        <v>7</v>
      </c>
      <c r="B804" s="5">
        <v>803</v>
      </c>
      <c r="C804" s="5" t="s">
        <v>8</v>
      </c>
      <c r="D804" s="5" t="s">
        <v>8</v>
      </c>
      <c r="E804" s="6">
        <v>11001</v>
      </c>
      <c r="F804" s="5" t="s">
        <v>1612</v>
      </c>
      <c r="G804" s="5" t="s">
        <v>1613</v>
      </c>
    </row>
    <row r="805" spans="1:7">
      <c r="A805" s="5" t="s">
        <v>7</v>
      </c>
      <c r="B805" s="5">
        <v>804</v>
      </c>
      <c r="C805" s="5" t="s">
        <v>8</v>
      </c>
      <c r="D805" s="5" t="s">
        <v>8</v>
      </c>
      <c r="E805" s="6">
        <v>11001</v>
      </c>
      <c r="F805" s="5" t="s">
        <v>1614</v>
      </c>
      <c r="G805" s="5" t="s">
        <v>1615</v>
      </c>
    </row>
    <row r="806" spans="1:7">
      <c r="A806" s="5" t="s">
        <v>7</v>
      </c>
      <c r="B806" s="5">
        <v>805</v>
      </c>
      <c r="C806" s="5" t="s">
        <v>8</v>
      </c>
      <c r="D806" s="5" t="s">
        <v>8</v>
      </c>
      <c r="E806" s="6">
        <v>11001</v>
      </c>
      <c r="F806" s="5" t="s">
        <v>1616</v>
      </c>
      <c r="G806" s="5" t="s">
        <v>1617</v>
      </c>
    </row>
    <row r="807" spans="1:7">
      <c r="A807" s="5" t="s">
        <v>7</v>
      </c>
      <c r="B807" s="5">
        <v>806</v>
      </c>
      <c r="C807" s="5" t="s">
        <v>8</v>
      </c>
      <c r="D807" s="5" t="s">
        <v>8</v>
      </c>
      <c r="E807" s="6">
        <v>11001</v>
      </c>
      <c r="F807" s="5" t="s">
        <v>1618</v>
      </c>
      <c r="G807" s="5" t="s">
        <v>1619</v>
      </c>
    </row>
    <row r="808" spans="1:7">
      <c r="A808" s="5" t="s">
        <v>7</v>
      </c>
      <c r="B808" s="5">
        <v>807</v>
      </c>
      <c r="C808" s="5" t="s">
        <v>8</v>
      </c>
      <c r="D808" s="5" t="s">
        <v>8</v>
      </c>
      <c r="E808" s="6">
        <v>11001</v>
      </c>
      <c r="F808" s="5" t="s">
        <v>1620</v>
      </c>
      <c r="G808" s="5" t="s">
        <v>1621</v>
      </c>
    </row>
    <row r="809" spans="1:7">
      <c r="A809" s="5" t="s">
        <v>7</v>
      </c>
      <c r="B809" s="5">
        <v>808</v>
      </c>
      <c r="C809" s="5" t="s">
        <v>8</v>
      </c>
      <c r="D809" s="5" t="s">
        <v>8</v>
      </c>
      <c r="E809" s="6">
        <v>11001</v>
      </c>
      <c r="F809" s="5" t="s">
        <v>1622</v>
      </c>
      <c r="G809" s="5" t="s">
        <v>1623</v>
      </c>
    </row>
    <row r="810" spans="1:7">
      <c r="A810" s="5" t="s">
        <v>7</v>
      </c>
      <c r="B810" s="5">
        <v>809</v>
      </c>
      <c r="C810" s="5" t="s">
        <v>8</v>
      </c>
      <c r="D810" s="5" t="s">
        <v>8</v>
      </c>
      <c r="E810" s="6">
        <v>11001</v>
      </c>
      <c r="F810" s="5" t="s">
        <v>1624</v>
      </c>
      <c r="G810" s="5" t="s">
        <v>1625</v>
      </c>
    </row>
    <row r="811" spans="1:7">
      <c r="A811" s="5" t="s">
        <v>7</v>
      </c>
      <c r="B811" s="5">
        <v>810</v>
      </c>
      <c r="C811" s="5" t="s">
        <v>8</v>
      </c>
      <c r="D811" s="5" t="s">
        <v>8</v>
      </c>
      <c r="E811" s="6">
        <v>11001</v>
      </c>
      <c r="F811" s="5" t="s">
        <v>1626</v>
      </c>
      <c r="G811" s="5" t="s">
        <v>1627</v>
      </c>
    </row>
    <row r="812" spans="1:7">
      <c r="A812" s="5" t="s">
        <v>7</v>
      </c>
      <c r="B812" s="5">
        <v>811</v>
      </c>
      <c r="C812" s="5" t="s">
        <v>8</v>
      </c>
      <c r="D812" s="5" t="s">
        <v>8</v>
      </c>
      <c r="E812" s="6">
        <v>11001</v>
      </c>
      <c r="F812" s="5" t="s">
        <v>1628</v>
      </c>
      <c r="G812" s="5" t="s">
        <v>1629</v>
      </c>
    </row>
    <row r="813" spans="1:7">
      <c r="A813" s="5" t="s">
        <v>7</v>
      </c>
      <c r="B813" s="5">
        <v>812</v>
      </c>
      <c r="C813" s="5" t="s">
        <v>8</v>
      </c>
      <c r="D813" s="5" t="s">
        <v>8</v>
      </c>
      <c r="E813" s="6">
        <v>11001</v>
      </c>
      <c r="F813" s="5" t="s">
        <v>1630</v>
      </c>
      <c r="G813" s="5" t="s">
        <v>1631</v>
      </c>
    </row>
    <row r="814" spans="1:7">
      <c r="A814" s="5" t="s">
        <v>7</v>
      </c>
      <c r="B814" s="5">
        <v>813</v>
      </c>
      <c r="C814" s="5" t="s">
        <v>8</v>
      </c>
      <c r="D814" s="5" t="s">
        <v>8</v>
      </c>
      <c r="E814" s="6">
        <v>11001</v>
      </c>
      <c r="F814" s="5" t="s">
        <v>1632</v>
      </c>
      <c r="G814" s="5" t="s">
        <v>1633</v>
      </c>
    </row>
    <row r="815" spans="1:7">
      <c r="A815" s="5" t="s">
        <v>7</v>
      </c>
      <c r="B815" s="5">
        <v>814</v>
      </c>
      <c r="C815" s="5" t="s">
        <v>8</v>
      </c>
      <c r="D815" s="5" t="s">
        <v>8</v>
      </c>
      <c r="E815" s="6">
        <v>11001</v>
      </c>
      <c r="F815" s="5" t="s">
        <v>1634</v>
      </c>
      <c r="G815" s="5" t="s">
        <v>1635</v>
      </c>
    </row>
    <row r="816" spans="1:7">
      <c r="A816" s="5" t="s">
        <v>7</v>
      </c>
      <c r="B816" s="5">
        <v>815</v>
      </c>
      <c r="C816" s="5" t="s">
        <v>8</v>
      </c>
      <c r="D816" s="5" t="s">
        <v>8</v>
      </c>
      <c r="E816" s="6">
        <v>11001</v>
      </c>
      <c r="F816" s="5" t="s">
        <v>1636</v>
      </c>
      <c r="G816" s="5" t="s">
        <v>1637</v>
      </c>
    </row>
    <row r="817" spans="1:7">
      <c r="A817" s="5" t="s">
        <v>7</v>
      </c>
      <c r="B817" s="5">
        <v>816</v>
      </c>
      <c r="C817" s="5" t="s">
        <v>8</v>
      </c>
      <c r="D817" s="5" t="s">
        <v>8</v>
      </c>
      <c r="E817" s="6">
        <v>11001</v>
      </c>
      <c r="F817" s="5" t="s">
        <v>1638</v>
      </c>
      <c r="G817" s="5" t="s">
        <v>1639</v>
      </c>
    </row>
    <row r="818" spans="1:7">
      <c r="A818" s="5" t="s">
        <v>7</v>
      </c>
      <c r="B818" s="5">
        <v>817</v>
      </c>
      <c r="C818" s="5" t="s">
        <v>8</v>
      </c>
      <c r="D818" s="5" t="s">
        <v>8</v>
      </c>
      <c r="E818" s="6">
        <v>11001</v>
      </c>
      <c r="F818" s="5" t="s">
        <v>1640</v>
      </c>
      <c r="G818" s="5" t="s">
        <v>1641</v>
      </c>
    </row>
    <row r="819" spans="1:7">
      <c r="A819" s="5" t="s">
        <v>7</v>
      </c>
      <c r="B819" s="5">
        <v>818</v>
      </c>
      <c r="C819" s="5" t="s">
        <v>8</v>
      </c>
      <c r="D819" s="5" t="s">
        <v>8</v>
      </c>
      <c r="E819" s="6">
        <v>11001</v>
      </c>
      <c r="F819" s="5" t="s">
        <v>1642</v>
      </c>
      <c r="G819" s="5" t="s">
        <v>1643</v>
      </c>
    </row>
    <row r="820" spans="1:7">
      <c r="A820" s="5" t="s">
        <v>7</v>
      </c>
      <c r="B820" s="5">
        <v>819</v>
      </c>
      <c r="C820" s="5" t="s">
        <v>8</v>
      </c>
      <c r="D820" s="5" t="s">
        <v>8</v>
      </c>
      <c r="E820" s="6">
        <v>11001</v>
      </c>
      <c r="F820" s="5" t="s">
        <v>1644</v>
      </c>
      <c r="G820" s="5" t="s">
        <v>1645</v>
      </c>
    </row>
    <row r="821" spans="1:7">
      <c r="A821" s="5" t="s">
        <v>7</v>
      </c>
      <c r="B821" s="5">
        <v>820</v>
      </c>
      <c r="C821" s="5" t="s">
        <v>8</v>
      </c>
      <c r="D821" s="5" t="s">
        <v>8</v>
      </c>
      <c r="E821" s="6">
        <v>11001</v>
      </c>
      <c r="F821" s="5" t="s">
        <v>1646</v>
      </c>
      <c r="G821" s="5" t="s">
        <v>1647</v>
      </c>
    </row>
    <row r="822" spans="1:7">
      <c r="A822" s="5" t="s">
        <v>7</v>
      </c>
      <c r="B822" s="5">
        <v>821</v>
      </c>
      <c r="C822" s="5" t="s">
        <v>8</v>
      </c>
      <c r="D822" s="5" t="s">
        <v>8</v>
      </c>
      <c r="E822" s="6">
        <v>11001</v>
      </c>
      <c r="F822" s="5" t="s">
        <v>1648</v>
      </c>
      <c r="G822" s="5" t="s">
        <v>1649</v>
      </c>
    </row>
    <row r="823" spans="1:7">
      <c r="A823" s="5" t="s">
        <v>7</v>
      </c>
      <c r="B823" s="5">
        <v>822</v>
      </c>
      <c r="C823" s="5" t="s">
        <v>8</v>
      </c>
      <c r="D823" s="5" t="s">
        <v>8</v>
      </c>
      <c r="E823" s="6">
        <v>11001</v>
      </c>
      <c r="F823" s="5" t="s">
        <v>1650</v>
      </c>
      <c r="G823" s="5" t="s">
        <v>1651</v>
      </c>
    </row>
    <row r="824" spans="1:7">
      <c r="A824" s="5" t="s">
        <v>7</v>
      </c>
      <c r="B824" s="5">
        <v>823</v>
      </c>
      <c r="C824" s="5" t="s">
        <v>8</v>
      </c>
      <c r="D824" s="5" t="s">
        <v>8</v>
      </c>
      <c r="E824" s="6">
        <v>11001</v>
      </c>
      <c r="F824" s="5" t="s">
        <v>1652</v>
      </c>
      <c r="G824" s="5" t="s">
        <v>1653</v>
      </c>
    </row>
    <row r="825" spans="1:7">
      <c r="A825" s="5" t="s">
        <v>7</v>
      </c>
      <c r="B825" s="5">
        <v>824</v>
      </c>
      <c r="C825" s="5" t="s">
        <v>8</v>
      </c>
      <c r="D825" s="5" t="s">
        <v>8</v>
      </c>
      <c r="E825" s="6">
        <v>11001</v>
      </c>
      <c r="F825" s="5" t="s">
        <v>1654</v>
      </c>
      <c r="G825" s="5" t="s">
        <v>1655</v>
      </c>
    </row>
    <row r="826" spans="1:7">
      <c r="A826" s="5" t="s">
        <v>7</v>
      </c>
      <c r="B826" s="5">
        <v>825</v>
      </c>
      <c r="C826" s="5" t="s">
        <v>8</v>
      </c>
      <c r="D826" s="5" t="s">
        <v>8</v>
      </c>
      <c r="E826" s="6">
        <v>11001</v>
      </c>
      <c r="F826" s="5" t="s">
        <v>1656</v>
      </c>
      <c r="G826" s="5" t="s">
        <v>1657</v>
      </c>
    </row>
    <row r="827" spans="1:7">
      <c r="A827" s="5" t="s">
        <v>7</v>
      </c>
      <c r="B827" s="5">
        <v>826</v>
      </c>
      <c r="C827" s="5" t="s">
        <v>8</v>
      </c>
      <c r="D827" s="5" t="s">
        <v>8</v>
      </c>
      <c r="E827" s="6">
        <v>11001</v>
      </c>
      <c r="F827" s="5" t="s">
        <v>1658</v>
      </c>
      <c r="G827" s="5" t="s">
        <v>1659</v>
      </c>
    </row>
    <row r="828" spans="1:7">
      <c r="A828" s="5" t="s">
        <v>7</v>
      </c>
      <c r="B828" s="5">
        <v>827</v>
      </c>
      <c r="C828" s="5" t="s">
        <v>8</v>
      </c>
      <c r="D828" s="5" t="s">
        <v>8</v>
      </c>
      <c r="E828" s="6">
        <v>11001</v>
      </c>
      <c r="F828" s="5" t="s">
        <v>1660</v>
      </c>
      <c r="G828" s="5" t="s">
        <v>1661</v>
      </c>
    </row>
    <row r="829" spans="1:7">
      <c r="A829" s="5" t="s">
        <v>7</v>
      </c>
      <c r="B829" s="5">
        <v>828</v>
      </c>
      <c r="C829" s="5" t="s">
        <v>8</v>
      </c>
      <c r="D829" s="5" t="s">
        <v>8</v>
      </c>
      <c r="E829" s="6">
        <v>11001</v>
      </c>
      <c r="F829" s="5" t="s">
        <v>1662</v>
      </c>
      <c r="G829" s="5" t="s">
        <v>1663</v>
      </c>
    </row>
    <row r="830" spans="1:7">
      <c r="A830" s="5" t="s">
        <v>7</v>
      </c>
      <c r="B830" s="5">
        <v>829</v>
      </c>
      <c r="C830" s="5" t="s">
        <v>8</v>
      </c>
      <c r="D830" s="5" t="s">
        <v>8</v>
      </c>
      <c r="E830" s="6">
        <v>11001</v>
      </c>
      <c r="F830" s="5" t="s">
        <v>1664</v>
      </c>
      <c r="G830" s="5" t="s">
        <v>1665</v>
      </c>
    </row>
    <row r="831" spans="1:7">
      <c r="A831" s="5" t="s">
        <v>7</v>
      </c>
      <c r="B831" s="5">
        <v>830</v>
      </c>
      <c r="C831" s="5" t="s">
        <v>8</v>
      </c>
      <c r="D831" s="5" t="s">
        <v>8</v>
      </c>
      <c r="E831" s="6">
        <v>11001</v>
      </c>
      <c r="F831" s="5" t="s">
        <v>1666</v>
      </c>
      <c r="G831" s="5" t="s">
        <v>1667</v>
      </c>
    </row>
    <row r="832" spans="1:7">
      <c r="A832" s="5" t="s">
        <v>7</v>
      </c>
      <c r="B832" s="5">
        <v>831</v>
      </c>
      <c r="C832" s="5" t="s">
        <v>8</v>
      </c>
      <c r="D832" s="5" t="s">
        <v>8</v>
      </c>
      <c r="E832" s="6">
        <v>11001</v>
      </c>
      <c r="F832" s="5" t="s">
        <v>1668</v>
      </c>
      <c r="G832" s="5" t="s">
        <v>1669</v>
      </c>
    </row>
    <row r="833" spans="1:7">
      <c r="A833" s="5" t="s">
        <v>7</v>
      </c>
      <c r="B833" s="5">
        <v>832</v>
      </c>
      <c r="C833" s="5" t="s">
        <v>8</v>
      </c>
      <c r="D833" s="5" t="s">
        <v>8</v>
      </c>
      <c r="E833" s="6">
        <v>11001</v>
      </c>
      <c r="F833" s="5" t="s">
        <v>1670</v>
      </c>
      <c r="G833" s="5" t="s">
        <v>1671</v>
      </c>
    </row>
    <row r="834" spans="1:7">
      <c r="A834" s="5" t="s">
        <v>7</v>
      </c>
      <c r="B834" s="5">
        <v>833</v>
      </c>
      <c r="C834" s="5" t="s">
        <v>8</v>
      </c>
      <c r="D834" s="5" t="s">
        <v>8</v>
      </c>
      <c r="E834" s="6">
        <v>11001</v>
      </c>
      <c r="F834" s="5" t="s">
        <v>1672</v>
      </c>
      <c r="G834" s="5" t="s">
        <v>1673</v>
      </c>
    </row>
    <row r="835" spans="1:7">
      <c r="A835" s="5" t="s">
        <v>7</v>
      </c>
      <c r="B835" s="5">
        <v>834</v>
      </c>
      <c r="C835" s="5" t="s">
        <v>8</v>
      </c>
      <c r="D835" s="5" t="s">
        <v>8</v>
      </c>
      <c r="E835" s="6">
        <v>11001</v>
      </c>
      <c r="F835" s="5" t="s">
        <v>1296</v>
      </c>
      <c r="G835" s="5" t="s">
        <v>1297</v>
      </c>
    </row>
    <row r="836" spans="1:7">
      <c r="A836" s="5" t="s">
        <v>7</v>
      </c>
      <c r="B836" s="5">
        <v>835</v>
      </c>
      <c r="C836" s="5" t="s">
        <v>8</v>
      </c>
      <c r="D836" s="5" t="s">
        <v>8</v>
      </c>
      <c r="E836" s="6">
        <v>11001</v>
      </c>
      <c r="F836" s="5" t="s">
        <v>1674</v>
      </c>
      <c r="G836" s="5" t="s">
        <v>1675</v>
      </c>
    </row>
    <row r="837" spans="1:7">
      <c r="A837" s="5" t="s">
        <v>7</v>
      </c>
      <c r="B837" s="5">
        <v>836</v>
      </c>
      <c r="C837" s="5" t="s">
        <v>8</v>
      </c>
      <c r="D837" s="5" t="s">
        <v>8</v>
      </c>
      <c r="E837" s="6">
        <v>11001</v>
      </c>
      <c r="F837" s="5" t="s">
        <v>1676</v>
      </c>
      <c r="G837" s="5" t="s">
        <v>1677</v>
      </c>
    </row>
    <row r="838" spans="1:7">
      <c r="A838" s="5" t="s">
        <v>7</v>
      </c>
      <c r="B838" s="5">
        <v>837</v>
      </c>
      <c r="C838" s="5" t="s">
        <v>8</v>
      </c>
      <c r="D838" s="5" t="s">
        <v>8</v>
      </c>
      <c r="E838" s="6">
        <v>11001</v>
      </c>
      <c r="F838" s="5" t="s">
        <v>1678</v>
      </c>
      <c r="G838" s="5" t="s">
        <v>1679</v>
      </c>
    </row>
    <row r="839" spans="1:7">
      <c r="A839" s="5" t="s">
        <v>7</v>
      </c>
      <c r="B839" s="5">
        <v>838</v>
      </c>
      <c r="C839" s="5" t="s">
        <v>8</v>
      </c>
      <c r="D839" s="5" t="s">
        <v>8</v>
      </c>
      <c r="E839" s="6">
        <v>11001</v>
      </c>
      <c r="F839" s="5" t="s">
        <v>1680</v>
      </c>
      <c r="G839" s="5" t="s">
        <v>1681</v>
      </c>
    </row>
    <row r="840" spans="1:7">
      <c r="A840" s="5" t="s">
        <v>7</v>
      </c>
      <c r="B840" s="5">
        <v>839</v>
      </c>
      <c r="C840" s="5" t="s">
        <v>8</v>
      </c>
      <c r="D840" s="5" t="s">
        <v>8</v>
      </c>
      <c r="E840" s="6">
        <v>11001</v>
      </c>
      <c r="F840" s="5" t="s">
        <v>1682</v>
      </c>
      <c r="G840" s="5" t="s">
        <v>1683</v>
      </c>
    </row>
    <row r="841" spans="1:7">
      <c r="A841" s="5" t="s">
        <v>7</v>
      </c>
      <c r="B841" s="5">
        <v>840</v>
      </c>
      <c r="C841" s="5" t="s">
        <v>8</v>
      </c>
      <c r="D841" s="5" t="s">
        <v>8</v>
      </c>
      <c r="E841" s="6">
        <v>11001</v>
      </c>
      <c r="F841" s="5" t="s">
        <v>1684</v>
      </c>
      <c r="G841" s="5" t="s">
        <v>1685</v>
      </c>
    </row>
    <row r="842" spans="1:7">
      <c r="A842" s="5" t="s">
        <v>7</v>
      </c>
      <c r="B842" s="5">
        <v>841</v>
      </c>
      <c r="C842" s="5" t="s">
        <v>8</v>
      </c>
      <c r="D842" s="5" t="s">
        <v>8</v>
      </c>
      <c r="E842" s="6">
        <v>11001</v>
      </c>
      <c r="F842" s="5" t="s">
        <v>1686</v>
      </c>
      <c r="G842" s="5" t="s">
        <v>1687</v>
      </c>
    </row>
    <row r="843" spans="1:7">
      <c r="A843" s="5" t="s">
        <v>7</v>
      </c>
      <c r="B843" s="5">
        <v>842</v>
      </c>
      <c r="C843" s="5" t="s">
        <v>8</v>
      </c>
      <c r="D843" s="5" t="s">
        <v>8</v>
      </c>
      <c r="E843" s="6">
        <v>11001</v>
      </c>
      <c r="F843" s="5" t="s">
        <v>1688</v>
      </c>
      <c r="G843" s="5" t="s">
        <v>1689</v>
      </c>
    </row>
    <row r="844" spans="1:7">
      <c r="A844" s="5" t="s">
        <v>7</v>
      </c>
      <c r="B844" s="5">
        <v>843</v>
      </c>
      <c r="C844" s="5" t="s">
        <v>8</v>
      </c>
      <c r="D844" s="5" t="s">
        <v>8</v>
      </c>
      <c r="E844" s="6">
        <v>11001</v>
      </c>
      <c r="F844" s="5" t="s">
        <v>1690</v>
      </c>
      <c r="G844" s="5" t="s">
        <v>1691</v>
      </c>
    </row>
    <row r="845" spans="1:7">
      <c r="A845" s="5" t="s">
        <v>7</v>
      </c>
      <c r="B845" s="5">
        <v>844</v>
      </c>
      <c r="C845" s="5" t="s">
        <v>8</v>
      </c>
      <c r="D845" s="5" t="s">
        <v>8</v>
      </c>
      <c r="E845" s="6">
        <v>11001</v>
      </c>
      <c r="F845" s="5" t="s">
        <v>1692</v>
      </c>
      <c r="G845" s="5" t="s">
        <v>1693</v>
      </c>
    </row>
    <row r="846" spans="1:7">
      <c r="A846" s="5" t="s">
        <v>7</v>
      </c>
      <c r="B846" s="5">
        <v>845</v>
      </c>
      <c r="C846" s="5" t="s">
        <v>8</v>
      </c>
      <c r="D846" s="5" t="s">
        <v>8</v>
      </c>
      <c r="E846" s="6">
        <v>11001</v>
      </c>
      <c r="F846" s="5" t="s">
        <v>1694</v>
      </c>
      <c r="G846" s="5" t="s">
        <v>1695</v>
      </c>
    </row>
    <row r="847" spans="1:7">
      <c r="A847" s="5" t="s">
        <v>7</v>
      </c>
      <c r="B847" s="5">
        <v>846</v>
      </c>
      <c r="C847" s="5" t="s">
        <v>8</v>
      </c>
      <c r="D847" s="5" t="s">
        <v>8</v>
      </c>
      <c r="E847" s="6">
        <v>11001</v>
      </c>
      <c r="F847" s="5" t="s">
        <v>1696</v>
      </c>
      <c r="G847" s="5" t="s">
        <v>1697</v>
      </c>
    </row>
    <row r="848" spans="1:7">
      <c r="A848" s="5" t="s">
        <v>7</v>
      </c>
      <c r="B848" s="5">
        <v>847</v>
      </c>
      <c r="C848" s="5" t="s">
        <v>8</v>
      </c>
      <c r="D848" s="5" t="s">
        <v>8</v>
      </c>
      <c r="E848" s="6">
        <v>11001</v>
      </c>
      <c r="F848" s="5" t="s">
        <v>1698</v>
      </c>
      <c r="G848" s="5" t="s">
        <v>1699</v>
      </c>
    </row>
    <row r="849" spans="1:7">
      <c r="A849" s="5" t="s">
        <v>7</v>
      </c>
      <c r="B849" s="5">
        <v>848</v>
      </c>
      <c r="C849" s="5" t="s">
        <v>8</v>
      </c>
      <c r="D849" s="5" t="s">
        <v>8</v>
      </c>
      <c r="E849" s="6">
        <v>11001</v>
      </c>
      <c r="F849" s="5" t="s">
        <v>1700</v>
      </c>
      <c r="G849" s="5" t="s">
        <v>1701</v>
      </c>
    </row>
    <row r="850" spans="1:7">
      <c r="A850" s="5" t="s">
        <v>7</v>
      </c>
      <c r="B850" s="5">
        <v>849</v>
      </c>
      <c r="C850" s="5" t="s">
        <v>8</v>
      </c>
      <c r="D850" s="5" t="s">
        <v>8</v>
      </c>
      <c r="E850" s="6">
        <v>11001</v>
      </c>
      <c r="F850" s="5" t="s">
        <v>1702</v>
      </c>
      <c r="G850" s="5" t="s">
        <v>1703</v>
      </c>
    </row>
    <row r="851" spans="1:7">
      <c r="A851" s="5" t="s">
        <v>7</v>
      </c>
      <c r="B851" s="5">
        <v>850</v>
      </c>
      <c r="C851" s="5" t="s">
        <v>8</v>
      </c>
      <c r="D851" s="5" t="s">
        <v>8</v>
      </c>
      <c r="E851" s="6">
        <v>11001</v>
      </c>
      <c r="F851" s="5" t="s">
        <v>1704</v>
      </c>
      <c r="G851" s="5" t="s">
        <v>1705</v>
      </c>
    </row>
    <row r="852" spans="1:7">
      <c r="A852" s="5" t="s">
        <v>7</v>
      </c>
      <c r="B852" s="5">
        <v>851</v>
      </c>
      <c r="C852" s="5" t="s">
        <v>8</v>
      </c>
      <c r="D852" s="5" t="s">
        <v>8</v>
      </c>
      <c r="E852" s="6">
        <v>11001</v>
      </c>
      <c r="F852" s="5" t="s">
        <v>1706</v>
      </c>
      <c r="G852" s="5" t="s">
        <v>1707</v>
      </c>
    </row>
    <row r="853" spans="1:7">
      <c r="A853" s="5" t="s">
        <v>7</v>
      </c>
      <c r="B853" s="5">
        <v>852</v>
      </c>
      <c r="C853" s="5" t="s">
        <v>8</v>
      </c>
      <c r="D853" s="5" t="s">
        <v>8</v>
      </c>
      <c r="E853" s="6">
        <v>11001</v>
      </c>
      <c r="F853" s="5" t="s">
        <v>1708</v>
      </c>
      <c r="G853" s="5" t="s">
        <v>1709</v>
      </c>
    </row>
    <row r="854" spans="1:7">
      <c r="A854" s="5" t="s">
        <v>7</v>
      </c>
      <c r="B854" s="5">
        <v>853</v>
      </c>
      <c r="C854" s="5" t="s">
        <v>8</v>
      </c>
      <c r="D854" s="5" t="s">
        <v>8</v>
      </c>
      <c r="E854" s="6">
        <v>11001</v>
      </c>
      <c r="F854" s="5" t="s">
        <v>1710</v>
      </c>
      <c r="G854" s="5" t="s">
        <v>1711</v>
      </c>
    </row>
    <row r="855" spans="1:7">
      <c r="A855" s="5" t="s">
        <v>7</v>
      </c>
      <c r="B855" s="5">
        <v>854</v>
      </c>
      <c r="C855" s="5" t="s">
        <v>8</v>
      </c>
      <c r="D855" s="5" t="s">
        <v>8</v>
      </c>
      <c r="E855" s="6">
        <v>11001</v>
      </c>
      <c r="F855" s="5" t="s">
        <v>1712</v>
      </c>
      <c r="G855" s="5" t="s">
        <v>1713</v>
      </c>
    </row>
    <row r="856" spans="1:7">
      <c r="A856" s="5" t="s">
        <v>7</v>
      </c>
      <c r="B856" s="5">
        <v>855</v>
      </c>
      <c r="C856" s="5" t="s">
        <v>8</v>
      </c>
      <c r="D856" s="5" t="s">
        <v>8</v>
      </c>
      <c r="E856" s="6">
        <v>11001</v>
      </c>
      <c r="F856" s="5" t="s">
        <v>1714</v>
      </c>
      <c r="G856" s="5" t="s">
        <v>1715</v>
      </c>
    </row>
    <row r="857" spans="1:7">
      <c r="A857" s="5" t="s">
        <v>7</v>
      </c>
      <c r="B857" s="5">
        <v>856</v>
      </c>
      <c r="C857" s="5" t="s">
        <v>8</v>
      </c>
      <c r="D857" s="5" t="s">
        <v>8</v>
      </c>
      <c r="E857" s="6">
        <v>11001</v>
      </c>
      <c r="F857" s="5" t="s">
        <v>1716</v>
      </c>
      <c r="G857" s="5" t="s">
        <v>1717</v>
      </c>
    </row>
    <row r="858" spans="1:7">
      <c r="A858" s="5" t="s">
        <v>7</v>
      </c>
      <c r="B858" s="5">
        <v>857</v>
      </c>
      <c r="C858" s="5" t="s">
        <v>8</v>
      </c>
      <c r="D858" s="5" t="s">
        <v>8</v>
      </c>
      <c r="E858" s="6">
        <v>11001</v>
      </c>
      <c r="F858" s="5" t="s">
        <v>1718</v>
      </c>
      <c r="G858" s="5" t="s">
        <v>1719</v>
      </c>
    </row>
    <row r="859" spans="1:7">
      <c r="A859" s="5" t="s">
        <v>7</v>
      </c>
      <c r="B859" s="5">
        <v>858</v>
      </c>
      <c r="C859" s="5" t="s">
        <v>8</v>
      </c>
      <c r="D859" s="5" t="s">
        <v>8</v>
      </c>
      <c r="E859" s="6">
        <v>11001</v>
      </c>
      <c r="F859" s="5" t="s">
        <v>1720</v>
      </c>
      <c r="G859" s="5" t="s">
        <v>1721</v>
      </c>
    </row>
    <row r="860" spans="1:7">
      <c r="A860" s="5" t="s">
        <v>7</v>
      </c>
      <c r="B860" s="5">
        <v>859</v>
      </c>
      <c r="C860" s="5" t="s">
        <v>8</v>
      </c>
      <c r="D860" s="5" t="s">
        <v>8</v>
      </c>
      <c r="E860" s="6">
        <v>11001</v>
      </c>
      <c r="F860" s="5" t="s">
        <v>1722</v>
      </c>
      <c r="G860" s="5" t="s">
        <v>1723</v>
      </c>
    </row>
    <row r="861" spans="1:7">
      <c r="A861" s="5" t="s">
        <v>7</v>
      </c>
      <c r="B861" s="5">
        <v>860</v>
      </c>
      <c r="C861" s="5" t="s">
        <v>8</v>
      </c>
      <c r="D861" s="5" t="s">
        <v>8</v>
      </c>
      <c r="E861" s="6">
        <v>11001</v>
      </c>
      <c r="F861" s="5" t="s">
        <v>1724</v>
      </c>
      <c r="G861" s="5" t="s">
        <v>1725</v>
      </c>
    </row>
    <row r="862" spans="1:7">
      <c r="A862" s="5" t="s">
        <v>7</v>
      </c>
      <c r="B862" s="5">
        <v>861</v>
      </c>
      <c r="C862" s="5" t="s">
        <v>8</v>
      </c>
      <c r="D862" s="5" t="s">
        <v>8</v>
      </c>
      <c r="E862" s="6">
        <v>11001</v>
      </c>
      <c r="F862" s="5" t="s">
        <v>1726</v>
      </c>
      <c r="G862" s="5" t="s">
        <v>1727</v>
      </c>
    </row>
    <row r="863" spans="1:7">
      <c r="A863" s="5" t="s">
        <v>7</v>
      </c>
      <c r="B863" s="5">
        <v>862</v>
      </c>
      <c r="C863" s="5" t="s">
        <v>8</v>
      </c>
      <c r="D863" s="5" t="s">
        <v>8</v>
      </c>
      <c r="E863" s="6">
        <v>11001</v>
      </c>
      <c r="F863" s="5" t="s">
        <v>1728</v>
      </c>
      <c r="G863" s="5" t="s">
        <v>1729</v>
      </c>
    </row>
    <row r="864" spans="1:7">
      <c r="A864" s="5" t="s">
        <v>7</v>
      </c>
      <c r="B864" s="5">
        <v>863</v>
      </c>
      <c r="C864" s="5" t="s">
        <v>8</v>
      </c>
      <c r="D864" s="5" t="s">
        <v>8</v>
      </c>
      <c r="E864" s="6">
        <v>11001</v>
      </c>
      <c r="F864" s="5" t="s">
        <v>1730</v>
      </c>
      <c r="G864" s="5" t="s">
        <v>1731</v>
      </c>
    </row>
    <row r="865" spans="1:7">
      <c r="A865" s="5" t="s">
        <v>7</v>
      </c>
      <c r="B865" s="5">
        <v>864</v>
      </c>
      <c r="C865" s="5" t="s">
        <v>8</v>
      </c>
      <c r="D865" s="5" t="s">
        <v>8</v>
      </c>
      <c r="E865" s="6">
        <v>11001</v>
      </c>
      <c r="F865" s="5" t="s">
        <v>1732</v>
      </c>
      <c r="G865" s="5" t="s">
        <v>1733</v>
      </c>
    </row>
    <row r="866" spans="1:7">
      <c r="A866" s="5" t="s">
        <v>7</v>
      </c>
      <c r="B866" s="5">
        <v>865</v>
      </c>
      <c r="C866" s="5" t="s">
        <v>8</v>
      </c>
      <c r="D866" s="5" t="s">
        <v>8</v>
      </c>
      <c r="E866" s="6">
        <v>11001</v>
      </c>
      <c r="F866" s="5" t="s">
        <v>1734</v>
      </c>
      <c r="G866" s="5" t="s">
        <v>1735</v>
      </c>
    </row>
    <row r="867" spans="1:7">
      <c r="A867" s="5" t="s">
        <v>7</v>
      </c>
      <c r="B867" s="5">
        <v>866</v>
      </c>
      <c r="C867" s="5" t="s">
        <v>8</v>
      </c>
      <c r="D867" s="5" t="s">
        <v>8</v>
      </c>
      <c r="E867" s="6">
        <v>11001</v>
      </c>
      <c r="F867" s="5" t="s">
        <v>1736</v>
      </c>
      <c r="G867" s="5" t="s">
        <v>1737</v>
      </c>
    </row>
    <row r="868" spans="1:7">
      <c r="A868" s="5" t="s">
        <v>7</v>
      </c>
      <c r="B868" s="5">
        <v>867</v>
      </c>
      <c r="C868" s="5" t="s">
        <v>8</v>
      </c>
      <c r="D868" s="5" t="s">
        <v>8</v>
      </c>
      <c r="E868" s="6">
        <v>11001</v>
      </c>
      <c r="F868" s="5" t="s">
        <v>1738</v>
      </c>
      <c r="G868" s="5" t="s">
        <v>1739</v>
      </c>
    </row>
    <row r="869" spans="1:7">
      <c r="A869" s="5" t="s">
        <v>7</v>
      </c>
      <c r="B869" s="5">
        <v>868</v>
      </c>
      <c r="C869" s="5" t="s">
        <v>8</v>
      </c>
      <c r="D869" s="5" t="s">
        <v>8</v>
      </c>
      <c r="E869" s="6">
        <v>11001</v>
      </c>
      <c r="F869" s="5" t="s">
        <v>1740</v>
      </c>
      <c r="G869" s="5" t="s">
        <v>1741</v>
      </c>
    </row>
    <row r="870" spans="1:7">
      <c r="A870" s="5" t="s">
        <v>7</v>
      </c>
      <c r="B870" s="5">
        <v>869</v>
      </c>
      <c r="C870" s="5" t="s">
        <v>8</v>
      </c>
      <c r="D870" s="5" t="s">
        <v>8</v>
      </c>
      <c r="E870" s="6">
        <v>11001</v>
      </c>
      <c r="F870" s="5" t="s">
        <v>1742</v>
      </c>
      <c r="G870" s="5" t="s">
        <v>1743</v>
      </c>
    </row>
    <row r="871" spans="1:7">
      <c r="A871" s="5" t="s">
        <v>7</v>
      </c>
      <c r="B871" s="5">
        <v>870</v>
      </c>
      <c r="C871" s="5" t="s">
        <v>8</v>
      </c>
      <c r="D871" s="5" t="s">
        <v>8</v>
      </c>
      <c r="E871" s="6">
        <v>11001</v>
      </c>
      <c r="F871" s="5" t="s">
        <v>1744</v>
      </c>
      <c r="G871" s="5" t="s">
        <v>1745</v>
      </c>
    </row>
    <row r="872" spans="1:7">
      <c r="A872" s="5" t="s">
        <v>7</v>
      </c>
      <c r="B872" s="5">
        <v>871</v>
      </c>
      <c r="C872" s="5" t="s">
        <v>8</v>
      </c>
      <c r="D872" s="5" t="s">
        <v>8</v>
      </c>
      <c r="E872" s="6">
        <v>11001</v>
      </c>
      <c r="F872" s="5" t="s">
        <v>1746</v>
      </c>
      <c r="G872" s="5" t="s">
        <v>1747</v>
      </c>
    </row>
    <row r="873" spans="1:7">
      <c r="A873" s="5" t="s">
        <v>7</v>
      </c>
      <c r="B873" s="5">
        <v>872</v>
      </c>
      <c r="C873" s="5" t="s">
        <v>8</v>
      </c>
      <c r="D873" s="5" t="s">
        <v>8</v>
      </c>
      <c r="E873" s="6">
        <v>11001</v>
      </c>
      <c r="F873" s="5" t="s">
        <v>1748</v>
      </c>
      <c r="G873" s="5" t="s">
        <v>1749</v>
      </c>
    </row>
    <row r="874" spans="1:7">
      <c r="A874" s="5" t="s">
        <v>7</v>
      </c>
      <c r="B874" s="5">
        <v>873</v>
      </c>
      <c r="C874" s="5" t="s">
        <v>8</v>
      </c>
      <c r="D874" s="5" t="s">
        <v>8</v>
      </c>
      <c r="E874" s="6">
        <v>11001</v>
      </c>
      <c r="F874" s="5" t="s">
        <v>1750</v>
      </c>
      <c r="G874" s="5" t="s">
        <v>1751</v>
      </c>
    </row>
    <row r="875" spans="1:7">
      <c r="A875" s="5" t="s">
        <v>7</v>
      </c>
      <c r="B875" s="5">
        <v>874</v>
      </c>
      <c r="C875" s="5" t="s">
        <v>8</v>
      </c>
      <c r="D875" s="5" t="s">
        <v>8</v>
      </c>
      <c r="E875" s="6">
        <v>11001</v>
      </c>
      <c r="F875" s="5" t="s">
        <v>1752</v>
      </c>
      <c r="G875" s="5" t="s">
        <v>1753</v>
      </c>
    </row>
    <row r="876" spans="1:7">
      <c r="A876" s="5" t="s">
        <v>7</v>
      </c>
      <c r="B876" s="5">
        <v>875</v>
      </c>
      <c r="C876" s="5" t="s">
        <v>8</v>
      </c>
      <c r="D876" s="5" t="s">
        <v>8</v>
      </c>
      <c r="E876" s="6">
        <v>11001</v>
      </c>
      <c r="F876" s="5" t="s">
        <v>1754</v>
      </c>
      <c r="G876" s="5" t="s">
        <v>1755</v>
      </c>
    </row>
    <row r="877" spans="1:7">
      <c r="A877" s="5" t="s">
        <v>7</v>
      </c>
      <c r="B877" s="5">
        <v>876</v>
      </c>
      <c r="C877" s="5" t="s">
        <v>8</v>
      </c>
      <c r="D877" s="5" t="s">
        <v>8</v>
      </c>
      <c r="E877" s="6">
        <v>11001</v>
      </c>
      <c r="F877" s="5" t="s">
        <v>1756</v>
      </c>
      <c r="G877" s="5" t="s">
        <v>1757</v>
      </c>
    </row>
    <row r="878" spans="1:7">
      <c r="A878" s="5" t="s">
        <v>7</v>
      </c>
      <c r="B878" s="5">
        <v>877</v>
      </c>
      <c r="C878" s="5" t="s">
        <v>8</v>
      </c>
      <c r="D878" s="5" t="s">
        <v>8</v>
      </c>
      <c r="E878" s="6">
        <v>11001</v>
      </c>
      <c r="F878" s="5" t="s">
        <v>1758</v>
      </c>
      <c r="G878" s="5" t="s">
        <v>1759</v>
      </c>
    </row>
    <row r="879" spans="1:7">
      <c r="A879" s="5" t="s">
        <v>7</v>
      </c>
      <c r="B879" s="5">
        <v>878</v>
      </c>
      <c r="C879" s="5" t="s">
        <v>8</v>
      </c>
      <c r="D879" s="5" t="s">
        <v>8</v>
      </c>
      <c r="E879" s="6">
        <v>11001</v>
      </c>
      <c r="F879" s="5" t="s">
        <v>1760</v>
      </c>
      <c r="G879" s="5" t="s">
        <v>1761</v>
      </c>
    </row>
    <row r="880" spans="1:7">
      <c r="A880" s="5" t="s">
        <v>7</v>
      </c>
      <c r="B880" s="5">
        <v>879</v>
      </c>
      <c r="C880" s="5" t="s">
        <v>8</v>
      </c>
      <c r="D880" s="5" t="s">
        <v>8</v>
      </c>
      <c r="E880" s="6">
        <v>11001</v>
      </c>
      <c r="F880" s="5" t="s">
        <v>1762</v>
      </c>
      <c r="G880" s="5" t="s">
        <v>1763</v>
      </c>
    </row>
    <row r="881" spans="1:7">
      <c r="A881" s="5" t="s">
        <v>7</v>
      </c>
      <c r="B881" s="5">
        <v>880</v>
      </c>
      <c r="C881" s="5" t="s">
        <v>8</v>
      </c>
      <c r="D881" s="5" t="s">
        <v>8</v>
      </c>
      <c r="E881" s="6">
        <v>11001</v>
      </c>
      <c r="F881" s="5" t="s">
        <v>1764</v>
      </c>
      <c r="G881" s="5" t="s">
        <v>1765</v>
      </c>
    </row>
    <row r="882" spans="1:7">
      <c r="A882" s="5" t="s">
        <v>7</v>
      </c>
      <c r="B882" s="5">
        <v>881</v>
      </c>
      <c r="C882" s="5" t="s">
        <v>8</v>
      </c>
      <c r="D882" s="5" t="s">
        <v>8</v>
      </c>
      <c r="E882" s="6">
        <v>11001</v>
      </c>
      <c r="F882" s="5" t="s">
        <v>1766</v>
      </c>
      <c r="G882" s="5" t="s">
        <v>1767</v>
      </c>
    </row>
    <row r="883" spans="1:7">
      <c r="A883" s="5" t="s">
        <v>7</v>
      </c>
      <c r="B883" s="5">
        <v>882</v>
      </c>
      <c r="C883" s="5" t="s">
        <v>8</v>
      </c>
      <c r="D883" s="5" t="s">
        <v>8</v>
      </c>
      <c r="E883" s="6">
        <v>11001</v>
      </c>
      <c r="F883" s="5" t="s">
        <v>1768</v>
      </c>
      <c r="G883" s="5" t="s">
        <v>1769</v>
      </c>
    </row>
    <row r="884" spans="1:7">
      <c r="A884" s="5" t="s">
        <v>7</v>
      </c>
      <c r="B884" s="5">
        <v>883</v>
      </c>
      <c r="C884" s="5" t="s">
        <v>8</v>
      </c>
      <c r="D884" s="5" t="s">
        <v>8</v>
      </c>
      <c r="E884" s="6">
        <v>11001</v>
      </c>
      <c r="F884" s="5" t="s">
        <v>1770</v>
      </c>
      <c r="G884" s="5" t="s">
        <v>1771</v>
      </c>
    </row>
    <row r="885" spans="1:7">
      <c r="A885" s="5" t="s">
        <v>7</v>
      </c>
      <c r="B885" s="5">
        <v>884</v>
      </c>
      <c r="C885" s="5" t="s">
        <v>8</v>
      </c>
      <c r="D885" s="5" t="s">
        <v>8</v>
      </c>
      <c r="E885" s="6">
        <v>11001</v>
      </c>
      <c r="F885" s="5" t="s">
        <v>1772</v>
      </c>
      <c r="G885" s="5" t="s">
        <v>1773</v>
      </c>
    </row>
    <row r="886" spans="1:7">
      <c r="A886" s="5" t="s">
        <v>7</v>
      </c>
      <c r="B886" s="5">
        <v>885</v>
      </c>
      <c r="C886" s="5" t="s">
        <v>8</v>
      </c>
      <c r="D886" s="5" t="s">
        <v>8</v>
      </c>
      <c r="E886" s="6">
        <v>11001</v>
      </c>
      <c r="F886" s="5" t="s">
        <v>1774</v>
      </c>
      <c r="G886" s="5" t="s">
        <v>1775</v>
      </c>
    </row>
    <row r="887" spans="1:7">
      <c r="A887" s="5" t="s">
        <v>7</v>
      </c>
      <c r="B887" s="5">
        <v>886</v>
      </c>
      <c r="C887" s="5" t="s">
        <v>8</v>
      </c>
      <c r="D887" s="5" t="s">
        <v>8</v>
      </c>
      <c r="E887" s="6">
        <v>11001</v>
      </c>
      <c r="F887" s="5" t="s">
        <v>1776</v>
      </c>
      <c r="G887" s="5" t="s">
        <v>1777</v>
      </c>
    </row>
    <row r="888" spans="1:7">
      <c r="A888" s="5" t="s">
        <v>7</v>
      </c>
      <c r="B888" s="5">
        <v>887</v>
      </c>
      <c r="C888" s="5" t="s">
        <v>8</v>
      </c>
      <c r="D888" s="5" t="s">
        <v>8</v>
      </c>
      <c r="E888" s="6">
        <v>11001</v>
      </c>
      <c r="F888" s="5" t="s">
        <v>1778</v>
      </c>
      <c r="G888" s="5" t="s">
        <v>1779</v>
      </c>
    </row>
    <row r="889" spans="1:7">
      <c r="A889" s="5" t="s">
        <v>7</v>
      </c>
      <c r="B889" s="5">
        <v>888</v>
      </c>
      <c r="C889" s="5" t="s">
        <v>813</v>
      </c>
      <c r="D889" s="5" t="s">
        <v>814</v>
      </c>
      <c r="E889" s="6">
        <v>25754</v>
      </c>
      <c r="F889" s="5" t="s">
        <v>1780</v>
      </c>
      <c r="G889" s="5" t="s">
        <v>1781</v>
      </c>
    </row>
    <row r="890" spans="1:7">
      <c r="A890" s="5" t="s">
        <v>7</v>
      </c>
      <c r="B890" s="5">
        <v>889</v>
      </c>
      <c r="C890" s="5" t="s">
        <v>8</v>
      </c>
      <c r="D890" s="5" t="s">
        <v>8</v>
      </c>
      <c r="E890" s="6">
        <v>11001</v>
      </c>
      <c r="F890" s="5" t="s">
        <v>1782</v>
      </c>
      <c r="G890" s="5" t="s">
        <v>1783</v>
      </c>
    </row>
    <row r="891" spans="1:7">
      <c r="A891" s="5" t="s">
        <v>7</v>
      </c>
      <c r="B891" s="5">
        <v>890</v>
      </c>
      <c r="C891" s="5" t="s">
        <v>8</v>
      </c>
      <c r="D891" s="5" t="s">
        <v>8</v>
      </c>
      <c r="E891" s="6">
        <v>11001</v>
      </c>
      <c r="F891" s="5" t="s">
        <v>1784</v>
      </c>
      <c r="G891" s="5" t="s">
        <v>1785</v>
      </c>
    </row>
    <row r="892" spans="1:7">
      <c r="A892" s="5" t="s">
        <v>7</v>
      </c>
      <c r="B892" s="5">
        <v>891</v>
      </c>
      <c r="C892" s="5" t="s">
        <v>8</v>
      </c>
      <c r="D892" s="5" t="s">
        <v>8</v>
      </c>
      <c r="E892" s="6">
        <v>11001</v>
      </c>
      <c r="F892" s="5" t="s">
        <v>1786</v>
      </c>
      <c r="G892" s="5" t="s">
        <v>1787</v>
      </c>
    </row>
    <row r="893" spans="1:7">
      <c r="A893" s="5" t="s">
        <v>7</v>
      </c>
      <c r="B893" s="5">
        <v>892</v>
      </c>
      <c r="C893" s="5" t="s">
        <v>8</v>
      </c>
      <c r="D893" s="5" t="s">
        <v>8</v>
      </c>
      <c r="E893" s="6">
        <v>11001</v>
      </c>
      <c r="F893" s="5" t="s">
        <v>1788</v>
      </c>
      <c r="G893" s="5" t="s">
        <v>1789</v>
      </c>
    </row>
    <row r="894" spans="1:7">
      <c r="A894" s="5" t="s">
        <v>7</v>
      </c>
      <c r="B894" s="5">
        <v>893</v>
      </c>
      <c r="C894" s="5" t="s">
        <v>8</v>
      </c>
      <c r="D894" s="5" t="s">
        <v>8</v>
      </c>
      <c r="E894" s="6">
        <v>11001</v>
      </c>
      <c r="F894" s="5" t="s">
        <v>1790</v>
      </c>
      <c r="G894" s="5" t="s">
        <v>1791</v>
      </c>
    </row>
    <row r="895" spans="1:7">
      <c r="A895" s="5" t="s">
        <v>7</v>
      </c>
      <c r="B895" s="5">
        <v>894</v>
      </c>
      <c r="C895" s="5" t="s">
        <v>8</v>
      </c>
      <c r="D895" s="5" t="s">
        <v>8</v>
      </c>
      <c r="E895" s="6">
        <v>11001</v>
      </c>
      <c r="F895" s="5" t="s">
        <v>1792</v>
      </c>
      <c r="G895" s="5" t="s">
        <v>1793</v>
      </c>
    </row>
    <row r="896" spans="1:7">
      <c r="A896" s="5" t="s">
        <v>7</v>
      </c>
      <c r="B896" s="5">
        <v>895</v>
      </c>
      <c r="C896" s="5" t="s">
        <v>8</v>
      </c>
      <c r="D896" s="5" t="s">
        <v>8</v>
      </c>
      <c r="E896" s="6">
        <v>11001</v>
      </c>
      <c r="F896" s="5" t="s">
        <v>1794</v>
      </c>
      <c r="G896" s="5" t="s">
        <v>1795</v>
      </c>
    </row>
    <row r="897" spans="1:7">
      <c r="A897" s="5" t="s">
        <v>7</v>
      </c>
      <c r="B897" s="5">
        <v>896</v>
      </c>
      <c r="C897" s="5" t="s">
        <v>8</v>
      </c>
      <c r="D897" s="5" t="s">
        <v>8</v>
      </c>
      <c r="E897" s="6">
        <v>11001</v>
      </c>
      <c r="F897" s="5" t="s">
        <v>1796</v>
      </c>
      <c r="G897" s="5" t="s">
        <v>1797</v>
      </c>
    </row>
    <row r="898" spans="1:7">
      <c r="A898" s="5" t="s">
        <v>7</v>
      </c>
      <c r="B898" s="5">
        <v>897</v>
      </c>
      <c r="C898" s="5" t="s">
        <v>8</v>
      </c>
      <c r="D898" s="5" t="s">
        <v>8</v>
      </c>
      <c r="E898" s="6">
        <v>11001</v>
      </c>
      <c r="F898" s="5" t="s">
        <v>1798</v>
      </c>
      <c r="G898" s="5" t="s">
        <v>1799</v>
      </c>
    </row>
    <row r="899" spans="1:7">
      <c r="A899" s="5" t="s">
        <v>7</v>
      </c>
      <c r="B899" s="5">
        <v>898</v>
      </c>
      <c r="C899" s="5" t="s">
        <v>8</v>
      </c>
      <c r="D899" s="5" t="s">
        <v>8</v>
      </c>
      <c r="E899" s="6">
        <v>11001</v>
      </c>
      <c r="F899" s="5" t="s">
        <v>1800</v>
      </c>
      <c r="G899" s="5" t="s">
        <v>1801</v>
      </c>
    </row>
    <row r="900" spans="1:7">
      <c r="A900" s="5" t="s">
        <v>7</v>
      </c>
      <c r="B900" s="5">
        <v>899</v>
      </c>
      <c r="C900" s="5" t="s">
        <v>8</v>
      </c>
      <c r="D900" s="5" t="s">
        <v>8</v>
      </c>
      <c r="E900" s="6">
        <v>11001</v>
      </c>
      <c r="F900" s="5" t="s">
        <v>1802</v>
      </c>
      <c r="G900" s="5" t="s">
        <v>1803</v>
      </c>
    </row>
    <row r="901" spans="1:7">
      <c r="A901" s="5" t="s">
        <v>7</v>
      </c>
      <c r="B901" s="5">
        <v>900</v>
      </c>
      <c r="C901" s="5" t="s">
        <v>8</v>
      </c>
      <c r="D901" s="5" t="s">
        <v>8</v>
      </c>
      <c r="E901" s="6">
        <v>11001</v>
      </c>
      <c r="F901" s="5" t="s">
        <v>1804</v>
      </c>
      <c r="G901" s="5" t="s">
        <v>1805</v>
      </c>
    </row>
    <row r="902" spans="1:7">
      <c r="A902" s="5" t="s">
        <v>7</v>
      </c>
      <c r="B902" s="5">
        <v>901</v>
      </c>
      <c r="C902" s="5" t="s">
        <v>8</v>
      </c>
      <c r="D902" s="5" t="s">
        <v>8</v>
      </c>
      <c r="E902" s="6">
        <v>11001</v>
      </c>
      <c r="F902" s="5" t="s">
        <v>1806</v>
      </c>
      <c r="G902" s="5" t="s">
        <v>1807</v>
      </c>
    </row>
    <row r="903" spans="1:7">
      <c r="A903" s="5" t="s">
        <v>7</v>
      </c>
      <c r="B903" s="5">
        <v>902</v>
      </c>
      <c r="C903" s="5" t="s">
        <v>8</v>
      </c>
      <c r="D903" s="5" t="s">
        <v>8</v>
      </c>
      <c r="E903" s="6">
        <v>11001</v>
      </c>
      <c r="F903" s="5" t="s">
        <v>1808</v>
      </c>
      <c r="G903" s="5" t="s">
        <v>1809</v>
      </c>
    </row>
    <row r="904" spans="1:7">
      <c r="A904" s="5" t="s">
        <v>7</v>
      </c>
      <c r="B904" s="5">
        <v>903</v>
      </c>
      <c r="C904" s="5" t="s">
        <v>8</v>
      </c>
      <c r="D904" s="5" t="s">
        <v>8</v>
      </c>
      <c r="E904" s="6">
        <v>11001</v>
      </c>
      <c r="F904" s="5" t="s">
        <v>1810</v>
      </c>
      <c r="G904" s="5" t="s">
        <v>1811</v>
      </c>
    </row>
    <row r="905" spans="1:7">
      <c r="A905" s="5" t="s">
        <v>7</v>
      </c>
      <c r="B905" s="5">
        <v>904</v>
      </c>
      <c r="C905" s="5" t="s">
        <v>8</v>
      </c>
      <c r="D905" s="5" t="s">
        <v>8</v>
      </c>
      <c r="E905" s="6">
        <v>11001</v>
      </c>
      <c r="F905" s="5" t="s">
        <v>1812</v>
      </c>
      <c r="G905" s="5" t="s">
        <v>1813</v>
      </c>
    </row>
    <row r="906" spans="1:7">
      <c r="A906" s="5" t="s">
        <v>7</v>
      </c>
      <c r="B906" s="5">
        <v>905</v>
      </c>
      <c r="C906" s="5" t="s">
        <v>8</v>
      </c>
      <c r="D906" s="5" t="s">
        <v>8</v>
      </c>
      <c r="E906" s="6">
        <v>11001</v>
      </c>
      <c r="F906" s="5" t="s">
        <v>1814</v>
      </c>
      <c r="G906" s="5" t="s">
        <v>1815</v>
      </c>
    </row>
    <row r="907" spans="1:7">
      <c r="A907" s="5" t="s">
        <v>7</v>
      </c>
      <c r="B907" s="5">
        <v>906</v>
      </c>
      <c r="C907" s="5" t="s">
        <v>8</v>
      </c>
      <c r="D907" s="5" t="s">
        <v>8</v>
      </c>
      <c r="E907" s="6">
        <v>11001</v>
      </c>
      <c r="F907" s="5" t="s">
        <v>1816</v>
      </c>
      <c r="G907" s="5" t="s">
        <v>1817</v>
      </c>
    </row>
    <row r="908" spans="1:7">
      <c r="A908" s="5" t="s">
        <v>7</v>
      </c>
      <c r="B908" s="5">
        <v>907</v>
      </c>
      <c r="C908" s="5" t="s">
        <v>8</v>
      </c>
      <c r="D908" s="5" t="s">
        <v>8</v>
      </c>
      <c r="E908" s="6">
        <v>11001</v>
      </c>
      <c r="F908" s="5" t="s">
        <v>1818</v>
      </c>
      <c r="G908" s="5" t="s">
        <v>1819</v>
      </c>
    </row>
    <row r="909" spans="1:7">
      <c r="A909" s="5" t="s">
        <v>7</v>
      </c>
      <c r="B909" s="5">
        <v>908</v>
      </c>
      <c r="C909" s="5" t="s">
        <v>8</v>
      </c>
      <c r="D909" s="5" t="s">
        <v>8</v>
      </c>
      <c r="E909" s="6">
        <v>11001</v>
      </c>
      <c r="F909" s="5" t="s">
        <v>1820</v>
      </c>
      <c r="G909" s="5" t="s">
        <v>1821</v>
      </c>
    </row>
    <row r="910" spans="1:7">
      <c r="A910" s="5" t="s">
        <v>7</v>
      </c>
      <c r="B910" s="5">
        <v>909</v>
      </c>
      <c r="C910" s="5" t="s">
        <v>8</v>
      </c>
      <c r="D910" s="5" t="s">
        <v>8</v>
      </c>
      <c r="E910" s="6">
        <v>11001</v>
      </c>
      <c r="F910" s="5" t="s">
        <v>1822</v>
      </c>
      <c r="G910" s="5" t="s">
        <v>1823</v>
      </c>
    </row>
    <row r="911" spans="1:7">
      <c r="A911" s="5" t="s">
        <v>7</v>
      </c>
      <c r="B911" s="5">
        <v>910</v>
      </c>
      <c r="C911" s="5" t="s">
        <v>8</v>
      </c>
      <c r="D911" s="5" t="s">
        <v>8</v>
      </c>
      <c r="E911" s="6">
        <v>11001</v>
      </c>
      <c r="F911" s="5" t="s">
        <v>1824</v>
      </c>
      <c r="G911" s="5" t="s">
        <v>1825</v>
      </c>
    </row>
    <row r="912" spans="1:7">
      <c r="A912" s="5" t="s">
        <v>7</v>
      </c>
      <c r="B912" s="5">
        <v>911</v>
      </c>
      <c r="C912" s="5" t="s">
        <v>8</v>
      </c>
      <c r="D912" s="5" t="s">
        <v>8</v>
      </c>
      <c r="E912" s="6">
        <v>11001</v>
      </c>
      <c r="F912" s="5" t="s">
        <v>1826</v>
      </c>
      <c r="G912" s="5" t="s">
        <v>1827</v>
      </c>
    </row>
    <row r="913" spans="1:7">
      <c r="A913" s="5" t="s">
        <v>7</v>
      </c>
      <c r="B913" s="5">
        <v>912</v>
      </c>
      <c r="C913" s="5" t="s">
        <v>8</v>
      </c>
      <c r="D913" s="5" t="s">
        <v>8</v>
      </c>
      <c r="E913" s="6">
        <v>11001</v>
      </c>
      <c r="F913" s="5" t="s">
        <v>1828</v>
      </c>
      <c r="G913" s="5" t="s">
        <v>1829</v>
      </c>
    </row>
    <row r="914" spans="1:7">
      <c r="A914" s="5" t="s">
        <v>7</v>
      </c>
      <c r="B914" s="5">
        <v>913</v>
      </c>
      <c r="C914" s="5" t="s">
        <v>8</v>
      </c>
      <c r="D914" s="5" t="s">
        <v>8</v>
      </c>
      <c r="E914" s="6">
        <v>11001</v>
      </c>
      <c r="F914" s="5" t="s">
        <v>1830</v>
      </c>
      <c r="G914" s="5" t="s">
        <v>1831</v>
      </c>
    </row>
    <row r="915" spans="1:7">
      <c r="A915" s="5" t="s">
        <v>7</v>
      </c>
      <c r="B915" s="5">
        <v>914</v>
      </c>
      <c r="C915" s="5" t="s">
        <v>8</v>
      </c>
      <c r="D915" s="5" t="s">
        <v>8</v>
      </c>
      <c r="E915" s="6">
        <v>11001</v>
      </c>
      <c r="F915" s="5" t="s">
        <v>1832</v>
      </c>
      <c r="G915" s="5" t="s">
        <v>1833</v>
      </c>
    </row>
    <row r="916" spans="1:7">
      <c r="A916" s="5" t="s">
        <v>7</v>
      </c>
      <c r="B916" s="5">
        <v>915</v>
      </c>
      <c r="C916" s="5" t="s">
        <v>8</v>
      </c>
      <c r="D916" s="5" t="s">
        <v>8</v>
      </c>
      <c r="E916" s="6">
        <v>11001</v>
      </c>
      <c r="F916" s="5" t="s">
        <v>1834</v>
      </c>
      <c r="G916" s="5" t="s">
        <v>1835</v>
      </c>
    </row>
    <row r="917" spans="1:7">
      <c r="A917" s="5" t="s">
        <v>7</v>
      </c>
      <c r="B917" s="5">
        <v>916</v>
      </c>
      <c r="C917" s="5" t="s">
        <v>8</v>
      </c>
      <c r="D917" s="5" t="s">
        <v>8</v>
      </c>
      <c r="E917" s="6">
        <v>11001</v>
      </c>
      <c r="F917" s="5" t="s">
        <v>1620</v>
      </c>
      <c r="G917" s="5" t="s">
        <v>1836</v>
      </c>
    </row>
    <row r="918" spans="1:7">
      <c r="A918" s="5" t="s">
        <v>7</v>
      </c>
      <c r="B918" s="5">
        <v>917</v>
      </c>
      <c r="C918" s="5" t="s">
        <v>8</v>
      </c>
      <c r="D918" s="5" t="s">
        <v>8</v>
      </c>
      <c r="E918" s="6">
        <v>11001</v>
      </c>
      <c r="F918" s="5" t="s">
        <v>1837</v>
      </c>
      <c r="G918" s="5" t="s">
        <v>1838</v>
      </c>
    </row>
    <row r="919" spans="1:7">
      <c r="A919" s="5" t="s">
        <v>7</v>
      </c>
      <c r="B919" s="5">
        <v>918</v>
      </c>
      <c r="C919" s="5" t="s">
        <v>8</v>
      </c>
      <c r="D919" s="5" t="s">
        <v>8</v>
      </c>
      <c r="E919" s="6">
        <v>11001</v>
      </c>
      <c r="F919" s="5" t="s">
        <v>1839</v>
      </c>
      <c r="G919" s="5" t="s">
        <v>1840</v>
      </c>
    </row>
    <row r="920" spans="1:7">
      <c r="A920" s="5" t="s">
        <v>7</v>
      </c>
      <c r="B920" s="5">
        <v>919</v>
      </c>
      <c r="C920" s="5" t="s">
        <v>8</v>
      </c>
      <c r="D920" s="5" t="s">
        <v>8</v>
      </c>
      <c r="E920" s="6">
        <v>11001</v>
      </c>
      <c r="F920" s="5" t="s">
        <v>1841</v>
      </c>
      <c r="G920" s="5" t="s">
        <v>1842</v>
      </c>
    </row>
    <row r="921" spans="1:7">
      <c r="A921" s="5" t="s">
        <v>7</v>
      </c>
      <c r="B921" s="5">
        <v>920</v>
      </c>
      <c r="C921" s="5" t="s">
        <v>8</v>
      </c>
      <c r="D921" s="5" t="s">
        <v>8</v>
      </c>
      <c r="E921" s="6">
        <v>11001</v>
      </c>
      <c r="F921" s="5" t="s">
        <v>1843</v>
      </c>
      <c r="G921" s="5" t="s">
        <v>1844</v>
      </c>
    </row>
    <row r="922" spans="1:7">
      <c r="A922" s="5" t="s">
        <v>7</v>
      </c>
      <c r="B922" s="5">
        <v>921</v>
      </c>
      <c r="C922" s="5" t="s">
        <v>8</v>
      </c>
      <c r="D922" s="5" t="s">
        <v>8</v>
      </c>
      <c r="E922" s="6">
        <v>11001</v>
      </c>
      <c r="F922" s="5" t="s">
        <v>1608</v>
      </c>
      <c r="G922" s="5" t="s">
        <v>1845</v>
      </c>
    </row>
    <row r="923" spans="1:7">
      <c r="A923" s="5" t="s">
        <v>7</v>
      </c>
      <c r="B923" s="5">
        <v>922</v>
      </c>
      <c r="C923" s="5" t="s">
        <v>8</v>
      </c>
      <c r="D923" s="5" t="s">
        <v>8</v>
      </c>
      <c r="E923" s="6">
        <v>11001</v>
      </c>
      <c r="F923" s="5" t="s">
        <v>1846</v>
      </c>
      <c r="G923" s="5" t="s">
        <v>1847</v>
      </c>
    </row>
    <row r="924" spans="1:7">
      <c r="A924" s="5" t="s">
        <v>7</v>
      </c>
      <c r="B924" s="5">
        <v>923</v>
      </c>
      <c r="C924" s="5" t="s">
        <v>8</v>
      </c>
      <c r="D924" s="5" t="s">
        <v>8</v>
      </c>
      <c r="E924" s="6">
        <v>11001</v>
      </c>
      <c r="F924" s="5" t="s">
        <v>1848</v>
      </c>
      <c r="G924" s="5" t="s">
        <v>1849</v>
      </c>
    </row>
    <row r="925" spans="1:7">
      <c r="A925" s="5" t="s">
        <v>7</v>
      </c>
      <c r="B925" s="5">
        <v>924</v>
      </c>
      <c r="C925" s="5" t="s">
        <v>8</v>
      </c>
      <c r="D925" s="5" t="s">
        <v>8</v>
      </c>
      <c r="E925" s="6">
        <v>11001</v>
      </c>
      <c r="F925" s="5" t="s">
        <v>1850</v>
      </c>
      <c r="G925" s="5" t="s">
        <v>1851</v>
      </c>
    </row>
    <row r="926" spans="1:7">
      <c r="A926" s="5" t="s">
        <v>7</v>
      </c>
      <c r="B926" s="5">
        <v>925</v>
      </c>
      <c r="C926" s="5" t="s">
        <v>8</v>
      </c>
      <c r="D926" s="5" t="s">
        <v>8</v>
      </c>
      <c r="E926" s="6">
        <v>11001</v>
      </c>
      <c r="F926" s="5" t="s">
        <v>1852</v>
      </c>
      <c r="G926" s="5" t="s">
        <v>1853</v>
      </c>
    </row>
    <row r="927" spans="1:7">
      <c r="A927" s="5" t="s">
        <v>7</v>
      </c>
      <c r="B927" s="5">
        <v>926</v>
      </c>
      <c r="C927" s="5" t="s">
        <v>8</v>
      </c>
      <c r="D927" s="5" t="s">
        <v>8</v>
      </c>
      <c r="E927" s="6">
        <v>11001</v>
      </c>
      <c r="F927" s="5" t="s">
        <v>1854</v>
      </c>
      <c r="G927" s="5" t="s">
        <v>1855</v>
      </c>
    </row>
    <row r="928" spans="1:7">
      <c r="A928" s="5" t="s">
        <v>7</v>
      </c>
      <c r="B928" s="5">
        <v>927</v>
      </c>
      <c r="C928" s="5" t="s">
        <v>8</v>
      </c>
      <c r="D928" s="5" t="s">
        <v>8</v>
      </c>
      <c r="E928" s="6">
        <v>11001</v>
      </c>
      <c r="F928" s="5" t="s">
        <v>1856</v>
      </c>
      <c r="G928" s="5" t="s">
        <v>1857</v>
      </c>
    </row>
    <row r="929" spans="1:7">
      <c r="A929" s="5" t="s">
        <v>7</v>
      </c>
      <c r="B929" s="5">
        <v>928</v>
      </c>
      <c r="C929" s="5" t="s">
        <v>8</v>
      </c>
      <c r="D929" s="5" t="s">
        <v>8</v>
      </c>
      <c r="E929" s="6">
        <v>11001</v>
      </c>
      <c r="F929" s="5" t="s">
        <v>1858</v>
      </c>
      <c r="G929" s="5" t="s">
        <v>1859</v>
      </c>
    </row>
    <row r="930" spans="1:7">
      <c r="A930" s="5" t="s">
        <v>7</v>
      </c>
      <c r="B930" s="5">
        <v>929</v>
      </c>
      <c r="C930" s="5" t="s">
        <v>8</v>
      </c>
      <c r="D930" s="5" t="s">
        <v>8</v>
      </c>
      <c r="E930" s="6">
        <v>11001</v>
      </c>
      <c r="F930" s="5" t="s">
        <v>1860</v>
      </c>
      <c r="G930" s="5" t="s">
        <v>1861</v>
      </c>
    </row>
    <row r="931" spans="1:7">
      <c r="A931" s="5" t="s">
        <v>7</v>
      </c>
      <c r="B931" s="5">
        <v>930</v>
      </c>
      <c r="C931" s="5" t="s">
        <v>8</v>
      </c>
      <c r="D931" s="5" t="s">
        <v>8</v>
      </c>
      <c r="E931" s="6">
        <v>11001</v>
      </c>
      <c r="F931" s="5" t="s">
        <v>1862</v>
      </c>
      <c r="G931" s="5" t="s">
        <v>1863</v>
      </c>
    </row>
    <row r="932" spans="1:7">
      <c r="A932" s="5" t="s">
        <v>7</v>
      </c>
      <c r="B932" s="5">
        <v>931</v>
      </c>
      <c r="C932" s="5" t="s">
        <v>8</v>
      </c>
      <c r="D932" s="5" t="s">
        <v>8</v>
      </c>
      <c r="E932" s="6">
        <v>11001</v>
      </c>
      <c r="F932" s="5" t="s">
        <v>1864</v>
      </c>
      <c r="G932" s="5" t="s">
        <v>1865</v>
      </c>
    </row>
    <row r="933" spans="1:7">
      <c r="A933" s="5" t="s">
        <v>7</v>
      </c>
      <c r="B933" s="5">
        <v>932</v>
      </c>
      <c r="C933" s="5" t="s">
        <v>8</v>
      </c>
      <c r="D933" s="5" t="s">
        <v>8</v>
      </c>
      <c r="E933" s="6">
        <v>11001</v>
      </c>
      <c r="F933" s="5" t="s">
        <v>1866</v>
      </c>
      <c r="G933" s="5" t="s">
        <v>1867</v>
      </c>
    </row>
    <row r="934" spans="1:7">
      <c r="A934" s="5" t="s">
        <v>7</v>
      </c>
      <c r="B934" s="5">
        <v>933</v>
      </c>
      <c r="C934" s="5" t="s">
        <v>8</v>
      </c>
      <c r="D934" s="5" t="s">
        <v>8</v>
      </c>
      <c r="E934" s="6">
        <v>11001</v>
      </c>
      <c r="F934" s="5" t="s">
        <v>1868</v>
      </c>
      <c r="G934" s="5" t="s">
        <v>1869</v>
      </c>
    </row>
    <row r="935" spans="1:7">
      <c r="A935" s="5" t="s">
        <v>7</v>
      </c>
      <c r="B935" s="5">
        <v>934</v>
      </c>
      <c r="C935" s="5" t="s">
        <v>8</v>
      </c>
      <c r="D935" s="5" t="s">
        <v>8</v>
      </c>
      <c r="E935" s="6">
        <v>11001</v>
      </c>
      <c r="F935" s="5" t="s">
        <v>1870</v>
      </c>
      <c r="G935" s="5" t="s">
        <v>1871</v>
      </c>
    </row>
    <row r="936" spans="1:7">
      <c r="A936" s="5" t="s">
        <v>7</v>
      </c>
      <c r="B936" s="5">
        <v>935</v>
      </c>
      <c r="C936" s="5" t="s">
        <v>8</v>
      </c>
      <c r="D936" s="5" t="s">
        <v>8</v>
      </c>
      <c r="E936" s="6">
        <v>11001</v>
      </c>
      <c r="F936" s="5" t="s">
        <v>1872</v>
      </c>
      <c r="G936" s="5" t="s">
        <v>1873</v>
      </c>
    </row>
    <row r="937" spans="1:7">
      <c r="A937" s="5" t="s">
        <v>7</v>
      </c>
      <c r="B937" s="5">
        <v>936</v>
      </c>
      <c r="C937" s="5" t="s">
        <v>8</v>
      </c>
      <c r="D937" s="5" t="s">
        <v>8</v>
      </c>
      <c r="E937" s="6">
        <v>11001</v>
      </c>
      <c r="F937" s="5" t="s">
        <v>1874</v>
      </c>
      <c r="G937" s="5" t="s">
        <v>1875</v>
      </c>
    </row>
    <row r="938" spans="1:7">
      <c r="A938" s="5" t="s">
        <v>7</v>
      </c>
      <c r="B938" s="5">
        <v>937</v>
      </c>
      <c r="C938" s="5" t="s">
        <v>8</v>
      </c>
      <c r="D938" s="5" t="s">
        <v>8</v>
      </c>
      <c r="E938" s="6">
        <v>11001</v>
      </c>
      <c r="F938" s="5" t="s">
        <v>1876</v>
      </c>
      <c r="G938" s="5" t="s">
        <v>1877</v>
      </c>
    </row>
    <row r="939" spans="1:7">
      <c r="A939" s="5" t="s">
        <v>7</v>
      </c>
      <c r="B939" s="5">
        <v>938</v>
      </c>
      <c r="C939" s="5" t="s">
        <v>8</v>
      </c>
      <c r="D939" s="5" t="s">
        <v>8</v>
      </c>
      <c r="E939" s="6">
        <v>11001</v>
      </c>
      <c r="F939" s="5" t="s">
        <v>1878</v>
      </c>
      <c r="G939" s="5" t="s">
        <v>1879</v>
      </c>
    </row>
    <row r="940" spans="1:7">
      <c r="A940" s="5" t="s">
        <v>7</v>
      </c>
      <c r="B940" s="5">
        <v>939</v>
      </c>
      <c r="C940" s="5" t="s">
        <v>8</v>
      </c>
      <c r="D940" s="5" t="s">
        <v>8</v>
      </c>
      <c r="E940" s="6">
        <v>11001</v>
      </c>
      <c r="F940" s="5" t="s">
        <v>1880</v>
      </c>
      <c r="G940" s="5" t="s">
        <v>1881</v>
      </c>
    </row>
    <row r="941" spans="1:7">
      <c r="A941" s="5" t="s">
        <v>7</v>
      </c>
      <c r="B941" s="5">
        <v>940</v>
      </c>
      <c r="C941" s="5" t="s">
        <v>8</v>
      </c>
      <c r="D941" s="5" t="s">
        <v>8</v>
      </c>
      <c r="E941" s="6">
        <v>11001</v>
      </c>
      <c r="F941" s="5" t="s">
        <v>1882</v>
      </c>
      <c r="G941" s="5" t="s">
        <v>1883</v>
      </c>
    </row>
    <row r="942" spans="1:7">
      <c r="A942" s="5" t="s">
        <v>7</v>
      </c>
      <c r="B942" s="5">
        <v>941</v>
      </c>
      <c r="C942" s="5" t="s">
        <v>8</v>
      </c>
      <c r="D942" s="5" t="s">
        <v>8</v>
      </c>
      <c r="E942" s="6">
        <v>11001</v>
      </c>
      <c r="F942" s="5" t="s">
        <v>1884</v>
      </c>
      <c r="G942" s="5" t="s">
        <v>1885</v>
      </c>
    </row>
    <row r="943" spans="1:7">
      <c r="A943" s="5" t="s">
        <v>7</v>
      </c>
      <c r="B943" s="5">
        <v>942</v>
      </c>
      <c r="C943" s="5" t="s">
        <v>8</v>
      </c>
      <c r="D943" s="5" t="s">
        <v>8</v>
      </c>
      <c r="E943" s="6">
        <v>11001</v>
      </c>
      <c r="F943" s="5" t="s">
        <v>1886</v>
      </c>
      <c r="G943" s="5" t="s">
        <v>1887</v>
      </c>
    </row>
    <row r="944" spans="1:7">
      <c r="A944" s="5" t="s">
        <v>7</v>
      </c>
      <c r="B944" s="5">
        <v>943</v>
      </c>
      <c r="C944" s="5" t="s">
        <v>8</v>
      </c>
      <c r="D944" s="5" t="s">
        <v>8</v>
      </c>
      <c r="E944" s="6">
        <v>11001</v>
      </c>
      <c r="F944" s="5" t="s">
        <v>1888</v>
      </c>
      <c r="G944" s="5" t="s">
        <v>1889</v>
      </c>
    </row>
    <row r="945" spans="1:7">
      <c r="A945" s="5" t="s">
        <v>7</v>
      </c>
      <c r="B945" s="5">
        <v>944</v>
      </c>
      <c r="C945" s="5" t="s">
        <v>813</v>
      </c>
      <c r="D945" s="5" t="s">
        <v>814</v>
      </c>
      <c r="E945" s="6">
        <v>25754</v>
      </c>
      <c r="F945" s="5" t="s">
        <v>1890</v>
      </c>
      <c r="G945" s="5" t="s">
        <v>1891</v>
      </c>
    </row>
    <row r="946" spans="1:7">
      <c r="A946" s="5" t="s">
        <v>7</v>
      </c>
      <c r="B946" s="5">
        <v>945</v>
      </c>
      <c r="C946" s="5" t="s">
        <v>8</v>
      </c>
      <c r="D946" s="5" t="s">
        <v>8</v>
      </c>
      <c r="E946" s="6">
        <v>11001</v>
      </c>
      <c r="F946" s="5" t="s">
        <v>1892</v>
      </c>
      <c r="G946" s="5" t="s">
        <v>1893</v>
      </c>
    </row>
    <row r="947" spans="1:7">
      <c r="A947" s="5" t="s">
        <v>7</v>
      </c>
      <c r="B947" s="5">
        <v>946</v>
      </c>
      <c r="C947" s="5" t="s">
        <v>8</v>
      </c>
      <c r="D947" s="5" t="s">
        <v>8</v>
      </c>
      <c r="E947" s="6">
        <v>11001</v>
      </c>
      <c r="F947" s="5" t="s">
        <v>1894</v>
      </c>
      <c r="G947" s="5" t="s">
        <v>1895</v>
      </c>
    </row>
    <row r="948" spans="1:7">
      <c r="A948" s="5" t="s">
        <v>7</v>
      </c>
      <c r="B948" s="5">
        <v>947</v>
      </c>
      <c r="C948" s="5" t="s">
        <v>813</v>
      </c>
      <c r="D948" s="5" t="s">
        <v>814</v>
      </c>
      <c r="E948" s="6">
        <v>25754</v>
      </c>
      <c r="F948" s="5" t="s">
        <v>1896</v>
      </c>
      <c r="G948" s="5" t="s">
        <v>1897</v>
      </c>
    </row>
    <row r="949" spans="1:7">
      <c r="A949" s="5" t="s">
        <v>7</v>
      </c>
      <c r="B949" s="5">
        <v>948</v>
      </c>
      <c r="C949" s="5" t="s">
        <v>8</v>
      </c>
      <c r="D949" s="5" t="s">
        <v>8</v>
      </c>
      <c r="E949" s="6">
        <v>11001</v>
      </c>
      <c r="F949" s="5" t="s">
        <v>1898</v>
      </c>
      <c r="G949" s="5" t="s">
        <v>1899</v>
      </c>
    </row>
    <row r="950" spans="1:7">
      <c r="A950" s="5" t="s">
        <v>7</v>
      </c>
      <c r="B950" s="5">
        <v>949</v>
      </c>
      <c r="C950" s="5" t="s">
        <v>8</v>
      </c>
      <c r="D950" s="5" t="s">
        <v>8</v>
      </c>
      <c r="E950" s="6">
        <v>11001</v>
      </c>
      <c r="F950" s="5" t="s">
        <v>1900</v>
      </c>
      <c r="G950" s="5" t="s">
        <v>1901</v>
      </c>
    </row>
    <row r="951" spans="1:7">
      <c r="A951" s="5" t="s">
        <v>7</v>
      </c>
      <c r="B951" s="5">
        <v>950</v>
      </c>
      <c r="C951" s="5" t="s">
        <v>8</v>
      </c>
      <c r="D951" s="5" t="s">
        <v>8</v>
      </c>
      <c r="E951" s="6">
        <v>11001</v>
      </c>
      <c r="F951" s="5" t="s">
        <v>1902</v>
      </c>
      <c r="G951" s="5" t="s">
        <v>1903</v>
      </c>
    </row>
    <row r="952" spans="1:7">
      <c r="A952" s="5" t="s">
        <v>7</v>
      </c>
      <c r="B952" s="5">
        <v>951</v>
      </c>
      <c r="C952" s="5" t="s">
        <v>8</v>
      </c>
      <c r="D952" s="5" t="s">
        <v>8</v>
      </c>
      <c r="E952" s="6">
        <v>11001</v>
      </c>
      <c r="F952" s="5" t="s">
        <v>1904</v>
      </c>
      <c r="G952" s="5" t="s">
        <v>1905</v>
      </c>
    </row>
    <row r="953" spans="1:7">
      <c r="A953" s="5" t="s">
        <v>7</v>
      </c>
      <c r="B953" s="5">
        <v>952</v>
      </c>
      <c r="C953" s="5" t="s">
        <v>8</v>
      </c>
      <c r="D953" s="5" t="s">
        <v>8</v>
      </c>
      <c r="E953" s="6">
        <v>11001</v>
      </c>
      <c r="F953" s="5" t="s">
        <v>1906</v>
      </c>
      <c r="G953" s="5" t="s">
        <v>1907</v>
      </c>
    </row>
    <row r="954" spans="1:7">
      <c r="A954" s="5" t="s">
        <v>7</v>
      </c>
      <c r="B954" s="5">
        <v>953</v>
      </c>
      <c r="C954" s="5" t="s">
        <v>8</v>
      </c>
      <c r="D954" s="5" t="s">
        <v>8</v>
      </c>
      <c r="E954" s="6">
        <v>11001</v>
      </c>
      <c r="F954" s="5" t="s">
        <v>1908</v>
      </c>
      <c r="G954" s="5" t="s">
        <v>1909</v>
      </c>
    </row>
    <row r="955" spans="1:7">
      <c r="A955" s="5" t="s">
        <v>7</v>
      </c>
      <c r="B955" s="5">
        <v>954</v>
      </c>
      <c r="C955" s="5" t="s">
        <v>8</v>
      </c>
      <c r="D955" s="5" t="s">
        <v>8</v>
      </c>
      <c r="E955" s="6">
        <v>11001</v>
      </c>
      <c r="F955" s="5" t="s">
        <v>1910</v>
      </c>
      <c r="G955" s="5" t="s">
        <v>1911</v>
      </c>
    </row>
    <row r="956" spans="1:7">
      <c r="A956" s="5" t="s">
        <v>7</v>
      </c>
      <c r="B956" s="5">
        <v>955</v>
      </c>
      <c r="C956" s="5" t="s">
        <v>8</v>
      </c>
      <c r="D956" s="5" t="s">
        <v>8</v>
      </c>
      <c r="E956" s="6">
        <v>11001</v>
      </c>
      <c r="F956" s="5" t="s">
        <v>1912</v>
      </c>
      <c r="G956" s="5" t="s">
        <v>1913</v>
      </c>
    </row>
    <row r="957" spans="1:7">
      <c r="A957" s="5" t="s">
        <v>7</v>
      </c>
      <c r="B957" s="5">
        <v>956</v>
      </c>
      <c r="C957" s="5" t="s">
        <v>8</v>
      </c>
      <c r="D957" s="5" t="s">
        <v>8</v>
      </c>
      <c r="E957" s="6">
        <v>11001</v>
      </c>
      <c r="F957" s="5" t="s">
        <v>1914</v>
      </c>
      <c r="G957" s="5" t="s">
        <v>1915</v>
      </c>
    </row>
    <row r="958" spans="1:7">
      <c r="A958" s="5" t="s">
        <v>7</v>
      </c>
      <c r="B958" s="5">
        <v>957</v>
      </c>
      <c r="C958" s="5" t="s">
        <v>8</v>
      </c>
      <c r="D958" s="5" t="s">
        <v>8</v>
      </c>
      <c r="E958" s="6">
        <v>11001</v>
      </c>
      <c r="F958" s="5" t="s">
        <v>1916</v>
      </c>
      <c r="G958" s="5" t="s">
        <v>1917</v>
      </c>
    </row>
    <row r="959" spans="1:7">
      <c r="A959" s="5" t="s">
        <v>7</v>
      </c>
      <c r="B959" s="5">
        <v>958</v>
      </c>
      <c r="C959" s="5" t="s">
        <v>8</v>
      </c>
      <c r="D959" s="5" t="s">
        <v>8</v>
      </c>
      <c r="E959" s="6">
        <v>11001</v>
      </c>
      <c r="F959" s="5" t="s">
        <v>1918</v>
      </c>
      <c r="G959" s="5" t="s">
        <v>1919</v>
      </c>
    </row>
    <row r="960" spans="1:7">
      <c r="A960" s="5" t="s">
        <v>7</v>
      </c>
      <c r="B960" s="5">
        <v>959</v>
      </c>
      <c r="C960" s="5" t="s">
        <v>8</v>
      </c>
      <c r="D960" s="5" t="s">
        <v>8</v>
      </c>
      <c r="E960" s="6">
        <v>11001</v>
      </c>
      <c r="F960" s="5" t="s">
        <v>1920</v>
      </c>
      <c r="G960" s="5" t="s">
        <v>1921</v>
      </c>
    </row>
    <row r="961" spans="1:7">
      <c r="A961" s="5" t="s">
        <v>7</v>
      </c>
      <c r="B961" s="5">
        <v>960</v>
      </c>
      <c r="C961" s="5" t="s">
        <v>8</v>
      </c>
      <c r="D961" s="5" t="s">
        <v>8</v>
      </c>
      <c r="E961" s="6">
        <v>11001</v>
      </c>
      <c r="F961" s="5" t="s">
        <v>1922</v>
      </c>
      <c r="G961" s="5" t="s">
        <v>1923</v>
      </c>
    </row>
    <row r="962" spans="1:7">
      <c r="A962" s="5" t="s">
        <v>7</v>
      </c>
      <c r="B962" s="5">
        <v>961</v>
      </c>
      <c r="C962" s="5" t="s">
        <v>8</v>
      </c>
      <c r="D962" s="5" t="s">
        <v>8</v>
      </c>
      <c r="E962" s="6">
        <v>11001</v>
      </c>
      <c r="F962" s="5" t="s">
        <v>1924</v>
      </c>
      <c r="G962" s="5" t="s">
        <v>1925</v>
      </c>
    </row>
    <row r="963" spans="1:7">
      <c r="A963" s="5" t="s">
        <v>7</v>
      </c>
      <c r="B963" s="5">
        <v>962</v>
      </c>
      <c r="C963" s="5" t="s">
        <v>8</v>
      </c>
      <c r="D963" s="5" t="s">
        <v>8</v>
      </c>
      <c r="E963" s="6">
        <v>11001</v>
      </c>
      <c r="F963" s="5" t="s">
        <v>1926</v>
      </c>
      <c r="G963" s="5" t="s">
        <v>1927</v>
      </c>
    </row>
    <row r="964" spans="1:7">
      <c r="A964" s="5" t="s">
        <v>7</v>
      </c>
      <c r="B964" s="5">
        <v>963</v>
      </c>
      <c r="C964" s="5" t="s">
        <v>8</v>
      </c>
      <c r="D964" s="5" t="s">
        <v>8</v>
      </c>
      <c r="E964" s="6">
        <v>11001</v>
      </c>
      <c r="F964" s="5" t="s">
        <v>1928</v>
      </c>
      <c r="G964" s="5" t="s">
        <v>1929</v>
      </c>
    </row>
    <row r="965" spans="1:7">
      <c r="A965" s="5" t="s">
        <v>7</v>
      </c>
      <c r="B965" s="5">
        <v>964</v>
      </c>
      <c r="C965" s="5" t="s">
        <v>8</v>
      </c>
      <c r="D965" s="5" t="s">
        <v>8</v>
      </c>
      <c r="E965" s="6">
        <v>11001</v>
      </c>
      <c r="F965" s="5" t="s">
        <v>1930</v>
      </c>
      <c r="G965" s="5" t="s">
        <v>1931</v>
      </c>
    </row>
    <row r="966" spans="1:7">
      <c r="A966" s="5" t="s">
        <v>7</v>
      </c>
      <c r="B966" s="5">
        <v>965</v>
      </c>
      <c r="C966" s="5" t="s">
        <v>8</v>
      </c>
      <c r="D966" s="5" t="s">
        <v>8</v>
      </c>
      <c r="E966" s="6">
        <v>11001</v>
      </c>
      <c r="F966" s="5" t="s">
        <v>1932</v>
      </c>
      <c r="G966" s="5" t="s">
        <v>1933</v>
      </c>
    </row>
    <row r="967" spans="1:7">
      <c r="A967" s="5" t="s">
        <v>7</v>
      </c>
      <c r="B967" s="5">
        <v>966</v>
      </c>
      <c r="C967" s="5" t="s">
        <v>8</v>
      </c>
      <c r="D967" s="5" t="s">
        <v>8</v>
      </c>
      <c r="E967" s="6">
        <v>11001</v>
      </c>
      <c r="F967" s="5" t="s">
        <v>1934</v>
      </c>
      <c r="G967" s="5" t="s">
        <v>1935</v>
      </c>
    </row>
    <row r="968" spans="1:7">
      <c r="A968" s="5" t="s">
        <v>7</v>
      </c>
      <c r="B968" s="5">
        <v>967</v>
      </c>
      <c r="C968" s="5" t="s">
        <v>8</v>
      </c>
      <c r="D968" s="5" t="s">
        <v>8</v>
      </c>
      <c r="E968" s="6">
        <v>11001</v>
      </c>
      <c r="F968" s="5" t="s">
        <v>1936</v>
      </c>
      <c r="G968" s="5" t="s">
        <v>1937</v>
      </c>
    </row>
    <row r="969" spans="1:7">
      <c r="A969" s="5" t="s">
        <v>7</v>
      </c>
      <c r="B969" s="5">
        <v>968</v>
      </c>
      <c r="C969" s="5" t="s">
        <v>8</v>
      </c>
      <c r="D969" s="5" t="s">
        <v>8</v>
      </c>
      <c r="E969" s="6">
        <v>11001</v>
      </c>
      <c r="F969" s="5" t="s">
        <v>1938</v>
      </c>
      <c r="G969" s="5" t="s">
        <v>1939</v>
      </c>
    </row>
    <row r="970" spans="1:7">
      <c r="A970" s="5" t="s">
        <v>7</v>
      </c>
      <c r="B970" s="5">
        <v>969</v>
      </c>
      <c r="C970" s="5" t="s">
        <v>8</v>
      </c>
      <c r="D970" s="5" t="s">
        <v>8</v>
      </c>
      <c r="E970" s="6">
        <v>11001</v>
      </c>
      <c r="F970" s="5" t="s">
        <v>1940</v>
      </c>
      <c r="G970" s="5" t="s">
        <v>1941</v>
      </c>
    </row>
    <row r="971" spans="1:7">
      <c r="A971" s="5" t="s">
        <v>7</v>
      </c>
      <c r="B971" s="5">
        <v>970</v>
      </c>
      <c r="C971" s="5" t="s">
        <v>8</v>
      </c>
      <c r="D971" s="5" t="s">
        <v>8</v>
      </c>
      <c r="E971" s="6">
        <v>11001</v>
      </c>
      <c r="F971" s="5" t="s">
        <v>1942</v>
      </c>
      <c r="G971" s="5" t="s">
        <v>1943</v>
      </c>
    </row>
    <row r="972" spans="1:7">
      <c r="A972" s="5" t="s">
        <v>7</v>
      </c>
      <c r="B972" s="5">
        <v>971</v>
      </c>
      <c r="C972" s="5" t="s">
        <v>8</v>
      </c>
      <c r="D972" s="5" t="s">
        <v>8</v>
      </c>
      <c r="E972" s="6">
        <v>11001</v>
      </c>
      <c r="F972" s="5" t="s">
        <v>1944</v>
      </c>
      <c r="G972" s="5" t="s">
        <v>1945</v>
      </c>
    </row>
    <row r="973" spans="1:7">
      <c r="A973" s="5" t="s">
        <v>7</v>
      </c>
      <c r="B973" s="5">
        <v>972</v>
      </c>
      <c r="C973" s="5" t="s">
        <v>8</v>
      </c>
      <c r="D973" s="5" t="s">
        <v>8</v>
      </c>
      <c r="E973" s="6">
        <v>11001</v>
      </c>
      <c r="F973" s="5" t="s">
        <v>1946</v>
      </c>
      <c r="G973" s="5" t="s">
        <v>1947</v>
      </c>
    </row>
    <row r="974" spans="1:7">
      <c r="A974" s="5" t="s">
        <v>7</v>
      </c>
      <c r="B974" s="5">
        <v>973</v>
      </c>
      <c r="C974" s="5" t="s">
        <v>8</v>
      </c>
      <c r="D974" s="5" t="s">
        <v>8</v>
      </c>
      <c r="E974" s="6">
        <v>11001</v>
      </c>
      <c r="F974" s="5" t="s">
        <v>1948</v>
      </c>
      <c r="G974" s="5" t="s">
        <v>1949</v>
      </c>
    </row>
    <row r="975" spans="1:7">
      <c r="A975" s="5" t="s">
        <v>7</v>
      </c>
      <c r="B975" s="5">
        <v>974</v>
      </c>
      <c r="C975" s="5" t="s">
        <v>8</v>
      </c>
      <c r="D975" s="5" t="s">
        <v>8</v>
      </c>
      <c r="E975" s="6">
        <v>11001</v>
      </c>
      <c r="F975" s="5" t="s">
        <v>1950</v>
      </c>
      <c r="G975" s="5" t="s">
        <v>1951</v>
      </c>
    </row>
    <row r="976" spans="1:7">
      <c r="A976" s="5" t="s">
        <v>7</v>
      </c>
      <c r="B976" s="5">
        <v>975</v>
      </c>
      <c r="C976" s="5" t="s">
        <v>8</v>
      </c>
      <c r="D976" s="5" t="s">
        <v>8</v>
      </c>
      <c r="E976" s="6">
        <v>11001</v>
      </c>
      <c r="F976" s="5" t="s">
        <v>1952</v>
      </c>
      <c r="G976" s="5" t="s">
        <v>1953</v>
      </c>
    </row>
    <row r="977" spans="1:7">
      <c r="A977" s="5" t="s">
        <v>7</v>
      </c>
      <c r="B977" s="5">
        <v>976</v>
      </c>
      <c r="C977" s="5" t="s">
        <v>8</v>
      </c>
      <c r="D977" s="5" t="s">
        <v>8</v>
      </c>
      <c r="E977" s="6">
        <v>11001</v>
      </c>
      <c r="F977" s="5" t="s">
        <v>1954</v>
      </c>
      <c r="G977" s="5" t="s">
        <v>1955</v>
      </c>
    </row>
    <row r="978" spans="1:7">
      <c r="A978" s="5" t="s">
        <v>7</v>
      </c>
      <c r="B978" s="5">
        <v>977</v>
      </c>
      <c r="C978" s="5" t="s">
        <v>8</v>
      </c>
      <c r="D978" s="5" t="s">
        <v>8</v>
      </c>
      <c r="E978" s="6">
        <v>11001</v>
      </c>
      <c r="F978" s="5" t="s">
        <v>1956</v>
      </c>
      <c r="G978" s="5" t="s">
        <v>1957</v>
      </c>
    </row>
    <row r="979" spans="1:7">
      <c r="A979" s="5" t="s">
        <v>7</v>
      </c>
      <c r="B979" s="5">
        <v>978</v>
      </c>
      <c r="C979" s="5" t="s">
        <v>8</v>
      </c>
      <c r="D979" s="5" t="s">
        <v>8</v>
      </c>
      <c r="E979" s="6">
        <v>11001</v>
      </c>
      <c r="F979" s="5" t="s">
        <v>1958</v>
      </c>
      <c r="G979" s="5" t="s">
        <v>1959</v>
      </c>
    </row>
    <row r="980" spans="1:7">
      <c r="A980" s="5" t="s">
        <v>7</v>
      </c>
      <c r="B980" s="5">
        <v>979</v>
      </c>
      <c r="C980" s="5" t="s">
        <v>8</v>
      </c>
      <c r="D980" s="5" t="s">
        <v>8</v>
      </c>
      <c r="E980" s="6">
        <v>11001</v>
      </c>
      <c r="F980" s="5" t="s">
        <v>1960</v>
      </c>
      <c r="G980" s="5" t="s">
        <v>1961</v>
      </c>
    </row>
    <row r="981" spans="1:7">
      <c r="A981" s="5" t="s">
        <v>7</v>
      </c>
      <c r="B981" s="5">
        <v>980</v>
      </c>
      <c r="C981" s="5" t="s">
        <v>8</v>
      </c>
      <c r="D981" s="5" t="s">
        <v>8</v>
      </c>
      <c r="E981" s="6">
        <v>11001</v>
      </c>
      <c r="F981" s="5" t="s">
        <v>1962</v>
      </c>
      <c r="G981" s="5" t="s">
        <v>1963</v>
      </c>
    </row>
    <row r="982" spans="1:7">
      <c r="A982" s="5" t="s">
        <v>7</v>
      </c>
      <c r="B982" s="5">
        <v>981</v>
      </c>
      <c r="C982" s="5" t="s">
        <v>8</v>
      </c>
      <c r="D982" s="5" t="s">
        <v>8</v>
      </c>
      <c r="E982" s="6">
        <v>11001</v>
      </c>
      <c r="F982" s="5" t="s">
        <v>1964</v>
      </c>
      <c r="G982" s="5" t="s">
        <v>1965</v>
      </c>
    </row>
    <row r="983" spans="1:7">
      <c r="A983" s="5" t="s">
        <v>7</v>
      </c>
      <c r="B983" s="5">
        <v>982</v>
      </c>
      <c r="C983" s="5" t="s">
        <v>8</v>
      </c>
      <c r="D983" s="5" t="s">
        <v>8</v>
      </c>
      <c r="E983" s="6">
        <v>11001</v>
      </c>
      <c r="F983" s="5" t="s">
        <v>1966</v>
      </c>
      <c r="G983" s="5" t="s">
        <v>1967</v>
      </c>
    </row>
    <row r="984" spans="1:7">
      <c r="A984" s="5" t="s">
        <v>7</v>
      </c>
      <c r="B984" s="5">
        <v>983</v>
      </c>
      <c r="C984" s="5" t="s">
        <v>8</v>
      </c>
      <c r="D984" s="5" t="s">
        <v>8</v>
      </c>
      <c r="E984" s="6">
        <v>11001</v>
      </c>
      <c r="F984" s="5" t="s">
        <v>1968</v>
      </c>
      <c r="G984" s="5" t="s">
        <v>1969</v>
      </c>
    </row>
    <row r="985" spans="1:7">
      <c r="A985" s="5" t="s">
        <v>7</v>
      </c>
      <c r="B985" s="5">
        <v>984</v>
      </c>
      <c r="C985" s="5" t="s">
        <v>8</v>
      </c>
      <c r="D985" s="5" t="s">
        <v>8</v>
      </c>
      <c r="E985" s="6">
        <v>11001</v>
      </c>
      <c r="F985" s="5" t="s">
        <v>1970</v>
      </c>
      <c r="G985" s="5" t="s">
        <v>1971</v>
      </c>
    </row>
    <row r="986" spans="1:7">
      <c r="A986" s="5" t="s">
        <v>7</v>
      </c>
      <c r="B986" s="5">
        <v>985</v>
      </c>
      <c r="C986" s="5" t="s">
        <v>8</v>
      </c>
      <c r="D986" s="5" t="s">
        <v>8</v>
      </c>
      <c r="E986" s="6">
        <v>11001</v>
      </c>
      <c r="F986" s="5" t="s">
        <v>1972</v>
      </c>
      <c r="G986" s="5" t="s">
        <v>1973</v>
      </c>
    </row>
    <row r="987" spans="1:7">
      <c r="A987" s="5" t="s">
        <v>7</v>
      </c>
      <c r="B987" s="5">
        <v>986</v>
      </c>
      <c r="C987" s="5" t="s">
        <v>8</v>
      </c>
      <c r="D987" s="5" t="s">
        <v>8</v>
      </c>
      <c r="E987" s="6">
        <v>11001</v>
      </c>
      <c r="F987" s="5" t="s">
        <v>1974</v>
      </c>
      <c r="G987" s="5" t="s">
        <v>1975</v>
      </c>
    </row>
    <row r="988" spans="1:7">
      <c r="A988" s="5" t="s">
        <v>7</v>
      </c>
      <c r="B988" s="5">
        <v>987</v>
      </c>
      <c r="C988" s="5" t="s">
        <v>8</v>
      </c>
      <c r="D988" s="5" t="s">
        <v>8</v>
      </c>
      <c r="E988" s="6">
        <v>11001</v>
      </c>
      <c r="F988" s="5" t="s">
        <v>1976</v>
      </c>
      <c r="G988" s="5" t="s">
        <v>1977</v>
      </c>
    </row>
    <row r="989" spans="1:7">
      <c r="A989" s="5" t="s">
        <v>7</v>
      </c>
      <c r="B989" s="5">
        <v>988</v>
      </c>
      <c r="C989" s="5" t="s">
        <v>8</v>
      </c>
      <c r="D989" s="5" t="s">
        <v>8</v>
      </c>
      <c r="E989" s="6">
        <v>11001</v>
      </c>
      <c r="F989" s="5" t="s">
        <v>1978</v>
      </c>
      <c r="G989" s="5" t="s">
        <v>1979</v>
      </c>
    </row>
    <row r="990" spans="1:7">
      <c r="A990" s="5" t="s">
        <v>7</v>
      </c>
      <c r="B990" s="5">
        <v>989</v>
      </c>
      <c r="C990" s="5" t="s">
        <v>8</v>
      </c>
      <c r="D990" s="5" t="s">
        <v>8</v>
      </c>
      <c r="E990" s="6">
        <v>11001</v>
      </c>
      <c r="F990" s="5" t="s">
        <v>1980</v>
      </c>
      <c r="G990" s="5" t="s">
        <v>1981</v>
      </c>
    </row>
    <row r="991" spans="1:7">
      <c r="A991" s="5" t="s">
        <v>7</v>
      </c>
      <c r="B991" s="5">
        <v>990</v>
      </c>
      <c r="C991" s="5" t="s">
        <v>8</v>
      </c>
      <c r="D991" s="5" t="s">
        <v>8</v>
      </c>
      <c r="E991" s="6">
        <v>11001</v>
      </c>
      <c r="F991" s="5" t="s">
        <v>1982</v>
      </c>
      <c r="G991" s="5" t="s">
        <v>1983</v>
      </c>
    </row>
    <row r="992" spans="1:7">
      <c r="A992" s="5" t="s">
        <v>7</v>
      </c>
      <c r="B992" s="5">
        <v>991</v>
      </c>
      <c r="C992" s="5" t="s">
        <v>8</v>
      </c>
      <c r="D992" s="5" t="s">
        <v>8</v>
      </c>
      <c r="E992" s="6">
        <v>11001</v>
      </c>
      <c r="F992" s="5" t="s">
        <v>1984</v>
      </c>
      <c r="G992" s="5" t="s">
        <v>1985</v>
      </c>
    </row>
    <row r="993" spans="1:7">
      <c r="A993" s="5" t="s">
        <v>7</v>
      </c>
      <c r="B993" s="5">
        <v>992</v>
      </c>
      <c r="C993" s="5" t="s">
        <v>8</v>
      </c>
      <c r="D993" s="5" t="s">
        <v>8</v>
      </c>
      <c r="E993" s="6">
        <v>11001</v>
      </c>
      <c r="F993" s="5" t="s">
        <v>1986</v>
      </c>
      <c r="G993" s="5" t="s">
        <v>1987</v>
      </c>
    </row>
    <row r="994" spans="1:7">
      <c r="A994" s="5" t="s">
        <v>7</v>
      </c>
      <c r="B994" s="5">
        <v>993</v>
      </c>
      <c r="C994" s="5" t="s">
        <v>8</v>
      </c>
      <c r="D994" s="5" t="s">
        <v>8</v>
      </c>
      <c r="E994" s="6">
        <v>11001</v>
      </c>
      <c r="F994" s="5" t="s">
        <v>1988</v>
      </c>
      <c r="G994" s="5" t="s">
        <v>1989</v>
      </c>
    </row>
    <row r="995" spans="1:7">
      <c r="A995" s="5" t="s">
        <v>7</v>
      </c>
      <c r="B995" s="5">
        <v>994</v>
      </c>
      <c r="C995" s="5" t="s">
        <v>8</v>
      </c>
      <c r="D995" s="5" t="s">
        <v>8</v>
      </c>
      <c r="E995" s="6">
        <v>11001</v>
      </c>
      <c r="F995" s="5" t="s">
        <v>1990</v>
      </c>
      <c r="G995" s="5" t="s">
        <v>1991</v>
      </c>
    </row>
    <row r="996" spans="1:7">
      <c r="A996" s="5" t="s">
        <v>7</v>
      </c>
      <c r="B996" s="5">
        <v>995</v>
      </c>
      <c r="C996" s="5" t="s">
        <v>8</v>
      </c>
      <c r="D996" s="5" t="s">
        <v>8</v>
      </c>
      <c r="E996" s="6">
        <v>11001</v>
      </c>
      <c r="F996" s="5" t="s">
        <v>77</v>
      </c>
      <c r="G996" s="5" t="s">
        <v>1992</v>
      </c>
    </row>
    <row r="997" spans="1:7">
      <c r="A997" s="5" t="s">
        <v>7</v>
      </c>
      <c r="B997" s="5">
        <v>996</v>
      </c>
      <c r="C997" s="5" t="s">
        <v>8</v>
      </c>
      <c r="D997" s="5" t="s">
        <v>8</v>
      </c>
      <c r="E997" s="6">
        <v>11001</v>
      </c>
      <c r="F997" s="5" t="s">
        <v>1993</v>
      </c>
      <c r="G997" s="5" t="s">
        <v>1994</v>
      </c>
    </row>
    <row r="998" spans="1:7">
      <c r="A998" s="5" t="s">
        <v>7</v>
      </c>
      <c r="B998" s="5">
        <v>997</v>
      </c>
      <c r="C998" s="5" t="s">
        <v>8</v>
      </c>
      <c r="D998" s="5" t="s">
        <v>8</v>
      </c>
      <c r="E998" s="6">
        <v>11001</v>
      </c>
      <c r="F998" s="5" t="s">
        <v>1995</v>
      </c>
      <c r="G998" s="5" t="s">
        <v>1996</v>
      </c>
    </row>
    <row r="999" spans="1:7">
      <c r="A999" s="5" t="s">
        <v>7</v>
      </c>
      <c r="B999" s="5">
        <v>998</v>
      </c>
      <c r="C999" s="5" t="s">
        <v>8</v>
      </c>
      <c r="D999" s="5" t="s">
        <v>8</v>
      </c>
      <c r="E999" s="6">
        <v>11001</v>
      </c>
      <c r="F999" s="5" t="s">
        <v>1997</v>
      </c>
      <c r="G999" s="5" t="s">
        <v>1998</v>
      </c>
    </row>
    <row r="1000" spans="1:7">
      <c r="A1000" s="5" t="s">
        <v>7</v>
      </c>
      <c r="B1000" s="5">
        <v>999</v>
      </c>
      <c r="C1000" s="5" t="s">
        <v>8</v>
      </c>
      <c r="D1000" s="5" t="s">
        <v>8</v>
      </c>
      <c r="E1000" s="6">
        <v>11001</v>
      </c>
      <c r="F1000" s="5" t="s">
        <v>1999</v>
      </c>
      <c r="G1000" s="5" t="s">
        <v>2000</v>
      </c>
    </row>
    <row r="1001" spans="1:7">
      <c r="A1001" s="5" t="s">
        <v>7</v>
      </c>
      <c r="B1001" s="5">
        <v>1000</v>
      </c>
      <c r="C1001" s="5" t="s">
        <v>8</v>
      </c>
      <c r="D1001" s="5" t="s">
        <v>8</v>
      </c>
      <c r="E1001" s="6">
        <v>11001</v>
      </c>
      <c r="F1001" s="5" t="s">
        <v>2001</v>
      </c>
      <c r="G1001" s="5" t="s">
        <v>2002</v>
      </c>
    </row>
    <row r="1002" spans="1:7">
      <c r="A1002" s="5" t="s">
        <v>7</v>
      </c>
      <c r="B1002" s="5">
        <v>1001</v>
      </c>
      <c r="C1002" s="5" t="s">
        <v>8</v>
      </c>
      <c r="D1002" s="5" t="s">
        <v>8</v>
      </c>
      <c r="E1002" s="6">
        <v>11001</v>
      </c>
      <c r="F1002" s="5" t="s">
        <v>2003</v>
      </c>
      <c r="G1002" s="5" t="s">
        <v>2004</v>
      </c>
    </row>
    <row r="1003" spans="1:7">
      <c r="A1003" s="5" t="s">
        <v>7</v>
      </c>
      <c r="B1003" s="5">
        <v>1002</v>
      </c>
      <c r="C1003" s="5" t="s">
        <v>8</v>
      </c>
      <c r="D1003" s="5" t="s">
        <v>8</v>
      </c>
      <c r="E1003" s="6">
        <v>11001</v>
      </c>
      <c r="F1003" s="5" t="s">
        <v>2005</v>
      </c>
      <c r="G1003" s="5" t="s">
        <v>2006</v>
      </c>
    </row>
    <row r="1004" spans="1:7">
      <c r="A1004" s="5" t="s">
        <v>7</v>
      </c>
      <c r="B1004" s="5">
        <v>1003</v>
      </c>
      <c r="C1004" s="5" t="s">
        <v>8</v>
      </c>
      <c r="D1004" s="5" t="s">
        <v>8</v>
      </c>
      <c r="E1004" s="6">
        <v>11001</v>
      </c>
      <c r="F1004" s="5" t="s">
        <v>2007</v>
      </c>
      <c r="G1004" s="5" t="s">
        <v>2008</v>
      </c>
    </row>
    <row r="1005" spans="1:7">
      <c r="A1005" s="5" t="s">
        <v>7</v>
      </c>
      <c r="B1005" s="5">
        <v>1004</v>
      </c>
      <c r="C1005" s="5" t="s">
        <v>8</v>
      </c>
      <c r="D1005" s="5" t="s">
        <v>8</v>
      </c>
      <c r="E1005" s="6">
        <v>11001</v>
      </c>
      <c r="F1005" s="5" t="s">
        <v>2009</v>
      </c>
      <c r="G1005" s="5" t="s">
        <v>2010</v>
      </c>
    </row>
    <row r="1006" spans="1:7">
      <c r="A1006" s="5" t="s">
        <v>7</v>
      </c>
      <c r="B1006" s="5">
        <v>1005</v>
      </c>
      <c r="C1006" s="5" t="s">
        <v>8</v>
      </c>
      <c r="D1006" s="5" t="s">
        <v>8</v>
      </c>
      <c r="E1006" s="6">
        <v>11001</v>
      </c>
      <c r="F1006" s="5" t="s">
        <v>2011</v>
      </c>
      <c r="G1006" s="5" t="s">
        <v>2012</v>
      </c>
    </row>
    <row r="1007" spans="1:7">
      <c r="A1007" s="5" t="s">
        <v>7</v>
      </c>
      <c r="B1007" s="5">
        <v>1006</v>
      </c>
      <c r="C1007" s="5" t="s">
        <v>8</v>
      </c>
      <c r="D1007" s="5" t="s">
        <v>8</v>
      </c>
      <c r="E1007" s="6">
        <v>11001</v>
      </c>
      <c r="F1007" s="5" t="s">
        <v>2013</v>
      </c>
      <c r="G1007" s="5" t="s">
        <v>2014</v>
      </c>
    </row>
    <row r="1008" spans="1:7">
      <c r="A1008" s="5" t="s">
        <v>7</v>
      </c>
      <c r="B1008" s="5">
        <v>1007</v>
      </c>
      <c r="C1008" s="5" t="s">
        <v>8</v>
      </c>
      <c r="D1008" s="5" t="s">
        <v>8</v>
      </c>
      <c r="E1008" s="6">
        <v>11001</v>
      </c>
      <c r="F1008" s="5" t="s">
        <v>2015</v>
      </c>
      <c r="G1008" s="5" t="s">
        <v>2016</v>
      </c>
    </row>
    <row r="1009" spans="1:7">
      <c r="A1009" s="5" t="s">
        <v>7</v>
      </c>
      <c r="B1009" s="5">
        <v>1008</v>
      </c>
      <c r="C1009" s="5" t="s">
        <v>8</v>
      </c>
      <c r="D1009" s="5" t="s">
        <v>8</v>
      </c>
      <c r="E1009" s="6">
        <v>11001</v>
      </c>
      <c r="F1009" s="5" t="s">
        <v>2017</v>
      </c>
      <c r="G1009" s="5" t="s">
        <v>2018</v>
      </c>
    </row>
    <row r="1010" spans="1:7">
      <c r="A1010" s="5" t="s">
        <v>7</v>
      </c>
      <c r="B1010" s="5">
        <v>1009</v>
      </c>
      <c r="C1010" s="5" t="s">
        <v>8</v>
      </c>
      <c r="D1010" s="5" t="s">
        <v>8</v>
      </c>
      <c r="E1010" s="6">
        <v>11001</v>
      </c>
      <c r="F1010" s="5" t="s">
        <v>2019</v>
      </c>
      <c r="G1010" s="5" t="s">
        <v>2020</v>
      </c>
    </row>
    <row r="1011" spans="1:7">
      <c r="A1011" s="5" t="s">
        <v>7</v>
      </c>
      <c r="B1011" s="5">
        <v>1010</v>
      </c>
      <c r="C1011" s="5" t="s">
        <v>8</v>
      </c>
      <c r="D1011" s="5" t="s">
        <v>8</v>
      </c>
      <c r="E1011" s="6">
        <v>11001</v>
      </c>
      <c r="F1011" s="5" t="s">
        <v>2021</v>
      </c>
      <c r="G1011" s="5" t="s">
        <v>2022</v>
      </c>
    </row>
    <row r="1012" spans="1:7">
      <c r="A1012" s="5" t="s">
        <v>7</v>
      </c>
      <c r="B1012" s="5">
        <v>1011</v>
      </c>
      <c r="C1012" s="5" t="s">
        <v>8</v>
      </c>
      <c r="D1012" s="5" t="s">
        <v>8</v>
      </c>
      <c r="E1012" s="6">
        <v>11001</v>
      </c>
      <c r="F1012" s="5" t="s">
        <v>2023</v>
      </c>
      <c r="G1012" s="5" t="s">
        <v>2024</v>
      </c>
    </row>
    <row r="1013" spans="1:7">
      <c r="A1013" s="5" t="s">
        <v>7</v>
      </c>
      <c r="B1013" s="5">
        <v>1012</v>
      </c>
      <c r="C1013" s="5" t="s">
        <v>8</v>
      </c>
      <c r="D1013" s="5" t="s">
        <v>8</v>
      </c>
      <c r="E1013" s="6">
        <v>11001</v>
      </c>
      <c r="F1013" s="5" t="s">
        <v>2025</v>
      </c>
      <c r="G1013" s="5" t="s">
        <v>2026</v>
      </c>
    </row>
    <row r="1014" spans="1:7">
      <c r="A1014" s="5" t="s">
        <v>7</v>
      </c>
      <c r="B1014" s="5">
        <v>1013</v>
      </c>
      <c r="C1014" s="5" t="s">
        <v>8</v>
      </c>
      <c r="D1014" s="5" t="s">
        <v>8</v>
      </c>
      <c r="E1014" s="6">
        <v>11001</v>
      </c>
      <c r="F1014" s="5" t="s">
        <v>2027</v>
      </c>
      <c r="G1014" s="5" t="s">
        <v>2028</v>
      </c>
    </row>
    <row r="1015" spans="1:7">
      <c r="A1015" s="5" t="s">
        <v>7</v>
      </c>
      <c r="B1015" s="5">
        <v>1014</v>
      </c>
      <c r="C1015" s="5" t="s">
        <v>8</v>
      </c>
      <c r="D1015" s="5" t="s">
        <v>8</v>
      </c>
      <c r="E1015" s="6">
        <v>11001</v>
      </c>
      <c r="F1015" s="5" t="s">
        <v>2029</v>
      </c>
      <c r="G1015" s="5" t="s">
        <v>2030</v>
      </c>
    </row>
    <row r="1016" spans="1:7">
      <c r="A1016" s="5" t="s">
        <v>7</v>
      </c>
      <c r="B1016" s="5">
        <v>1015</v>
      </c>
      <c r="C1016" s="5" t="s">
        <v>8</v>
      </c>
      <c r="D1016" s="5" t="s">
        <v>8</v>
      </c>
      <c r="E1016" s="6">
        <v>11001</v>
      </c>
      <c r="F1016" s="5" t="s">
        <v>2031</v>
      </c>
      <c r="G1016" s="5" t="s">
        <v>2032</v>
      </c>
    </row>
    <row r="1017" spans="1:7">
      <c r="A1017" s="5" t="s">
        <v>7</v>
      </c>
      <c r="B1017" s="5">
        <v>1016</v>
      </c>
      <c r="C1017" s="5" t="s">
        <v>8</v>
      </c>
      <c r="D1017" s="5" t="s">
        <v>8</v>
      </c>
      <c r="E1017" s="6">
        <v>11001</v>
      </c>
      <c r="F1017" s="5" t="s">
        <v>2033</v>
      </c>
      <c r="G1017" s="5" t="s">
        <v>2034</v>
      </c>
    </row>
    <row r="1018" spans="1:7">
      <c r="A1018" s="5" t="s">
        <v>7</v>
      </c>
      <c r="B1018" s="5">
        <v>1017</v>
      </c>
      <c r="C1018" s="5" t="s">
        <v>8</v>
      </c>
      <c r="D1018" s="5" t="s">
        <v>8</v>
      </c>
      <c r="E1018" s="6">
        <v>11001</v>
      </c>
      <c r="F1018" s="5" t="s">
        <v>2035</v>
      </c>
      <c r="G1018" s="5" t="s">
        <v>2036</v>
      </c>
    </row>
    <row r="1019" spans="1:7">
      <c r="A1019" s="5" t="s">
        <v>7</v>
      </c>
      <c r="B1019" s="5">
        <v>1018</v>
      </c>
      <c r="C1019" s="5" t="s">
        <v>8</v>
      </c>
      <c r="D1019" s="5" t="s">
        <v>8</v>
      </c>
      <c r="E1019" s="6">
        <v>11001</v>
      </c>
      <c r="F1019" s="5" t="s">
        <v>2037</v>
      </c>
      <c r="G1019" s="5" t="s">
        <v>2038</v>
      </c>
    </row>
    <row r="1020" spans="1:7">
      <c r="A1020" s="5" t="s">
        <v>7</v>
      </c>
      <c r="B1020" s="5">
        <v>1019</v>
      </c>
      <c r="C1020" s="5" t="s">
        <v>8</v>
      </c>
      <c r="D1020" s="5" t="s">
        <v>8</v>
      </c>
      <c r="E1020" s="6">
        <v>11001</v>
      </c>
      <c r="F1020" s="5" t="s">
        <v>2039</v>
      </c>
      <c r="G1020" s="5" t="s">
        <v>2040</v>
      </c>
    </row>
    <row r="1021" spans="1:7">
      <c r="A1021" s="5" t="s">
        <v>7</v>
      </c>
      <c r="B1021" s="5">
        <v>1020</v>
      </c>
      <c r="C1021" s="5" t="s">
        <v>8</v>
      </c>
      <c r="D1021" s="5" t="s">
        <v>8</v>
      </c>
      <c r="E1021" s="6">
        <v>11001</v>
      </c>
      <c r="F1021" s="5" t="s">
        <v>2041</v>
      </c>
      <c r="G1021" s="5" t="s">
        <v>2042</v>
      </c>
    </row>
    <row r="1022" spans="1:7">
      <c r="A1022" s="5" t="s">
        <v>7</v>
      </c>
      <c r="B1022" s="5">
        <v>1021</v>
      </c>
      <c r="C1022" s="5" t="s">
        <v>8</v>
      </c>
      <c r="D1022" s="5" t="s">
        <v>8</v>
      </c>
      <c r="E1022" s="6">
        <v>11001</v>
      </c>
      <c r="F1022" s="5" t="s">
        <v>2043</v>
      </c>
      <c r="G1022" s="5" t="s">
        <v>2044</v>
      </c>
    </row>
    <row r="1023" spans="1:7">
      <c r="A1023" s="5" t="s">
        <v>7</v>
      </c>
      <c r="B1023" s="5">
        <v>1022</v>
      </c>
      <c r="C1023" s="5" t="s">
        <v>8</v>
      </c>
      <c r="D1023" s="5" t="s">
        <v>8</v>
      </c>
      <c r="E1023" s="6">
        <v>11001</v>
      </c>
      <c r="F1023" s="5" t="s">
        <v>2045</v>
      </c>
      <c r="G1023" s="5" t="s">
        <v>2046</v>
      </c>
    </row>
    <row r="1024" spans="1:7">
      <c r="A1024" s="5" t="s">
        <v>7</v>
      </c>
      <c r="B1024" s="5">
        <v>1023</v>
      </c>
      <c r="C1024" s="5" t="s">
        <v>8</v>
      </c>
      <c r="D1024" s="5" t="s">
        <v>8</v>
      </c>
      <c r="E1024" s="6">
        <v>11001</v>
      </c>
      <c r="F1024" s="5" t="s">
        <v>2047</v>
      </c>
      <c r="G1024" s="5" t="s">
        <v>2048</v>
      </c>
    </row>
    <row r="1025" spans="1:7">
      <c r="A1025" s="5" t="s">
        <v>7</v>
      </c>
      <c r="B1025" s="5">
        <v>1024</v>
      </c>
      <c r="C1025" s="5" t="s">
        <v>8</v>
      </c>
      <c r="D1025" s="5" t="s">
        <v>8</v>
      </c>
      <c r="E1025" s="6">
        <v>11001</v>
      </c>
      <c r="F1025" s="5" t="s">
        <v>2049</v>
      </c>
      <c r="G1025" s="5" t="s">
        <v>2050</v>
      </c>
    </row>
    <row r="1026" spans="1:7">
      <c r="A1026" s="5" t="s">
        <v>7</v>
      </c>
      <c r="B1026" s="5">
        <v>1025</v>
      </c>
      <c r="C1026" s="5" t="s">
        <v>8</v>
      </c>
      <c r="D1026" s="5" t="s">
        <v>8</v>
      </c>
      <c r="E1026" s="6">
        <v>11001</v>
      </c>
      <c r="F1026" s="5" t="s">
        <v>2051</v>
      </c>
      <c r="G1026" s="5" t="s">
        <v>2052</v>
      </c>
    </row>
    <row r="1027" spans="1:7">
      <c r="A1027" s="5" t="s">
        <v>7</v>
      </c>
      <c r="B1027" s="5">
        <v>1026</v>
      </c>
      <c r="C1027" s="5" t="s">
        <v>8</v>
      </c>
      <c r="D1027" s="5" t="s">
        <v>8</v>
      </c>
      <c r="E1027" s="6">
        <v>11001</v>
      </c>
      <c r="F1027" s="5" t="s">
        <v>2053</v>
      </c>
      <c r="G1027" s="5" t="s">
        <v>2054</v>
      </c>
    </row>
    <row r="1028" spans="1:7">
      <c r="A1028" s="5" t="s">
        <v>7</v>
      </c>
      <c r="B1028" s="5">
        <v>1027</v>
      </c>
      <c r="C1028" s="5" t="s">
        <v>8</v>
      </c>
      <c r="D1028" s="5" t="s">
        <v>8</v>
      </c>
      <c r="E1028" s="6">
        <v>11001</v>
      </c>
      <c r="F1028" s="5" t="s">
        <v>2055</v>
      </c>
      <c r="G1028" s="5" t="s">
        <v>2056</v>
      </c>
    </row>
    <row r="1029" spans="1:7">
      <c r="A1029" s="5" t="s">
        <v>7</v>
      </c>
      <c r="B1029" s="5">
        <v>1028</v>
      </c>
      <c r="C1029" s="5" t="s">
        <v>8</v>
      </c>
      <c r="D1029" s="5" t="s">
        <v>8</v>
      </c>
      <c r="E1029" s="6">
        <v>11001</v>
      </c>
      <c r="F1029" s="5" t="s">
        <v>2057</v>
      </c>
      <c r="G1029" s="5" t="s">
        <v>2058</v>
      </c>
    </row>
    <row r="1030" spans="1:7">
      <c r="A1030" s="5" t="s">
        <v>7</v>
      </c>
      <c r="B1030" s="5">
        <v>1029</v>
      </c>
      <c r="C1030" s="5" t="s">
        <v>8</v>
      </c>
      <c r="D1030" s="5" t="s">
        <v>8</v>
      </c>
      <c r="E1030" s="6">
        <v>11001</v>
      </c>
      <c r="F1030" s="5" t="s">
        <v>2059</v>
      </c>
      <c r="G1030" s="5" t="s">
        <v>2060</v>
      </c>
    </row>
    <row r="1031" spans="1:7">
      <c r="A1031" s="5" t="s">
        <v>7</v>
      </c>
      <c r="B1031" s="5">
        <v>1030</v>
      </c>
      <c r="C1031" s="5" t="s">
        <v>8</v>
      </c>
      <c r="D1031" s="5" t="s">
        <v>8</v>
      </c>
      <c r="E1031" s="6">
        <v>11001</v>
      </c>
      <c r="F1031" s="5" t="s">
        <v>2061</v>
      </c>
      <c r="G1031" s="5" t="s">
        <v>2062</v>
      </c>
    </row>
    <row r="1032" spans="1:7">
      <c r="A1032" s="5" t="s">
        <v>7</v>
      </c>
      <c r="B1032" s="5">
        <v>1031</v>
      </c>
      <c r="C1032" s="5" t="s">
        <v>8</v>
      </c>
      <c r="D1032" s="5" t="s">
        <v>8</v>
      </c>
      <c r="E1032" s="6">
        <v>11001</v>
      </c>
      <c r="F1032" s="5" t="s">
        <v>2063</v>
      </c>
      <c r="G1032" s="5" t="s">
        <v>2064</v>
      </c>
    </row>
    <row r="1033" spans="1:7">
      <c r="A1033" s="5" t="s">
        <v>7</v>
      </c>
      <c r="B1033" s="5">
        <v>1032</v>
      </c>
      <c r="C1033" s="5" t="s">
        <v>8</v>
      </c>
      <c r="D1033" s="5" t="s">
        <v>8</v>
      </c>
      <c r="E1033" s="6">
        <v>11001</v>
      </c>
      <c r="F1033" s="5" t="s">
        <v>2065</v>
      </c>
      <c r="G1033" s="5" t="s">
        <v>2066</v>
      </c>
    </row>
    <row r="1034" spans="1:7">
      <c r="A1034" s="5" t="s">
        <v>7</v>
      </c>
      <c r="B1034" s="5">
        <v>1033</v>
      </c>
      <c r="C1034" s="5" t="s">
        <v>8</v>
      </c>
      <c r="D1034" s="5" t="s">
        <v>8</v>
      </c>
      <c r="E1034" s="6">
        <v>11001</v>
      </c>
      <c r="F1034" s="5" t="s">
        <v>2067</v>
      </c>
      <c r="G1034" s="5" t="s">
        <v>2068</v>
      </c>
    </row>
    <row r="1035" spans="1:7">
      <c r="A1035" s="5" t="s">
        <v>7</v>
      </c>
      <c r="B1035" s="5">
        <v>1034</v>
      </c>
      <c r="C1035" s="5" t="s">
        <v>8</v>
      </c>
      <c r="D1035" s="5" t="s">
        <v>8</v>
      </c>
      <c r="E1035" s="6">
        <v>11001</v>
      </c>
      <c r="F1035" s="5" t="s">
        <v>2069</v>
      </c>
      <c r="G1035" s="5" t="s">
        <v>2070</v>
      </c>
    </row>
    <row r="1036" spans="1:7">
      <c r="A1036" s="5" t="s">
        <v>7</v>
      </c>
      <c r="B1036" s="5">
        <v>1035</v>
      </c>
      <c r="C1036" s="5" t="s">
        <v>8</v>
      </c>
      <c r="D1036" s="5" t="s">
        <v>8</v>
      </c>
      <c r="E1036" s="6">
        <v>11001</v>
      </c>
      <c r="F1036" s="5" t="s">
        <v>2071</v>
      </c>
      <c r="G1036" s="5" t="s">
        <v>2072</v>
      </c>
    </row>
    <row r="1037" spans="1:7">
      <c r="A1037" s="5" t="s">
        <v>7</v>
      </c>
      <c r="B1037" s="5">
        <v>1036</v>
      </c>
      <c r="C1037" s="5" t="s">
        <v>8</v>
      </c>
      <c r="D1037" s="5" t="s">
        <v>8</v>
      </c>
      <c r="E1037" s="6">
        <v>11001</v>
      </c>
      <c r="F1037" s="5" t="s">
        <v>2073</v>
      </c>
      <c r="G1037" s="5" t="s">
        <v>2074</v>
      </c>
    </row>
    <row r="1038" spans="1:7">
      <c r="A1038" s="5" t="s">
        <v>7</v>
      </c>
      <c r="B1038" s="5">
        <v>1037</v>
      </c>
      <c r="C1038" s="5" t="s">
        <v>8</v>
      </c>
      <c r="D1038" s="5" t="s">
        <v>8</v>
      </c>
      <c r="E1038" s="6">
        <v>11001</v>
      </c>
      <c r="F1038" s="5" t="s">
        <v>2075</v>
      </c>
      <c r="G1038" s="5" t="s">
        <v>2076</v>
      </c>
    </row>
    <row r="1039" spans="1:7">
      <c r="A1039" s="5" t="s">
        <v>7</v>
      </c>
      <c r="B1039" s="5">
        <v>1038</v>
      </c>
      <c r="C1039" s="5" t="s">
        <v>8</v>
      </c>
      <c r="D1039" s="5" t="s">
        <v>8</v>
      </c>
      <c r="E1039" s="6">
        <v>11001</v>
      </c>
      <c r="F1039" s="5" t="s">
        <v>2077</v>
      </c>
      <c r="G1039" s="5" t="s">
        <v>2078</v>
      </c>
    </row>
    <row r="1040" spans="1:7">
      <c r="A1040" s="5" t="s">
        <v>7</v>
      </c>
      <c r="B1040" s="5">
        <v>1039</v>
      </c>
      <c r="C1040" s="5" t="s">
        <v>8</v>
      </c>
      <c r="D1040" s="5" t="s">
        <v>8</v>
      </c>
      <c r="E1040" s="6">
        <v>11001</v>
      </c>
      <c r="F1040" s="5" t="s">
        <v>2079</v>
      </c>
      <c r="G1040" s="5" t="s">
        <v>2080</v>
      </c>
    </row>
    <row r="1041" spans="1:7">
      <c r="A1041" s="5" t="s">
        <v>7</v>
      </c>
      <c r="B1041" s="5">
        <v>1040</v>
      </c>
      <c r="C1041" s="5" t="s">
        <v>8</v>
      </c>
      <c r="D1041" s="5" t="s">
        <v>8</v>
      </c>
      <c r="E1041" s="6">
        <v>11001</v>
      </c>
      <c r="F1041" s="5" t="s">
        <v>2081</v>
      </c>
      <c r="G1041" s="5" t="s">
        <v>2082</v>
      </c>
    </row>
    <row r="1042" spans="1:7">
      <c r="A1042" s="5" t="s">
        <v>7</v>
      </c>
      <c r="B1042" s="5">
        <v>1041</v>
      </c>
      <c r="C1042" s="5" t="s">
        <v>8</v>
      </c>
      <c r="D1042" s="5" t="s">
        <v>8</v>
      </c>
      <c r="E1042" s="6">
        <v>11001</v>
      </c>
      <c r="F1042" s="5" t="s">
        <v>2083</v>
      </c>
      <c r="G1042" s="5" t="s">
        <v>2084</v>
      </c>
    </row>
    <row r="1043" spans="1:7">
      <c r="A1043" s="5" t="s">
        <v>7</v>
      </c>
      <c r="B1043" s="5">
        <v>1042</v>
      </c>
      <c r="C1043" s="5" t="s">
        <v>8</v>
      </c>
      <c r="D1043" s="5" t="s">
        <v>8</v>
      </c>
      <c r="E1043" s="6">
        <v>11001</v>
      </c>
      <c r="F1043" s="5" t="s">
        <v>2085</v>
      </c>
      <c r="G1043" s="5" t="s">
        <v>2086</v>
      </c>
    </row>
    <row r="1044" spans="1:7">
      <c r="A1044" s="5" t="s">
        <v>7</v>
      </c>
      <c r="B1044" s="5">
        <v>1043</v>
      </c>
      <c r="C1044" s="5" t="s">
        <v>8</v>
      </c>
      <c r="D1044" s="5" t="s">
        <v>8</v>
      </c>
      <c r="E1044" s="6">
        <v>11001</v>
      </c>
      <c r="F1044" s="5" t="s">
        <v>2087</v>
      </c>
      <c r="G1044" s="5" t="s">
        <v>2088</v>
      </c>
    </row>
    <row r="1045" spans="1:7">
      <c r="A1045" s="5" t="s">
        <v>7</v>
      </c>
      <c r="B1045" s="5">
        <v>1044</v>
      </c>
      <c r="C1045" s="5" t="s">
        <v>8</v>
      </c>
      <c r="D1045" s="5" t="s">
        <v>8</v>
      </c>
      <c r="E1045" s="6">
        <v>11001</v>
      </c>
      <c r="F1045" s="5" t="s">
        <v>2089</v>
      </c>
      <c r="G1045" s="5" t="s">
        <v>2090</v>
      </c>
    </row>
    <row r="1046" spans="1:7">
      <c r="A1046" s="5" t="s">
        <v>7</v>
      </c>
      <c r="B1046" s="5">
        <v>1045</v>
      </c>
      <c r="C1046" s="5" t="s">
        <v>8</v>
      </c>
      <c r="D1046" s="5" t="s">
        <v>8</v>
      </c>
      <c r="E1046" s="6">
        <v>11001</v>
      </c>
      <c r="F1046" s="5" t="s">
        <v>2091</v>
      </c>
      <c r="G1046" s="5" t="s">
        <v>2092</v>
      </c>
    </row>
    <row r="1047" spans="1:7">
      <c r="A1047" s="5" t="s">
        <v>7</v>
      </c>
      <c r="B1047" s="5">
        <v>1046</v>
      </c>
      <c r="C1047" s="5" t="s">
        <v>8</v>
      </c>
      <c r="D1047" s="5" t="s">
        <v>8</v>
      </c>
      <c r="E1047" s="6">
        <v>11001</v>
      </c>
      <c r="F1047" s="5" t="s">
        <v>2093</v>
      </c>
      <c r="G1047" s="5" t="s">
        <v>2094</v>
      </c>
    </row>
    <row r="1048" spans="1:7">
      <c r="A1048" s="5" t="s">
        <v>7</v>
      </c>
      <c r="B1048" s="5">
        <v>1047</v>
      </c>
      <c r="C1048" s="5" t="s">
        <v>8</v>
      </c>
      <c r="D1048" s="5" t="s">
        <v>8</v>
      </c>
      <c r="E1048" s="6">
        <v>11001</v>
      </c>
      <c r="F1048" s="5" t="s">
        <v>2095</v>
      </c>
      <c r="G1048" s="5" t="s">
        <v>2096</v>
      </c>
    </row>
    <row r="1049" spans="1:7">
      <c r="A1049" s="5" t="s">
        <v>7</v>
      </c>
      <c r="B1049" s="5">
        <v>1048</v>
      </c>
      <c r="C1049" s="5" t="s">
        <v>8</v>
      </c>
      <c r="D1049" s="5" t="s">
        <v>8</v>
      </c>
      <c r="E1049" s="6">
        <v>11001</v>
      </c>
      <c r="F1049" s="5" t="s">
        <v>2097</v>
      </c>
      <c r="G1049" s="5" t="s">
        <v>2098</v>
      </c>
    </row>
    <row r="1050" spans="1:7">
      <c r="A1050" s="5" t="s">
        <v>7</v>
      </c>
      <c r="B1050" s="5">
        <v>1049</v>
      </c>
      <c r="C1050" s="5" t="s">
        <v>8</v>
      </c>
      <c r="D1050" s="5" t="s">
        <v>8</v>
      </c>
      <c r="E1050" s="6">
        <v>11001</v>
      </c>
      <c r="F1050" s="5" t="s">
        <v>2099</v>
      </c>
      <c r="G1050" s="5" t="s">
        <v>2100</v>
      </c>
    </row>
    <row r="1051" spans="1:7">
      <c r="A1051" s="5" t="s">
        <v>7</v>
      </c>
      <c r="B1051" s="5">
        <v>1050</v>
      </c>
      <c r="C1051" s="5" t="s">
        <v>8</v>
      </c>
      <c r="D1051" s="5" t="s">
        <v>8</v>
      </c>
      <c r="E1051" s="6">
        <v>11001</v>
      </c>
      <c r="F1051" s="5" t="s">
        <v>2101</v>
      </c>
      <c r="G1051" s="5" t="s">
        <v>2102</v>
      </c>
    </row>
    <row r="1052" spans="1:7">
      <c r="A1052" s="5" t="s">
        <v>7</v>
      </c>
      <c r="B1052" s="5">
        <v>1051</v>
      </c>
      <c r="C1052" s="5" t="s">
        <v>8</v>
      </c>
      <c r="D1052" s="5" t="s">
        <v>8</v>
      </c>
      <c r="E1052" s="6">
        <v>11001</v>
      </c>
      <c r="F1052" s="5" t="s">
        <v>2103</v>
      </c>
      <c r="G1052" s="5" t="s">
        <v>2104</v>
      </c>
    </row>
    <row r="1053" spans="1:7">
      <c r="A1053" s="5" t="s">
        <v>7</v>
      </c>
      <c r="B1053" s="5">
        <v>1052</v>
      </c>
      <c r="C1053" s="5" t="s">
        <v>8</v>
      </c>
      <c r="D1053" s="5" t="s">
        <v>8</v>
      </c>
      <c r="E1053" s="6">
        <v>11001</v>
      </c>
      <c r="F1053" s="5" t="s">
        <v>2105</v>
      </c>
      <c r="G1053" s="5" t="s">
        <v>2106</v>
      </c>
    </row>
    <row r="1054" spans="1:7">
      <c r="A1054" s="5" t="s">
        <v>7</v>
      </c>
      <c r="B1054" s="5">
        <v>1053</v>
      </c>
      <c r="C1054" s="5" t="s">
        <v>8</v>
      </c>
      <c r="D1054" s="5" t="s">
        <v>8</v>
      </c>
      <c r="E1054" s="6">
        <v>11001</v>
      </c>
      <c r="F1054" s="5" t="s">
        <v>2107</v>
      </c>
      <c r="G1054" s="5" t="s">
        <v>2108</v>
      </c>
    </row>
    <row r="1055" spans="1:7">
      <c r="A1055" s="5" t="s">
        <v>7</v>
      </c>
      <c r="B1055" s="5">
        <v>1054</v>
      </c>
      <c r="C1055" s="5" t="s">
        <v>8</v>
      </c>
      <c r="D1055" s="5" t="s">
        <v>8</v>
      </c>
      <c r="E1055" s="6">
        <v>11001</v>
      </c>
      <c r="F1055" s="5" t="s">
        <v>2109</v>
      </c>
      <c r="G1055" s="5" t="s">
        <v>2110</v>
      </c>
    </row>
    <row r="1056" spans="1:7">
      <c r="A1056" s="5" t="s">
        <v>7</v>
      </c>
      <c r="B1056" s="5">
        <v>1055</v>
      </c>
      <c r="C1056" s="5" t="s">
        <v>8</v>
      </c>
      <c r="D1056" s="5" t="s">
        <v>8</v>
      </c>
      <c r="E1056" s="6">
        <v>11001</v>
      </c>
      <c r="F1056" s="5" t="s">
        <v>2111</v>
      </c>
      <c r="G1056" s="5" t="s">
        <v>2112</v>
      </c>
    </row>
    <row r="1057" spans="1:7">
      <c r="A1057" s="5" t="s">
        <v>7</v>
      </c>
      <c r="B1057" s="5">
        <v>1056</v>
      </c>
      <c r="C1057" s="5" t="s">
        <v>8</v>
      </c>
      <c r="D1057" s="5" t="s">
        <v>8</v>
      </c>
      <c r="E1057" s="6">
        <v>11001</v>
      </c>
      <c r="F1057" s="5" t="s">
        <v>2113</v>
      </c>
      <c r="G1057" s="5" t="s">
        <v>2114</v>
      </c>
    </row>
    <row r="1058" spans="1:7">
      <c r="A1058" s="5" t="s">
        <v>7</v>
      </c>
      <c r="B1058" s="5">
        <v>1057</v>
      </c>
      <c r="C1058" s="5" t="s">
        <v>8</v>
      </c>
      <c r="D1058" s="5" t="s">
        <v>8</v>
      </c>
      <c r="E1058" s="6">
        <v>11001</v>
      </c>
      <c r="F1058" s="5" t="s">
        <v>2115</v>
      </c>
      <c r="G1058" s="5" t="s">
        <v>2116</v>
      </c>
    </row>
    <row r="1059" spans="1:7">
      <c r="A1059" s="5" t="s">
        <v>7</v>
      </c>
      <c r="B1059" s="5">
        <v>1058</v>
      </c>
      <c r="C1059" s="5" t="s">
        <v>8</v>
      </c>
      <c r="D1059" s="5" t="s">
        <v>8</v>
      </c>
      <c r="E1059" s="6">
        <v>11001</v>
      </c>
      <c r="F1059" s="5" t="s">
        <v>2117</v>
      </c>
      <c r="G1059" s="5" t="s">
        <v>2118</v>
      </c>
    </row>
    <row r="1060" spans="1:7">
      <c r="A1060" s="5" t="s">
        <v>7</v>
      </c>
      <c r="B1060" s="5">
        <v>1059</v>
      </c>
      <c r="C1060" s="5" t="s">
        <v>8</v>
      </c>
      <c r="D1060" s="5" t="s">
        <v>8</v>
      </c>
      <c r="E1060" s="6">
        <v>11001</v>
      </c>
      <c r="F1060" s="5" t="s">
        <v>2119</v>
      </c>
      <c r="G1060" s="5" t="s">
        <v>2120</v>
      </c>
    </row>
    <row r="1061" spans="1:7">
      <c r="A1061" s="5" t="s">
        <v>7</v>
      </c>
      <c r="B1061" s="5">
        <v>1060</v>
      </c>
      <c r="C1061" s="5" t="s">
        <v>813</v>
      </c>
      <c r="D1061" s="5" t="s">
        <v>814</v>
      </c>
      <c r="E1061" s="6">
        <v>25754</v>
      </c>
      <c r="F1061" s="5" t="s">
        <v>2121</v>
      </c>
      <c r="G1061" s="5" t="s">
        <v>2122</v>
      </c>
    </row>
    <row r="1062" spans="1:7">
      <c r="A1062" s="5" t="s">
        <v>7</v>
      </c>
      <c r="B1062" s="5">
        <v>1061</v>
      </c>
      <c r="C1062" s="5" t="s">
        <v>8</v>
      </c>
      <c r="D1062" s="5" t="s">
        <v>8</v>
      </c>
      <c r="E1062" s="6">
        <v>11001</v>
      </c>
      <c r="F1062" s="5" t="s">
        <v>2123</v>
      </c>
      <c r="G1062" s="5" t="s">
        <v>2124</v>
      </c>
    </row>
    <row r="1063" spans="1:7">
      <c r="A1063" s="5" t="s">
        <v>7</v>
      </c>
      <c r="B1063" s="5">
        <v>1062</v>
      </c>
      <c r="C1063" s="5" t="s">
        <v>8</v>
      </c>
      <c r="D1063" s="5" t="s">
        <v>8</v>
      </c>
      <c r="E1063" s="6">
        <v>11001</v>
      </c>
      <c r="F1063" s="5" t="s">
        <v>2125</v>
      </c>
      <c r="G1063" s="5" t="s">
        <v>2126</v>
      </c>
    </row>
    <row r="1064" spans="1:7">
      <c r="A1064" s="5" t="s">
        <v>7</v>
      </c>
      <c r="B1064" s="5">
        <v>1063</v>
      </c>
      <c r="C1064" s="5" t="s">
        <v>8</v>
      </c>
      <c r="D1064" s="5" t="s">
        <v>8</v>
      </c>
      <c r="E1064" s="6">
        <v>11001</v>
      </c>
      <c r="F1064" s="5" t="s">
        <v>2127</v>
      </c>
      <c r="G1064" s="5" t="s">
        <v>2128</v>
      </c>
    </row>
    <row r="1065" spans="1:7">
      <c r="A1065" s="5" t="s">
        <v>7</v>
      </c>
      <c r="B1065" s="5">
        <v>1064</v>
      </c>
      <c r="C1065" s="5" t="s">
        <v>8</v>
      </c>
      <c r="D1065" s="5" t="s">
        <v>8</v>
      </c>
      <c r="E1065" s="6">
        <v>11001</v>
      </c>
      <c r="F1065" s="5" t="s">
        <v>2129</v>
      </c>
      <c r="G1065" s="5" t="s">
        <v>2130</v>
      </c>
    </row>
    <row r="1066" spans="1:7">
      <c r="A1066" s="5" t="s">
        <v>7</v>
      </c>
      <c r="B1066" s="5">
        <v>1065</v>
      </c>
      <c r="C1066" s="5" t="s">
        <v>8</v>
      </c>
      <c r="D1066" s="5" t="s">
        <v>8</v>
      </c>
      <c r="E1066" s="6">
        <v>11001</v>
      </c>
      <c r="F1066" s="5" t="s">
        <v>2131</v>
      </c>
      <c r="G1066" s="5" t="s">
        <v>2132</v>
      </c>
    </row>
    <row r="1067" spans="1:7">
      <c r="A1067" s="5" t="s">
        <v>7</v>
      </c>
      <c r="B1067" s="5">
        <v>1066</v>
      </c>
      <c r="C1067" s="5" t="s">
        <v>8</v>
      </c>
      <c r="D1067" s="5" t="s">
        <v>8</v>
      </c>
      <c r="E1067" s="6">
        <v>11001</v>
      </c>
      <c r="F1067" s="5" t="s">
        <v>2133</v>
      </c>
      <c r="G1067" s="5" t="s">
        <v>2134</v>
      </c>
    </row>
    <row r="1068" spans="1:7">
      <c r="A1068" s="5" t="s">
        <v>7</v>
      </c>
      <c r="B1068" s="5">
        <v>1067</v>
      </c>
      <c r="C1068" s="5" t="s">
        <v>8</v>
      </c>
      <c r="D1068" s="5" t="s">
        <v>8</v>
      </c>
      <c r="E1068" s="6">
        <v>11001</v>
      </c>
      <c r="F1068" s="5" t="s">
        <v>2135</v>
      </c>
      <c r="G1068" s="5" t="s">
        <v>2136</v>
      </c>
    </row>
    <row r="1069" spans="1:7">
      <c r="A1069" s="5" t="s">
        <v>7</v>
      </c>
      <c r="B1069" s="5">
        <v>1068</v>
      </c>
      <c r="C1069" s="5" t="s">
        <v>8</v>
      </c>
      <c r="D1069" s="5" t="s">
        <v>8</v>
      </c>
      <c r="E1069" s="6">
        <v>11001</v>
      </c>
      <c r="F1069" s="5" t="s">
        <v>2137</v>
      </c>
      <c r="G1069" s="5" t="s">
        <v>2138</v>
      </c>
    </row>
    <row r="1070" spans="1:7">
      <c r="A1070" s="5" t="s">
        <v>7</v>
      </c>
      <c r="B1070" s="5">
        <v>1069</v>
      </c>
      <c r="C1070" s="5" t="s">
        <v>8</v>
      </c>
      <c r="D1070" s="5" t="s">
        <v>8</v>
      </c>
      <c r="E1070" s="6">
        <v>11001</v>
      </c>
      <c r="F1070" s="5" t="s">
        <v>2139</v>
      </c>
      <c r="G1070" s="5" t="s">
        <v>2140</v>
      </c>
    </row>
    <row r="1071" spans="1:7">
      <c r="A1071" s="5" t="s">
        <v>7</v>
      </c>
      <c r="B1071" s="5">
        <v>1070</v>
      </c>
      <c r="C1071" s="5" t="s">
        <v>8</v>
      </c>
      <c r="D1071" s="5" t="s">
        <v>8</v>
      </c>
      <c r="E1071" s="6">
        <v>11001</v>
      </c>
      <c r="F1071" s="5" t="s">
        <v>2141</v>
      </c>
      <c r="G1071" s="5" t="s">
        <v>2142</v>
      </c>
    </row>
    <row r="1072" spans="1:7">
      <c r="A1072" s="5" t="s">
        <v>7</v>
      </c>
      <c r="B1072" s="5">
        <v>1071</v>
      </c>
      <c r="C1072" s="5" t="s">
        <v>8</v>
      </c>
      <c r="D1072" s="5" t="s">
        <v>8</v>
      </c>
      <c r="E1072" s="6">
        <v>11001</v>
      </c>
      <c r="F1072" s="5" t="s">
        <v>2143</v>
      </c>
      <c r="G1072" s="5" t="s">
        <v>2144</v>
      </c>
    </row>
    <row r="1073" spans="1:7">
      <c r="A1073" s="5" t="s">
        <v>7</v>
      </c>
      <c r="B1073" s="5">
        <v>1072</v>
      </c>
      <c r="C1073" s="5" t="s">
        <v>8</v>
      </c>
      <c r="D1073" s="5" t="s">
        <v>8</v>
      </c>
      <c r="E1073" s="6">
        <v>11001</v>
      </c>
      <c r="F1073" s="5" t="s">
        <v>2145</v>
      </c>
      <c r="G1073" s="5" t="s">
        <v>2146</v>
      </c>
    </row>
    <row r="1074" spans="1:7">
      <c r="A1074" s="5" t="s">
        <v>7</v>
      </c>
      <c r="B1074" s="5">
        <v>1073</v>
      </c>
      <c r="C1074" s="5" t="s">
        <v>8</v>
      </c>
      <c r="D1074" s="5" t="s">
        <v>8</v>
      </c>
      <c r="E1074" s="6">
        <v>11001</v>
      </c>
      <c r="F1074" s="5" t="s">
        <v>2147</v>
      </c>
      <c r="G1074" s="5" t="s">
        <v>2148</v>
      </c>
    </row>
    <row r="1075" spans="1:7">
      <c r="A1075" s="5" t="s">
        <v>7</v>
      </c>
      <c r="B1075" s="5">
        <v>1074</v>
      </c>
      <c r="C1075" s="5" t="s">
        <v>8</v>
      </c>
      <c r="D1075" s="5" t="s">
        <v>8</v>
      </c>
      <c r="E1075" s="6">
        <v>11001</v>
      </c>
      <c r="F1075" s="5" t="s">
        <v>2149</v>
      </c>
      <c r="G1075" s="5" t="s">
        <v>2150</v>
      </c>
    </row>
    <row r="1076" spans="1:7">
      <c r="A1076" s="5" t="s">
        <v>7</v>
      </c>
      <c r="B1076" s="5">
        <v>1075</v>
      </c>
      <c r="C1076" s="5" t="s">
        <v>8</v>
      </c>
      <c r="D1076" s="5" t="s">
        <v>8</v>
      </c>
      <c r="E1076" s="6">
        <v>11001</v>
      </c>
      <c r="F1076" s="5" t="s">
        <v>2151</v>
      </c>
      <c r="G1076" s="5" t="s">
        <v>2152</v>
      </c>
    </row>
    <row r="1077" spans="1:7">
      <c r="A1077" s="5" t="s">
        <v>7</v>
      </c>
      <c r="B1077" s="5">
        <v>1076</v>
      </c>
      <c r="C1077" s="5" t="s">
        <v>8</v>
      </c>
      <c r="D1077" s="5" t="s">
        <v>8</v>
      </c>
      <c r="E1077" s="6">
        <v>11001</v>
      </c>
      <c r="F1077" s="5" t="s">
        <v>2153</v>
      </c>
      <c r="G1077" s="5" t="s">
        <v>2154</v>
      </c>
    </row>
    <row r="1078" spans="1:7">
      <c r="A1078" s="5" t="s">
        <v>7</v>
      </c>
      <c r="B1078" s="5">
        <v>1077</v>
      </c>
      <c r="C1078" s="5" t="s">
        <v>813</v>
      </c>
      <c r="D1078" s="5" t="s">
        <v>814</v>
      </c>
      <c r="E1078" s="6">
        <v>25754</v>
      </c>
      <c r="F1078" s="5" t="s">
        <v>2155</v>
      </c>
      <c r="G1078" s="5" t="s">
        <v>2156</v>
      </c>
    </row>
    <row r="1079" spans="1:7">
      <c r="A1079" s="5" t="s">
        <v>7</v>
      </c>
      <c r="B1079" s="5">
        <v>1078</v>
      </c>
      <c r="C1079" s="5" t="s">
        <v>8</v>
      </c>
      <c r="D1079" s="5" t="s">
        <v>8</v>
      </c>
      <c r="E1079" s="6">
        <v>11001</v>
      </c>
      <c r="F1079" s="5" t="s">
        <v>2157</v>
      </c>
      <c r="G1079" s="5" t="s">
        <v>2158</v>
      </c>
    </row>
    <row r="1080" spans="1:7">
      <c r="A1080" s="5" t="s">
        <v>7</v>
      </c>
      <c r="B1080" s="5">
        <v>1079</v>
      </c>
      <c r="C1080" s="5" t="s">
        <v>8</v>
      </c>
      <c r="D1080" s="5" t="s">
        <v>8</v>
      </c>
      <c r="E1080" s="6">
        <v>11001</v>
      </c>
      <c r="F1080" s="5" t="s">
        <v>2159</v>
      </c>
      <c r="G1080" s="5" t="s">
        <v>2160</v>
      </c>
    </row>
    <row r="1081" spans="1:7">
      <c r="A1081" s="5" t="s">
        <v>7</v>
      </c>
      <c r="B1081" s="5">
        <v>1080</v>
      </c>
      <c r="C1081" s="5" t="s">
        <v>8</v>
      </c>
      <c r="D1081" s="5" t="s">
        <v>8</v>
      </c>
      <c r="E1081" s="6">
        <v>11001</v>
      </c>
      <c r="F1081" s="5" t="s">
        <v>2161</v>
      </c>
      <c r="G1081" s="5" t="s">
        <v>2162</v>
      </c>
    </row>
    <row r="1082" spans="1:7">
      <c r="A1082" s="5" t="s">
        <v>7</v>
      </c>
      <c r="B1082" s="5">
        <v>1081</v>
      </c>
      <c r="C1082" s="5" t="s">
        <v>8</v>
      </c>
      <c r="D1082" s="5" t="s">
        <v>8</v>
      </c>
      <c r="E1082" s="6">
        <v>11001</v>
      </c>
      <c r="F1082" s="5" t="s">
        <v>2163</v>
      </c>
      <c r="G1082" s="5" t="s">
        <v>2164</v>
      </c>
    </row>
    <row r="1083" spans="1:7">
      <c r="A1083" s="5" t="s">
        <v>7</v>
      </c>
      <c r="B1083" s="5">
        <v>1082</v>
      </c>
      <c r="C1083" s="5" t="s">
        <v>8</v>
      </c>
      <c r="D1083" s="5" t="s">
        <v>8</v>
      </c>
      <c r="E1083" s="6">
        <v>11001</v>
      </c>
      <c r="F1083" s="5" t="s">
        <v>2165</v>
      </c>
      <c r="G1083" s="5" t="s">
        <v>2166</v>
      </c>
    </row>
    <row r="1084" spans="1:7">
      <c r="A1084" s="5" t="s">
        <v>7</v>
      </c>
      <c r="B1084" s="5">
        <v>1083</v>
      </c>
      <c r="C1084" s="5" t="s">
        <v>8</v>
      </c>
      <c r="D1084" s="5" t="s">
        <v>8</v>
      </c>
      <c r="E1084" s="6">
        <v>11001</v>
      </c>
      <c r="F1084" s="5" t="s">
        <v>2167</v>
      </c>
      <c r="G1084" s="5" t="s">
        <v>2168</v>
      </c>
    </row>
    <row r="1085" spans="1:7">
      <c r="A1085" s="5" t="s">
        <v>7</v>
      </c>
      <c r="B1085" s="5">
        <v>1084</v>
      </c>
      <c r="C1085" s="5" t="s">
        <v>8</v>
      </c>
      <c r="D1085" s="5" t="s">
        <v>8</v>
      </c>
      <c r="E1085" s="6">
        <v>11001</v>
      </c>
      <c r="F1085" s="5" t="s">
        <v>2169</v>
      </c>
      <c r="G1085" s="5" t="s">
        <v>2170</v>
      </c>
    </row>
    <row r="1086" spans="1:7">
      <c r="A1086" s="5" t="s">
        <v>7</v>
      </c>
      <c r="B1086" s="5">
        <v>1085</v>
      </c>
      <c r="C1086" s="5" t="s">
        <v>8</v>
      </c>
      <c r="D1086" s="5" t="s">
        <v>8</v>
      </c>
      <c r="E1086" s="6">
        <v>11001</v>
      </c>
      <c r="F1086" s="5" t="s">
        <v>2171</v>
      </c>
      <c r="G1086" s="5" t="s">
        <v>2172</v>
      </c>
    </row>
    <row r="1087" spans="1:7">
      <c r="A1087" s="5" t="s">
        <v>7</v>
      </c>
      <c r="B1087" s="5">
        <v>1086</v>
      </c>
      <c r="C1087" s="5" t="s">
        <v>8</v>
      </c>
      <c r="D1087" s="5" t="s">
        <v>8</v>
      </c>
      <c r="E1087" s="6">
        <v>11001</v>
      </c>
      <c r="F1087" s="5" t="s">
        <v>2173</v>
      </c>
      <c r="G1087" s="5" t="s">
        <v>2174</v>
      </c>
    </row>
    <row r="1088" spans="1:7">
      <c r="A1088" s="5" t="s">
        <v>7</v>
      </c>
      <c r="B1088" s="5">
        <v>1087</v>
      </c>
      <c r="C1088" s="5" t="s">
        <v>8</v>
      </c>
      <c r="D1088" s="5" t="s">
        <v>8</v>
      </c>
      <c r="E1088" s="6">
        <v>11001</v>
      </c>
      <c r="F1088" s="5" t="s">
        <v>2175</v>
      </c>
      <c r="G1088" s="5" t="s">
        <v>2176</v>
      </c>
    </row>
    <row r="1089" spans="1:7">
      <c r="A1089" s="5" t="s">
        <v>7</v>
      </c>
      <c r="B1089" s="5">
        <v>1088</v>
      </c>
      <c r="C1089" s="5" t="s">
        <v>8</v>
      </c>
      <c r="D1089" s="5" t="s">
        <v>8</v>
      </c>
      <c r="E1089" s="6">
        <v>11001</v>
      </c>
      <c r="F1089" s="5" t="s">
        <v>2177</v>
      </c>
      <c r="G1089" s="5" t="s">
        <v>2178</v>
      </c>
    </row>
    <row r="1090" spans="1:7">
      <c r="A1090" s="5" t="s">
        <v>7</v>
      </c>
      <c r="B1090" s="5">
        <v>1089</v>
      </c>
      <c r="C1090" s="5" t="s">
        <v>8</v>
      </c>
      <c r="D1090" s="5" t="s">
        <v>8</v>
      </c>
      <c r="E1090" s="6">
        <v>11001</v>
      </c>
      <c r="F1090" s="5" t="s">
        <v>2179</v>
      </c>
      <c r="G1090" s="5" t="s">
        <v>2180</v>
      </c>
    </row>
    <row r="1091" spans="1:7">
      <c r="A1091" s="5" t="s">
        <v>7</v>
      </c>
      <c r="B1091" s="5">
        <v>1090</v>
      </c>
      <c r="C1091" s="5" t="s">
        <v>8</v>
      </c>
      <c r="D1091" s="5" t="s">
        <v>8</v>
      </c>
      <c r="E1091" s="6">
        <v>11001</v>
      </c>
      <c r="F1091" s="5" t="s">
        <v>2181</v>
      </c>
      <c r="G1091" s="5" t="s">
        <v>2182</v>
      </c>
    </row>
    <row r="1092" spans="1:7">
      <c r="A1092" s="5" t="s">
        <v>7</v>
      </c>
      <c r="B1092" s="5">
        <v>1091</v>
      </c>
      <c r="C1092" s="5" t="s">
        <v>8</v>
      </c>
      <c r="D1092" s="5" t="s">
        <v>8</v>
      </c>
      <c r="E1092" s="6">
        <v>11001</v>
      </c>
      <c r="F1092" s="5" t="s">
        <v>2183</v>
      </c>
      <c r="G1092" s="5" t="s">
        <v>2184</v>
      </c>
    </row>
    <row r="1093" spans="1:7">
      <c r="A1093" s="5" t="s">
        <v>7</v>
      </c>
      <c r="B1093" s="5">
        <v>1092</v>
      </c>
      <c r="C1093" s="5" t="s">
        <v>8</v>
      </c>
      <c r="D1093" s="5" t="s">
        <v>8</v>
      </c>
      <c r="E1093" s="6">
        <v>11001</v>
      </c>
      <c r="F1093" s="5" t="s">
        <v>2185</v>
      </c>
      <c r="G1093" s="5" t="s">
        <v>2186</v>
      </c>
    </row>
    <row r="1094" spans="1:7">
      <c r="A1094" s="5" t="s">
        <v>7</v>
      </c>
      <c r="B1094" s="5">
        <v>1093</v>
      </c>
      <c r="C1094" s="5" t="s">
        <v>8</v>
      </c>
      <c r="D1094" s="5" t="s">
        <v>8</v>
      </c>
      <c r="E1094" s="6">
        <v>11001</v>
      </c>
      <c r="F1094" s="5" t="s">
        <v>2187</v>
      </c>
      <c r="G1094" s="5" t="s">
        <v>2188</v>
      </c>
    </row>
    <row r="1095" spans="1:7">
      <c r="A1095" s="5" t="s">
        <v>7</v>
      </c>
      <c r="B1095" s="5">
        <v>1094</v>
      </c>
      <c r="C1095" s="5" t="s">
        <v>8</v>
      </c>
      <c r="D1095" s="5" t="s">
        <v>8</v>
      </c>
      <c r="E1095" s="6">
        <v>11001</v>
      </c>
      <c r="F1095" s="5" t="s">
        <v>2189</v>
      </c>
      <c r="G1095" s="5" t="s">
        <v>2190</v>
      </c>
    </row>
    <row r="1096" spans="1:7">
      <c r="A1096" s="5" t="s">
        <v>7</v>
      </c>
      <c r="B1096" s="5">
        <v>1095</v>
      </c>
      <c r="C1096" s="5" t="s">
        <v>8</v>
      </c>
      <c r="D1096" s="5" t="s">
        <v>8</v>
      </c>
      <c r="E1096" s="6">
        <v>11001</v>
      </c>
      <c r="F1096" s="5" t="s">
        <v>2191</v>
      </c>
      <c r="G1096" s="5" t="s">
        <v>2192</v>
      </c>
    </row>
    <row r="1097" spans="1:7">
      <c r="A1097" s="5" t="s">
        <v>7</v>
      </c>
      <c r="B1097" s="5">
        <v>1096</v>
      </c>
      <c r="C1097" s="5" t="s">
        <v>8</v>
      </c>
      <c r="D1097" s="5" t="s">
        <v>8</v>
      </c>
      <c r="E1097" s="6">
        <v>11001</v>
      </c>
      <c r="F1097" s="5" t="s">
        <v>2193</v>
      </c>
      <c r="G1097" s="5" t="s">
        <v>2194</v>
      </c>
    </row>
    <row r="1098" spans="1:7">
      <c r="A1098" s="5" t="s">
        <v>7</v>
      </c>
      <c r="B1098" s="5">
        <v>1097</v>
      </c>
      <c r="C1098" s="5" t="s">
        <v>8</v>
      </c>
      <c r="D1098" s="5" t="s">
        <v>8</v>
      </c>
      <c r="E1098" s="6">
        <v>11001</v>
      </c>
      <c r="F1098" s="5" t="s">
        <v>2195</v>
      </c>
      <c r="G1098" s="5" t="s">
        <v>2196</v>
      </c>
    </row>
    <row r="1099" spans="1:7">
      <c r="A1099" s="5" t="s">
        <v>7</v>
      </c>
      <c r="B1099" s="5">
        <v>1098</v>
      </c>
      <c r="C1099" s="5" t="s">
        <v>813</v>
      </c>
      <c r="D1099" s="5" t="s">
        <v>814</v>
      </c>
      <c r="E1099" s="6">
        <v>25754</v>
      </c>
      <c r="F1099" s="5" t="s">
        <v>2197</v>
      </c>
      <c r="G1099" s="5" t="s">
        <v>2198</v>
      </c>
    </row>
    <row r="1100" spans="1:7">
      <c r="A1100" s="5" t="s">
        <v>7</v>
      </c>
      <c r="B1100" s="5">
        <v>1099</v>
      </c>
      <c r="C1100" s="5" t="s">
        <v>8</v>
      </c>
      <c r="D1100" s="5" t="s">
        <v>8</v>
      </c>
      <c r="E1100" s="6">
        <v>11001</v>
      </c>
      <c r="F1100" s="5" t="s">
        <v>2199</v>
      </c>
      <c r="G1100" s="5" t="s">
        <v>2200</v>
      </c>
    </row>
    <row r="1101" spans="1:7">
      <c r="A1101" s="5" t="s">
        <v>7</v>
      </c>
      <c r="B1101" s="5">
        <v>1100</v>
      </c>
      <c r="C1101" s="5" t="s">
        <v>8</v>
      </c>
      <c r="D1101" s="5" t="s">
        <v>8</v>
      </c>
      <c r="E1101" s="6">
        <v>11001</v>
      </c>
      <c r="F1101" s="5" t="s">
        <v>2201</v>
      </c>
      <c r="G1101" s="5" t="s">
        <v>2202</v>
      </c>
    </row>
    <row r="1102" spans="1:7">
      <c r="A1102" s="5" t="s">
        <v>7</v>
      </c>
      <c r="B1102" s="5">
        <v>1101</v>
      </c>
      <c r="C1102" s="5" t="s">
        <v>8</v>
      </c>
      <c r="D1102" s="5" t="s">
        <v>8</v>
      </c>
      <c r="E1102" s="6">
        <v>11001</v>
      </c>
      <c r="F1102" s="5" t="s">
        <v>2203</v>
      </c>
      <c r="G1102" s="5" t="s">
        <v>2204</v>
      </c>
    </row>
    <row r="1103" spans="1:7">
      <c r="A1103" s="5" t="s">
        <v>7</v>
      </c>
      <c r="B1103" s="5">
        <v>1102</v>
      </c>
      <c r="C1103" s="5" t="s">
        <v>813</v>
      </c>
      <c r="D1103" s="5" t="s">
        <v>814</v>
      </c>
      <c r="E1103" s="6">
        <v>25754</v>
      </c>
      <c r="F1103" s="5" t="s">
        <v>2205</v>
      </c>
      <c r="G1103" s="5" t="s">
        <v>2206</v>
      </c>
    </row>
    <row r="1104" spans="1:7">
      <c r="A1104" s="5" t="s">
        <v>7</v>
      </c>
      <c r="B1104" s="5">
        <v>1103</v>
      </c>
      <c r="C1104" s="5" t="s">
        <v>813</v>
      </c>
      <c r="D1104" s="5" t="s">
        <v>814</v>
      </c>
      <c r="E1104" s="6">
        <v>25754</v>
      </c>
      <c r="F1104" s="5" t="s">
        <v>2207</v>
      </c>
      <c r="G1104" s="5" t="s">
        <v>2208</v>
      </c>
    </row>
    <row r="1105" spans="1:7">
      <c r="A1105" s="5" t="s">
        <v>7</v>
      </c>
      <c r="B1105" s="5">
        <v>1104</v>
      </c>
      <c r="C1105" s="5" t="s">
        <v>8</v>
      </c>
      <c r="D1105" s="5" t="s">
        <v>8</v>
      </c>
      <c r="E1105" s="6">
        <v>11001</v>
      </c>
      <c r="F1105" s="5" t="s">
        <v>2209</v>
      </c>
      <c r="G1105" s="5" t="s">
        <v>2210</v>
      </c>
    </row>
    <row r="1106" spans="1:7">
      <c r="A1106" s="5" t="s">
        <v>7</v>
      </c>
      <c r="B1106" s="5">
        <v>1105</v>
      </c>
      <c r="C1106" s="5" t="s">
        <v>8</v>
      </c>
      <c r="D1106" s="5" t="s">
        <v>8</v>
      </c>
      <c r="E1106" s="6">
        <v>11001</v>
      </c>
      <c r="F1106" s="5" t="s">
        <v>2211</v>
      </c>
      <c r="G1106" s="5" t="s">
        <v>2212</v>
      </c>
    </row>
    <row r="1107" spans="1:7">
      <c r="A1107" s="5" t="s">
        <v>7</v>
      </c>
      <c r="B1107" s="5">
        <v>1106</v>
      </c>
      <c r="C1107" s="5" t="s">
        <v>8</v>
      </c>
      <c r="D1107" s="5" t="s">
        <v>8</v>
      </c>
      <c r="E1107" s="6">
        <v>11001</v>
      </c>
      <c r="F1107" s="5" t="s">
        <v>2213</v>
      </c>
      <c r="G1107" s="5" t="s">
        <v>2214</v>
      </c>
    </row>
    <row r="1108" spans="1:7">
      <c r="A1108" s="5" t="s">
        <v>7</v>
      </c>
      <c r="B1108" s="5">
        <v>1107</v>
      </c>
      <c r="C1108" s="5" t="s">
        <v>8</v>
      </c>
      <c r="D1108" s="5" t="s">
        <v>8</v>
      </c>
      <c r="E1108" s="6">
        <v>11001</v>
      </c>
      <c r="F1108" s="5" t="s">
        <v>2215</v>
      </c>
      <c r="G1108" s="5" t="s">
        <v>2216</v>
      </c>
    </row>
    <row r="1109" spans="1:7">
      <c r="A1109" s="5" t="s">
        <v>7</v>
      </c>
      <c r="B1109" s="5">
        <v>1108</v>
      </c>
      <c r="C1109" s="5" t="s">
        <v>8</v>
      </c>
      <c r="D1109" s="5" t="s">
        <v>8</v>
      </c>
      <c r="E1109" s="6">
        <v>11001</v>
      </c>
      <c r="F1109" s="5" t="s">
        <v>2217</v>
      </c>
      <c r="G1109" s="5" t="s">
        <v>2218</v>
      </c>
    </row>
    <row r="1110" spans="1:7">
      <c r="A1110" s="5" t="s">
        <v>7</v>
      </c>
      <c r="B1110" s="5">
        <v>1109</v>
      </c>
      <c r="C1110" s="5" t="s">
        <v>8</v>
      </c>
      <c r="D1110" s="5" t="s">
        <v>8</v>
      </c>
      <c r="E1110" s="6">
        <v>11001</v>
      </c>
      <c r="F1110" s="5" t="s">
        <v>2219</v>
      </c>
      <c r="G1110" s="5" t="s">
        <v>2220</v>
      </c>
    </row>
    <row r="1111" spans="1:7">
      <c r="A1111" s="5" t="s">
        <v>7</v>
      </c>
      <c r="B1111" s="5">
        <v>1110</v>
      </c>
      <c r="C1111" s="5" t="s">
        <v>8</v>
      </c>
      <c r="D1111" s="5" t="s">
        <v>8</v>
      </c>
      <c r="E1111" s="6">
        <v>11001</v>
      </c>
      <c r="F1111" s="5" t="s">
        <v>2221</v>
      </c>
      <c r="G1111" s="5" t="s">
        <v>2222</v>
      </c>
    </row>
    <row r="1112" spans="1:7">
      <c r="A1112" s="5" t="s">
        <v>7</v>
      </c>
      <c r="B1112" s="5">
        <v>1111</v>
      </c>
      <c r="C1112" s="5" t="s">
        <v>8</v>
      </c>
      <c r="D1112" s="5" t="s">
        <v>8</v>
      </c>
      <c r="E1112" s="6">
        <v>11001</v>
      </c>
      <c r="F1112" s="5" t="s">
        <v>2223</v>
      </c>
      <c r="G1112" s="5" t="s">
        <v>2224</v>
      </c>
    </row>
    <row r="1113" spans="1:7">
      <c r="A1113" s="5" t="s">
        <v>7</v>
      </c>
      <c r="B1113" s="5">
        <v>1112</v>
      </c>
      <c r="C1113" s="5" t="s">
        <v>8</v>
      </c>
      <c r="D1113" s="5" t="s">
        <v>8</v>
      </c>
      <c r="E1113" s="6">
        <v>11001</v>
      </c>
      <c r="F1113" s="5" t="s">
        <v>2225</v>
      </c>
      <c r="G1113" s="5" t="s">
        <v>2226</v>
      </c>
    </row>
    <row r="1114" spans="1:7">
      <c r="A1114" s="5" t="s">
        <v>7</v>
      </c>
      <c r="B1114" s="5">
        <v>1113</v>
      </c>
      <c r="C1114" s="5" t="s">
        <v>8</v>
      </c>
      <c r="D1114" s="5" t="s">
        <v>8</v>
      </c>
      <c r="E1114" s="6">
        <v>11001</v>
      </c>
      <c r="F1114" s="5" t="s">
        <v>2227</v>
      </c>
      <c r="G1114" s="5" t="s">
        <v>2228</v>
      </c>
    </row>
    <row r="1115" spans="1:7">
      <c r="A1115" s="5" t="s">
        <v>7</v>
      </c>
      <c r="B1115" s="5">
        <v>1114</v>
      </c>
      <c r="C1115" s="5" t="s">
        <v>8</v>
      </c>
      <c r="D1115" s="5" t="s">
        <v>8</v>
      </c>
      <c r="E1115" s="6">
        <v>11001</v>
      </c>
      <c r="F1115" s="5" t="s">
        <v>2229</v>
      </c>
      <c r="G1115" s="5" t="s">
        <v>2230</v>
      </c>
    </row>
    <row r="1116" spans="1:7">
      <c r="A1116" s="5" t="s">
        <v>7</v>
      </c>
      <c r="B1116" s="5">
        <v>1115</v>
      </c>
      <c r="C1116" s="5" t="s">
        <v>8</v>
      </c>
      <c r="D1116" s="5" t="s">
        <v>8</v>
      </c>
      <c r="E1116" s="6">
        <v>11001</v>
      </c>
      <c r="F1116" s="5" t="s">
        <v>2231</v>
      </c>
      <c r="G1116" s="5" t="s">
        <v>2232</v>
      </c>
    </row>
    <row r="1117" spans="1:7">
      <c r="A1117" s="5" t="s">
        <v>7</v>
      </c>
      <c r="B1117" s="5">
        <v>1116</v>
      </c>
      <c r="C1117" s="5" t="s">
        <v>8</v>
      </c>
      <c r="D1117" s="5" t="s">
        <v>8</v>
      </c>
      <c r="E1117" s="6">
        <v>11001</v>
      </c>
      <c r="F1117" s="5" t="s">
        <v>2233</v>
      </c>
      <c r="G1117" s="5" t="s">
        <v>2234</v>
      </c>
    </row>
    <row r="1118" spans="1:7">
      <c r="A1118" s="5" t="s">
        <v>7</v>
      </c>
      <c r="B1118" s="5">
        <v>1117</v>
      </c>
      <c r="C1118" s="5" t="s">
        <v>8</v>
      </c>
      <c r="D1118" s="5" t="s">
        <v>8</v>
      </c>
      <c r="E1118" s="6">
        <v>11001</v>
      </c>
      <c r="F1118" s="5" t="s">
        <v>2235</v>
      </c>
      <c r="G1118" s="5" t="s">
        <v>2236</v>
      </c>
    </row>
    <row r="1119" spans="1:7">
      <c r="A1119" s="5" t="s">
        <v>7</v>
      </c>
      <c r="B1119" s="5">
        <v>1118</v>
      </c>
      <c r="C1119" s="5" t="s">
        <v>813</v>
      </c>
      <c r="D1119" s="5" t="s">
        <v>2237</v>
      </c>
      <c r="E1119" s="6">
        <v>25290</v>
      </c>
      <c r="F1119" s="5" t="s">
        <v>2238</v>
      </c>
      <c r="G1119" s="5" t="s">
        <v>2239</v>
      </c>
    </row>
    <row r="1120" spans="1:7">
      <c r="A1120" s="5" t="s">
        <v>7</v>
      </c>
      <c r="B1120" s="5">
        <v>1119</v>
      </c>
      <c r="C1120" s="5" t="s">
        <v>8</v>
      </c>
      <c r="D1120" s="5" t="s">
        <v>8</v>
      </c>
      <c r="E1120" s="6">
        <v>11001</v>
      </c>
      <c r="F1120" s="5" t="s">
        <v>2240</v>
      </c>
      <c r="G1120" s="5" t="s">
        <v>2241</v>
      </c>
    </row>
    <row r="1121" spans="1:7">
      <c r="A1121" s="5" t="s">
        <v>7</v>
      </c>
      <c r="B1121" s="5">
        <v>1120</v>
      </c>
      <c r="C1121" s="5" t="s">
        <v>8</v>
      </c>
      <c r="D1121" s="5" t="s">
        <v>8</v>
      </c>
      <c r="E1121" s="6">
        <v>11001</v>
      </c>
      <c r="F1121" s="5" t="s">
        <v>2242</v>
      </c>
      <c r="G1121" s="5" t="s">
        <v>2243</v>
      </c>
    </row>
    <row r="1122" spans="1:7">
      <c r="A1122" s="5" t="s">
        <v>7</v>
      </c>
      <c r="B1122" s="5">
        <v>1121</v>
      </c>
      <c r="C1122" s="5" t="s">
        <v>8</v>
      </c>
      <c r="D1122" s="5" t="s">
        <v>8</v>
      </c>
      <c r="E1122" s="6">
        <v>11001</v>
      </c>
      <c r="F1122" s="5" t="s">
        <v>2244</v>
      </c>
      <c r="G1122" s="5" t="s">
        <v>2245</v>
      </c>
    </row>
    <row r="1123" spans="1:7">
      <c r="A1123" s="5" t="s">
        <v>7</v>
      </c>
      <c r="B1123" s="5">
        <v>1122</v>
      </c>
      <c r="C1123" s="5" t="s">
        <v>8</v>
      </c>
      <c r="D1123" s="5" t="s">
        <v>8</v>
      </c>
      <c r="E1123" s="6">
        <v>11001</v>
      </c>
      <c r="F1123" s="5" t="s">
        <v>2246</v>
      </c>
      <c r="G1123" s="5" t="s">
        <v>2247</v>
      </c>
    </row>
    <row r="1124" spans="1:7">
      <c r="A1124" s="5" t="s">
        <v>7</v>
      </c>
      <c r="B1124" s="5">
        <v>1123</v>
      </c>
      <c r="C1124" s="5" t="s">
        <v>8</v>
      </c>
      <c r="D1124" s="5" t="s">
        <v>8</v>
      </c>
      <c r="E1124" s="6">
        <v>11001</v>
      </c>
      <c r="F1124" s="5" t="s">
        <v>2248</v>
      </c>
      <c r="G1124" s="5" t="s">
        <v>2249</v>
      </c>
    </row>
    <row r="1125" spans="1:7">
      <c r="A1125" s="5" t="s">
        <v>7</v>
      </c>
      <c r="B1125" s="5">
        <v>1124</v>
      </c>
      <c r="C1125" s="5" t="s">
        <v>8</v>
      </c>
      <c r="D1125" s="5" t="s">
        <v>8</v>
      </c>
      <c r="E1125" s="6">
        <v>11001</v>
      </c>
      <c r="F1125" s="5" t="s">
        <v>2250</v>
      </c>
      <c r="G1125" s="5" t="s">
        <v>2251</v>
      </c>
    </row>
    <row r="1126" spans="1:7">
      <c r="A1126" s="5" t="s">
        <v>7</v>
      </c>
      <c r="B1126" s="5">
        <v>1125</v>
      </c>
      <c r="C1126" s="5" t="s">
        <v>8</v>
      </c>
      <c r="D1126" s="5" t="s">
        <v>8</v>
      </c>
      <c r="E1126" s="6">
        <v>11001</v>
      </c>
      <c r="F1126" s="5" t="s">
        <v>2252</v>
      </c>
      <c r="G1126" s="5" t="s">
        <v>2253</v>
      </c>
    </row>
    <row r="1127" spans="1:7">
      <c r="A1127" s="5" t="s">
        <v>7</v>
      </c>
      <c r="B1127" s="5">
        <v>1126</v>
      </c>
      <c r="C1127" s="5" t="s">
        <v>813</v>
      </c>
      <c r="D1127" s="5" t="s">
        <v>814</v>
      </c>
      <c r="E1127" s="6">
        <v>25754</v>
      </c>
      <c r="F1127" s="5" t="s">
        <v>2254</v>
      </c>
      <c r="G1127" s="5" t="s">
        <v>2255</v>
      </c>
    </row>
    <row r="1128" spans="1:7">
      <c r="A1128" s="5" t="s">
        <v>7</v>
      </c>
      <c r="B1128" s="5">
        <v>1127</v>
      </c>
      <c r="C1128" s="5" t="s">
        <v>8</v>
      </c>
      <c r="D1128" s="5" t="s">
        <v>8</v>
      </c>
      <c r="E1128" s="6">
        <v>11001</v>
      </c>
      <c r="F1128" s="5" t="s">
        <v>2256</v>
      </c>
      <c r="G1128" s="5" t="s">
        <v>2257</v>
      </c>
    </row>
    <row r="1129" spans="1:7">
      <c r="A1129" s="5" t="s">
        <v>7</v>
      </c>
      <c r="B1129" s="5">
        <v>1128</v>
      </c>
      <c r="C1129" s="5" t="s">
        <v>8</v>
      </c>
      <c r="D1129" s="5" t="s">
        <v>8</v>
      </c>
      <c r="E1129" s="6">
        <v>11001</v>
      </c>
      <c r="F1129" s="5" t="s">
        <v>2258</v>
      </c>
      <c r="G1129" s="5" t="s">
        <v>2259</v>
      </c>
    </row>
    <row r="1130" spans="1:7">
      <c r="A1130" s="5" t="s">
        <v>7</v>
      </c>
      <c r="B1130" s="5">
        <v>1129</v>
      </c>
      <c r="C1130" s="5" t="s">
        <v>8</v>
      </c>
      <c r="D1130" s="5" t="s">
        <v>8</v>
      </c>
      <c r="E1130" s="6">
        <v>11001</v>
      </c>
      <c r="F1130" s="5" t="s">
        <v>2260</v>
      </c>
      <c r="G1130" s="5" t="s">
        <v>2261</v>
      </c>
    </row>
    <row r="1131" spans="1:7">
      <c r="A1131" s="5" t="s">
        <v>7</v>
      </c>
      <c r="B1131" s="5">
        <v>1130</v>
      </c>
      <c r="C1131" s="5" t="s">
        <v>8</v>
      </c>
      <c r="D1131" s="5" t="s">
        <v>8</v>
      </c>
      <c r="E1131" s="6">
        <v>11001</v>
      </c>
      <c r="F1131" s="5" t="s">
        <v>2262</v>
      </c>
      <c r="G1131" s="5" t="s">
        <v>2263</v>
      </c>
    </row>
    <row r="1132" spans="1:7">
      <c r="A1132" s="5" t="s">
        <v>7</v>
      </c>
      <c r="B1132" s="5">
        <v>1131</v>
      </c>
      <c r="C1132" s="5" t="s">
        <v>8</v>
      </c>
      <c r="D1132" s="5" t="s">
        <v>8</v>
      </c>
      <c r="E1132" s="6">
        <v>11001</v>
      </c>
      <c r="F1132" s="5" t="s">
        <v>2264</v>
      </c>
      <c r="G1132" s="5" t="s">
        <v>2265</v>
      </c>
    </row>
    <row r="1133" spans="1:7">
      <c r="A1133" s="5" t="s">
        <v>7</v>
      </c>
      <c r="B1133" s="5">
        <v>1132</v>
      </c>
      <c r="C1133" s="5" t="s">
        <v>8</v>
      </c>
      <c r="D1133" s="5" t="s">
        <v>8</v>
      </c>
      <c r="E1133" s="6">
        <v>11001</v>
      </c>
      <c r="F1133" s="5" t="s">
        <v>2266</v>
      </c>
      <c r="G1133" s="5" t="s">
        <v>2267</v>
      </c>
    </row>
    <row r="1134" spans="1:7">
      <c r="A1134" s="5" t="s">
        <v>7</v>
      </c>
      <c r="B1134" s="5">
        <v>1133</v>
      </c>
      <c r="C1134" s="5" t="s">
        <v>8</v>
      </c>
      <c r="D1134" s="5" t="s">
        <v>8</v>
      </c>
      <c r="E1134" s="6">
        <v>11001</v>
      </c>
      <c r="F1134" s="5" t="s">
        <v>2268</v>
      </c>
      <c r="G1134" s="5" t="s">
        <v>2269</v>
      </c>
    </row>
    <row r="1135" spans="1:7">
      <c r="A1135" s="5" t="s">
        <v>7</v>
      </c>
      <c r="B1135" s="5">
        <v>1134</v>
      </c>
      <c r="C1135" s="5" t="s">
        <v>8</v>
      </c>
      <c r="D1135" s="5" t="s">
        <v>8</v>
      </c>
      <c r="E1135" s="6">
        <v>11001</v>
      </c>
      <c r="F1135" s="5" t="s">
        <v>2270</v>
      </c>
      <c r="G1135" s="5" t="s">
        <v>2271</v>
      </c>
    </row>
    <row r="1136" spans="1:7">
      <c r="A1136" s="5" t="s">
        <v>7</v>
      </c>
      <c r="B1136" s="5">
        <v>1135</v>
      </c>
      <c r="C1136" s="5" t="s">
        <v>8</v>
      </c>
      <c r="D1136" s="5" t="s">
        <v>8</v>
      </c>
      <c r="E1136" s="6">
        <v>11001</v>
      </c>
      <c r="F1136" s="5" t="s">
        <v>2272</v>
      </c>
      <c r="G1136" s="5" t="s">
        <v>2273</v>
      </c>
    </row>
    <row r="1137" spans="1:7">
      <c r="A1137" s="5" t="s">
        <v>7</v>
      </c>
      <c r="B1137" s="5">
        <v>1136</v>
      </c>
      <c r="C1137" s="5" t="s">
        <v>813</v>
      </c>
      <c r="D1137" s="5" t="s">
        <v>814</v>
      </c>
      <c r="E1137" s="6">
        <v>25754</v>
      </c>
      <c r="F1137" s="5" t="s">
        <v>2274</v>
      </c>
      <c r="G1137" s="5" t="s">
        <v>2275</v>
      </c>
    </row>
    <row r="1138" spans="1:7">
      <c r="A1138" s="5" t="s">
        <v>7</v>
      </c>
      <c r="B1138" s="5">
        <v>1137</v>
      </c>
      <c r="C1138" s="5" t="s">
        <v>8</v>
      </c>
      <c r="D1138" s="5" t="s">
        <v>8</v>
      </c>
      <c r="E1138" s="6">
        <v>11001</v>
      </c>
      <c r="F1138" s="5" t="s">
        <v>2276</v>
      </c>
      <c r="G1138" s="5" t="s">
        <v>2277</v>
      </c>
    </row>
    <row r="1139" spans="1:7">
      <c r="A1139" s="5" t="s">
        <v>7</v>
      </c>
      <c r="B1139" s="5">
        <v>1138</v>
      </c>
      <c r="C1139" s="5" t="s">
        <v>8</v>
      </c>
      <c r="D1139" s="5" t="s">
        <v>8</v>
      </c>
      <c r="E1139" s="6">
        <v>11001</v>
      </c>
      <c r="F1139" s="5" t="s">
        <v>2278</v>
      </c>
      <c r="G1139" s="5" t="s">
        <v>2279</v>
      </c>
    </row>
    <row r="1140" spans="1:7">
      <c r="A1140" s="5" t="s">
        <v>7</v>
      </c>
      <c r="B1140" s="5">
        <v>1139</v>
      </c>
      <c r="C1140" s="5" t="s">
        <v>8</v>
      </c>
      <c r="D1140" s="5" t="s">
        <v>8</v>
      </c>
      <c r="E1140" s="6">
        <v>11001</v>
      </c>
      <c r="F1140" s="5" t="s">
        <v>2280</v>
      </c>
      <c r="G1140" s="5" t="s">
        <v>2281</v>
      </c>
    </row>
    <row r="1141" spans="1:7">
      <c r="A1141" s="5" t="s">
        <v>7</v>
      </c>
      <c r="B1141" s="5">
        <v>1140</v>
      </c>
      <c r="C1141" s="5" t="s">
        <v>8</v>
      </c>
      <c r="D1141" s="5" t="s">
        <v>8</v>
      </c>
      <c r="E1141" s="6">
        <v>11001</v>
      </c>
      <c r="F1141" s="5" t="s">
        <v>2282</v>
      </c>
      <c r="G1141" s="5" t="s">
        <v>2283</v>
      </c>
    </row>
    <row r="1142" spans="1:7">
      <c r="A1142" s="5" t="s">
        <v>7</v>
      </c>
      <c r="B1142" s="5">
        <v>1141</v>
      </c>
      <c r="C1142" s="5" t="s">
        <v>8</v>
      </c>
      <c r="D1142" s="5" t="s">
        <v>8</v>
      </c>
      <c r="E1142" s="6">
        <v>11001</v>
      </c>
      <c r="F1142" s="5" t="s">
        <v>2284</v>
      </c>
      <c r="G1142" s="5" t="s">
        <v>2285</v>
      </c>
    </row>
    <row r="1143" spans="1:7">
      <c r="A1143" s="5" t="s">
        <v>7</v>
      </c>
      <c r="B1143" s="5">
        <v>1142</v>
      </c>
      <c r="C1143" s="5" t="s">
        <v>8</v>
      </c>
      <c r="D1143" s="5" t="s">
        <v>8</v>
      </c>
      <c r="E1143" s="6">
        <v>11001</v>
      </c>
      <c r="F1143" s="5" t="s">
        <v>2286</v>
      </c>
      <c r="G1143" s="5" t="s">
        <v>2287</v>
      </c>
    </row>
    <row r="1144" spans="1:7">
      <c r="A1144" s="5" t="s">
        <v>7</v>
      </c>
      <c r="B1144" s="5">
        <v>1143</v>
      </c>
      <c r="C1144" s="5" t="s">
        <v>8</v>
      </c>
      <c r="D1144" s="5" t="s">
        <v>8</v>
      </c>
      <c r="E1144" s="6">
        <v>11001</v>
      </c>
      <c r="F1144" s="5" t="s">
        <v>2288</v>
      </c>
      <c r="G1144" s="5" t="s">
        <v>2289</v>
      </c>
    </row>
    <row r="1145" spans="1:7">
      <c r="A1145" s="5" t="s">
        <v>7</v>
      </c>
      <c r="B1145" s="5">
        <v>1144</v>
      </c>
      <c r="C1145" s="5" t="s">
        <v>813</v>
      </c>
      <c r="D1145" s="5" t="s">
        <v>2290</v>
      </c>
      <c r="E1145" s="6">
        <v>25286</v>
      </c>
      <c r="F1145" s="5" t="s">
        <v>2291</v>
      </c>
      <c r="G1145" s="5" t="s">
        <v>2292</v>
      </c>
    </row>
    <row r="1146" spans="1:7">
      <c r="A1146" s="5" t="s">
        <v>7</v>
      </c>
      <c r="B1146" s="5">
        <v>1145</v>
      </c>
      <c r="C1146" s="5" t="s">
        <v>8</v>
      </c>
      <c r="D1146" s="5" t="s">
        <v>8</v>
      </c>
      <c r="E1146" s="6">
        <v>11001</v>
      </c>
      <c r="F1146" s="5" t="s">
        <v>2293</v>
      </c>
      <c r="G1146" s="5" t="s">
        <v>2294</v>
      </c>
    </row>
    <row r="1147" spans="1:7">
      <c r="A1147" s="5" t="s">
        <v>7</v>
      </c>
      <c r="B1147" s="5">
        <v>1146</v>
      </c>
      <c r="C1147" s="5" t="s">
        <v>8</v>
      </c>
      <c r="D1147" s="5" t="s">
        <v>8</v>
      </c>
      <c r="E1147" s="6">
        <v>11001</v>
      </c>
      <c r="F1147" s="5" t="s">
        <v>2295</v>
      </c>
      <c r="G1147" s="5" t="s">
        <v>2296</v>
      </c>
    </row>
    <row r="1148" spans="1:7">
      <c r="A1148" s="5" t="s">
        <v>7</v>
      </c>
      <c r="B1148" s="5">
        <v>1147</v>
      </c>
      <c r="C1148" s="5" t="s">
        <v>8</v>
      </c>
      <c r="D1148" s="5" t="s">
        <v>8</v>
      </c>
      <c r="E1148" s="6">
        <v>11001</v>
      </c>
      <c r="F1148" s="5" t="s">
        <v>2297</v>
      </c>
      <c r="G1148" s="5" t="s">
        <v>2298</v>
      </c>
    </row>
    <row r="1149" spans="1:7">
      <c r="A1149" s="5" t="s">
        <v>7</v>
      </c>
      <c r="B1149" s="5">
        <v>1148</v>
      </c>
      <c r="C1149" s="5" t="s">
        <v>813</v>
      </c>
      <c r="D1149" s="5" t="s">
        <v>814</v>
      </c>
      <c r="E1149" s="6">
        <v>25754</v>
      </c>
      <c r="F1149" s="5" t="s">
        <v>2299</v>
      </c>
      <c r="G1149" s="5" t="s">
        <v>2300</v>
      </c>
    </row>
    <row r="1150" spans="1:7">
      <c r="A1150" s="5" t="s">
        <v>7</v>
      </c>
      <c r="B1150" s="5">
        <v>1149</v>
      </c>
      <c r="C1150" s="5" t="s">
        <v>8</v>
      </c>
      <c r="D1150" s="5" t="s">
        <v>8</v>
      </c>
      <c r="E1150" s="6">
        <v>11001</v>
      </c>
      <c r="F1150" s="5" t="s">
        <v>2301</v>
      </c>
      <c r="G1150" s="5" t="s">
        <v>2302</v>
      </c>
    </row>
    <row r="1151" spans="1:7">
      <c r="A1151" s="5" t="s">
        <v>7</v>
      </c>
      <c r="B1151" s="5">
        <v>1150</v>
      </c>
      <c r="C1151" s="5" t="s">
        <v>8</v>
      </c>
      <c r="D1151" s="5" t="s">
        <v>8</v>
      </c>
      <c r="E1151" s="6">
        <v>11001</v>
      </c>
      <c r="F1151" s="5" t="s">
        <v>2303</v>
      </c>
      <c r="G1151" s="5" t="s">
        <v>2304</v>
      </c>
    </row>
    <row r="1152" spans="1:7">
      <c r="A1152" s="5" t="s">
        <v>7</v>
      </c>
      <c r="B1152" s="5">
        <v>1151</v>
      </c>
      <c r="C1152" s="5" t="s">
        <v>813</v>
      </c>
      <c r="D1152" s="5" t="s">
        <v>814</v>
      </c>
      <c r="E1152" s="6">
        <v>25754</v>
      </c>
      <c r="F1152" s="5" t="s">
        <v>2305</v>
      </c>
      <c r="G1152" s="5" t="s">
        <v>2306</v>
      </c>
    </row>
    <row r="1153" spans="1:7">
      <c r="A1153" s="5" t="s">
        <v>7</v>
      </c>
      <c r="B1153" s="5">
        <v>1152</v>
      </c>
      <c r="C1153" s="5" t="s">
        <v>8</v>
      </c>
      <c r="D1153" s="5" t="s">
        <v>8</v>
      </c>
      <c r="E1153" s="6">
        <v>11001</v>
      </c>
      <c r="F1153" s="5" t="s">
        <v>2307</v>
      </c>
      <c r="G1153" s="5" t="s">
        <v>2308</v>
      </c>
    </row>
    <row r="1154" spans="1:7">
      <c r="A1154" s="5" t="s">
        <v>7</v>
      </c>
      <c r="B1154" s="5">
        <v>1153</v>
      </c>
      <c r="C1154" s="5" t="s">
        <v>8</v>
      </c>
      <c r="D1154" s="5" t="s">
        <v>8</v>
      </c>
      <c r="E1154" s="6">
        <v>11001</v>
      </c>
      <c r="F1154" s="5" t="s">
        <v>2309</v>
      </c>
      <c r="G1154" s="5" t="s">
        <v>2310</v>
      </c>
    </row>
    <row r="1155" spans="1:7">
      <c r="A1155" s="5" t="s">
        <v>7</v>
      </c>
      <c r="B1155" s="5">
        <v>1154</v>
      </c>
      <c r="C1155" s="5" t="s">
        <v>8</v>
      </c>
      <c r="D1155" s="5" t="s">
        <v>8</v>
      </c>
      <c r="E1155" s="6">
        <v>11001</v>
      </c>
      <c r="F1155" s="5" t="s">
        <v>2311</v>
      </c>
      <c r="G1155" s="5" t="s">
        <v>2312</v>
      </c>
    </row>
    <row r="1156" spans="1:7">
      <c r="A1156" s="5" t="s">
        <v>7</v>
      </c>
      <c r="B1156" s="5">
        <v>1155</v>
      </c>
      <c r="C1156" s="5" t="s">
        <v>8</v>
      </c>
      <c r="D1156" s="5" t="s">
        <v>8</v>
      </c>
      <c r="E1156" s="6">
        <v>11001</v>
      </c>
      <c r="F1156" s="5" t="s">
        <v>2313</v>
      </c>
      <c r="G1156" s="5" t="s">
        <v>2314</v>
      </c>
    </row>
    <row r="1157" spans="1:7">
      <c r="A1157" s="5" t="s">
        <v>7</v>
      </c>
      <c r="B1157" s="5">
        <v>1156</v>
      </c>
      <c r="C1157" s="5" t="s">
        <v>8</v>
      </c>
      <c r="D1157" s="5" t="s">
        <v>8</v>
      </c>
      <c r="E1157" s="6">
        <v>11001</v>
      </c>
      <c r="F1157" s="5" t="s">
        <v>2315</v>
      </c>
      <c r="G1157" s="5" t="s">
        <v>2316</v>
      </c>
    </row>
    <row r="1158" spans="1:7">
      <c r="A1158" s="5" t="s">
        <v>7</v>
      </c>
      <c r="B1158" s="5">
        <v>1157</v>
      </c>
      <c r="C1158" s="5" t="s">
        <v>8</v>
      </c>
      <c r="D1158" s="5" t="s">
        <v>8</v>
      </c>
      <c r="E1158" s="6">
        <v>11001</v>
      </c>
      <c r="F1158" s="5" t="s">
        <v>2317</v>
      </c>
      <c r="G1158" s="5" t="s">
        <v>2318</v>
      </c>
    </row>
    <row r="1159" spans="1:7">
      <c r="A1159" s="5" t="s">
        <v>7</v>
      </c>
      <c r="B1159" s="5">
        <v>1158</v>
      </c>
      <c r="C1159" s="5" t="s">
        <v>8</v>
      </c>
      <c r="D1159" s="5" t="s">
        <v>8</v>
      </c>
      <c r="E1159" s="6">
        <v>11001</v>
      </c>
      <c r="F1159" s="5" t="s">
        <v>2319</v>
      </c>
      <c r="G1159" s="5" t="s">
        <v>2320</v>
      </c>
    </row>
    <row r="1160" spans="1:7">
      <c r="A1160" s="5" t="s">
        <v>7</v>
      </c>
      <c r="B1160" s="5">
        <v>1159</v>
      </c>
      <c r="C1160" s="5" t="s">
        <v>8</v>
      </c>
      <c r="D1160" s="5" t="s">
        <v>8</v>
      </c>
      <c r="E1160" s="6">
        <v>11001</v>
      </c>
      <c r="F1160" s="5" t="s">
        <v>2321</v>
      </c>
      <c r="G1160" s="5" t="s">
        <v>2322</v>
      </c>
    </row>
    <row r="1161" spans="1:7">
      <c r="A1161" s="5" t="s">
        <v>7</v>
      </c>
      <c r="B1161" s="5">
        <v>1160</v>
      </c>
      <c r="C1161" s="5" t="s">
        <v>8</v>
      </c>
      <c r="D1161" s="5" t="s">
        <v>8</v>
      </c>
      <c r="E1161" s="6">
        <v>11001</v>
      </c>
      <c r="F1161" s="5" t="s">
        <v>2323</v>
      </c>
      <c r="G1161" s="5" t="s">
        <v>2324</v>
      </c>
    </row>
    <row r="1162" spans="1:7">
      <c r="A1162" s="5" t="s">
        <v>7</v>
      </c>
      <c r="B1162" s="5">
        <v>1161</v>
      </c>
      <c r="C1162" s="5" t="s">
        <v>813</v>
      </c>
      <c r="D1162" s="5" t="s">
        <v>2290</v>
      </c>
      <c r="E1162" s="6">
        <v>25286</v>
      </c>
      <c r="F1162" s="5" t="s">
        <v>2325</v>
      </c>
      <c r="G1162" s="5" t="s">
        <v>2326</v>
      </c>
    </row>
    <row r="1163" spans="1:7">
      <c r="A1163" s="5" t="s">
        <v>7</v>
      </c>
      <c r="B1163" s="5">
        <v>1162</v>
      </c>
      <c r="C1163" s="5" t="s">
        <v>8</v>
      </c>
      <c r="D1163" s="5" t="s">
        <v>8</v>
      </c>
      <c r="E1163" s="6">
        <v>11001</v>
      </c>
      <c r="F1163" s="5" t="s">
        <v>2327</v>
      </c>
      <c r="G1163" s="5" t="s">
        <v>2328</v>
      </c>
    </row>
    <row r="1164" spans="1:7">
      <c r="A1164" s="5" t="s">
        <v>7</v>
      </c>
      <c r="B1164" s="5">
        <v>1163</v>
      </c>
      <c r="C1164" s="5" t="s">
        <v>8</v>
      </c>
      <c r="D1164" s="5" t="s">
        <v>8</v>
      </c>
      <c r="E1164" s="6">
        <v>11001</v>
      </c>
      <c r="F1164" s="5" t="s">
        <v>2329</v>
      </c>
      <c r="G1164" s="5" t="s">
        <v>2330</v>
      </c>
    </row>
    <row r="1165" spans="1:7">
      <c r="A1165" s="5" t="s">
        <v>7</v>
      </c>
      <c r="B1165" s="5">
        <v>1164</v>
      </c>
      <c r="C1165" s="5" t="s">
        <v>8</v>
      </c>
      <c r="D1165" s="5" t="s">
        <v>8</v>
      </c>
      <c r="E1165" s="6">
        <v>11001</v>
      </c>
      <c r="F1165" s="5" t="s">
        <v>2331</v>
      </c>
      <c r="G1165" s="5" t="s">
        <v>2332</v>
      </c>
    </row>
    <row r="1166" spans="1:7">
      <c r="A1166" s="5" t="s">
        <v>7</v>
      </c>
      <c r="B1166" s="5">
        <v>1165</v>
      </c>
      <c r="C1166" s="5" t="s">
        <v>8</v>
      </c>
      <c r="D1166" s="5" t="s">
        <v>8</v>
      </c>
      <c r="E1166" s="6">
        <v>11001</v>
      </c>
      <c r="F1166" s="5" t="s">
        <v>2333</v>
      </c>
      <c r="G1166" s="5" t="s">
        <v>2334</v>
      </c>
    </row>
    <row r="1167" spans="1:7">
      <c r="A1167" s="5" t="s">
        <v>7</v>
      </c>
      <c r="B1167" s="5">
        <v>1166</v>
      </c>
      <c r="C1167" s="5" t="s">
        <v>8</v>
      </c>
      <c r="D1167" s="5" t="s">
        <v>8</v>
      </c>
      <c r="E1167" s="6">
        <v>11001</v>
      </c>
      <c r="F1167" s="5" t="s">
        <v>2335</v>
      </c>
      <c r="G1167" s="5" t="s">
        <v>2336</v>
      </c>
    </row>
    <row r="1168" spans="1:7">
      <c r="A1168" s="5" t="s">
        <v>7</v>
      </c>
      <c r="B1168" s="5">
        <v>1167</v>
      </c>
      <c r="C1168" s="5" t="s">
        <v>8</v>
      </c>
      <c r="D1168" s="5" t="s">
        <v>8</v>
      </c>
      <c r="E1168" s="6">
        <v>11001</v>
      </c>
      <c r="F1168" s="5" t="s">
        <v>2337</v>
      </c>
      <c r="G1168" s="5" t="s">
        <v>2338</v>
      </c>
    </row>
    <row r="1169" spans="1:7">
      <c r="A1169" s="5" t="s">
        <v>7</v>
      </c>
      <c r="B1169" s="5">
        <v>1168</v>
      </c>
      <c r="C1169" s="5" t="s">
        <v>813</v>
      </c>
      <c r="D1169" s="5" t="s">
        <v>814</v>
      </c>
      <c r="E1169" s="6">
        <v>25754</v>
      </c>
      <c r="F1169" s="5" t="s">
        <v>2339</v>
      </c>
      <c r="G1169" s="5" t="s">
        <v>2340</v>
      </c>
    </row>
    <row r="1170" spans="1:7">
      <c r="A1170" s="5" t="s">
        <v>7</v>
      </c>
      <c r="B1170" s="5">
        <v>1169</v>
      </c>
      <c r="C1170" s="5" t="s">
        <v>8</v>
      </c>
      <c r="D1170" s="5" t="s">
        <v>8</v>
      </c>
      <c r="E1170" s="6">
        <v>11001</v>
      </c>
      <c r="F1170" s="5" t="s">
        <v>2341</v>
      </c>
      <c r="G1170" s="5" t="s">
        <v>2342</v>
      </c>
    </row>
    <row r="1171" spans="1:7">
      <c r="A1171" s="5" t="s">
        <v>7</v>
      </c>
      <c r="B1171" s="5">
        <v>1170</v>
      </c>
      <c r="C1171" s="5" t="s">
        <v>8</v>
      </c>
      <c r="D1171" s="5" t="s">
        <v>8</v>
      </c>
      <c r="E1171" s="6">
        <v>11001</v>
      </c>
      <c r="F1171" s="5" t="s">
        <v>2343</v>
      </c>
      <c r="G1171" s="5" t="s">
        <v>2344</v>
      </c>
    </row>
    <row r="1172" spans="1:7">
      <c r="A1172" s="5" t="s">
        <v>7</v>
      </c>
      <c r="B1172" s="5">
        <v>1171</v>
      </c>
      <c r="C1172" s="5" t="s">
        <v>8</v>
      </c>
      <c r="D1172" s="5" t="s">
        <v>8</v>
      </c>
      <c r="E1172" s="6">
        <v>11001</v>
      </c>
      <c r="F1172" s="5" t="s">
        <v>2345</v>
      </c>
      <c r="G1172" s="5" t="s">
        <v>2346</v>
      </c>
    </row>
    <row r="1173" spans="1:7">
      <c r="A1173" s="5" t="s">
        <v>7</v>
      </c>
      <c r="B1173" s="5">
        <v>1172</v>
      </c>
      <c r="C1173" s="5" t="s">
        <v>8</v>
      </c>
      <c r="D1173" s="5" t="s">
        <v>8</v>
      </c>
      <c r="E1173" s="6">
        <v>11001</v>
      </c>
      <c r="F1173" s="5" t="s">
        <v>2347</v>
      </c>
      <c r="G1173" s="5" t="s">
        <v>2348</v>
      </c>
    </row>
    <row r="1174" spans="1:7">
      <c r="A1174" s="5" t="s">
        <v>7</v>
      </c>
      <c r="B1174" s="5">
        <v>1173</v>
      </c>
      <c r="C1174" s="5" t="s">
        <v>8</v>
      </c>
      <c r="D1174" s="5" t="s">
        <v>8</v>
      </c>
      <c r="E1174" s="6">
        <v>11001</v>
      </c>
      <c r="F1174" s="5" t="s">
        <v>2349</v>
      </c>
      <c r="G1174" s="5" t="s">
        <v>2350</v>
      </c>
    </row>
    <row r="1175" spans="1:7">
      <c r="A1175" s="5" t="s">
        <v>7</v>
      </c>
      <c r="B1175" s="5">
        <v>1174</v>
      </c>
      <c r="C1175" s="5" t="s">
        <v>8</v>
      </c>
      <c r="D1175" s="5" t="s">
        <v>8</v>
      </c>
      <c r="E1175" s="6">
        <v>11001</v>
      </c>
      <c r="F1175" s="5" t="s">
        <v>2351</v>
      </c>
      <c r="G1175" s="5" t="s">
        <v>2342</v>
      </c>
    </row>
    <row r="1176" spans="1:7">
      <c r="A1176" s="5" t="s">
        <v>7</v>
      </c>
      <c r="B1176" s="5">
        <v>1175</v>
      </c>
      <c r="C1176" s="5" t="s">
        <v>8</v>
      </c>
      <c r="D1176" s="5" t="s">
        <v>8</v>
      </c>
      <c r="E1176" s="6">
        <v>11001</v>
      </c>
      <c r="F1176" s="5" t="s">
        <v>2352</v>
      </c>
      <c r="G1176" s="5" t="s">
        <v>2353</v>
      </c>
    </row>
    <row r="1177" spans="1:7">
      <c r="A1177" s="5" t="s">
        <v>7</v>
      </c>
      <c r="B1177" s="5">
        <v>1176</v>
      </c>
      <c r="C1177" s="5" t="s">
        <v>8</v>
      </c>
      <c r="D1177" s="5" t="s">
        <v>8</v>
      </c>
      <c r="E1177" s="6">
        <v>11001</v>
      </c>
      <c r="F1177" s="5" t="s">
        <v>2354</v>
      </c>
      <c r="G1177" s="5" t="s">
        <v>2355</v>
      </c>
    </row>
    <row r="1178" spans="1:7">
      <c r="A1178" s="5" t="s">
        <v>7</v>
      </c>
      <c r="B1178" s="5">
        <v>1177</v>
      </c>
      <c r="C1178" s="5" t="s">
        <v>8</v>
      </c>
      <c r="D1178" s="5" t="s">
        <v>8</v>
      </c>
      <c r="E1178" s="6">
        <v>11001</v>
      </c>
      <c r="F1178" s="5" t="s">
        <v>2356</v>
      </c>
      <c r="G1178" s="5" t="s">
        <v>2357</v>
      </c>
    </row>
    <row r="1179" spans="1:7">
      <c r="A1179" s="5" t="s">
        <v>7</v>
      </c>
      <c r="B1179" s="5">
        <v>1178</v>
      </c>
      <c r="C1179" s="5" t="s">
        <v>813</v>
      </c>
      <c r="D1179" s="5" t="s">
        <v>2358</v>
      </c>
      <c r="E1179" s="6">
        <v>25295</v>
      </c>
      <c r="F1179" s="5" t="s">
        <v>2359</v>
      </c>
      <c r="G1179" s="5" t="s">
        <v>2360</v>
      </c>
    </row>
    <row r="1180" spans="1:7">
      <c r="A1180" s="5" t="s">
        <v>7</v>
      </c>
      <c r="B1180" s="5">
        <v>1179</v>
      </c>
      <c r="C1180" s="5" t="s">
        <v>8</v>
      </c>
      <c r="D1180" s="5" t="s">
        <v>8</v>
      </c>
      <c r="E1180" s="6">
        <v>11001</v>
      </c>
      <c r="F1180" s="5" t="s">
        <v>2361</v>
      </c>
      <c r="G1180" s="5" t="s">
        <v>2362</v>
      </c>
    </row>
    <row r="1181" spans="1:7">
      <c r="A1181" s="5" t="s">
        <v>7</v>
      </c>
      <c r="B1181" s="5">
        <v>1180</v>
      </c>
      <c r="C1181" s="5" t="s">
        <v>8</v>
      </c>
      <c r="D1181" s="5" t="s">
        <v>8</v>
      </c>
      <c r="E1181" s="6">
        <v>11001</v>
      </c>
      <c r="F1181" s="5" t="s">
        <v>2363</v>
      </c>
      <c r="G1181" s="5" t="s">
        <v>2364</v>
      </c>
    </row>
    <row r="1182" spans="1:7">
      <c r="A1182" s="5" t="s">
        <v>7</v>
      </c>
      <c r="B1182" s="5">
        <v>1181</v>
      </c>
      <c r="C1182" s="5" t="s">
        <v>8</v>
      </c>
      <c r="D1182" s="5" t="s">
        <v>8</v>
      </c>
      <c r="E1182" s="6">
        <v>11001</v>
      </c>
      <c r="F1182" s="5" t="s">
        <v>2365</v>
      </c>
      <c r="G1182" s="5" t="s">
        <v>2366</v>
      </c>
    </row>
    <row r="1183" spans="1:7">
      <c r="A1183" s="5" t="s">
        <v>7</v>
      </c>
      <c r="B1183" s="5">
        <v>1182</v>
      </c>
      <c r="C1183" s="5" t="s">
        <v>8</v>
      </c>
      <c r="D1183" s="5" t="s">
        <v>8</v>
      </c>
      <c r="E1183" s="6">
        <v>11001</v>
      </c>
      <c r="F1183" s="5" t="s">
        <v>2367</v>
      </c>
      <c r="G1183" s="5" t="s">
        <v>2368</v>
      </c>
    </row>
    <row r="1184" spans="1:7">
      <c r="A1184" s="5" t="s">
        <v>7</v>
      </c>
      <c r="B1184" s="5">
        <v>1183</v>
      </c>
      <c r="C1184" s="5" t="s">
        <v>8</v>
      </c>
      <c r="D1184" s="5" t="s">
        <v>8</v>
      </c>
      <c r="E1184" s="6">
        <v>11001</v>
      </c>
      <c r="F1184" s="5" t="s">
        <v>2369</v>
      </c>
      <c r="G1184" s="5" t="s">
        <v>2370</v>
      </c>
    </row>
    <row r="1185" spans="1:7">
      <c r="A1185" s="5" t="s">
        <v>7</v>
      </c>
      <c r="B1185" s="5">
        <v>1184</v>
      </c>
      <c r="C1185" s="5" t="s">
        <v>8</v>
      </c>
      <c r="D1185" s="5" t="s">
        <v>8</v>
      </c>
      <c r="E1185" s="6">
        <v>11001</v>
      </c>
      <c r="F1185" s="5" t="s">
        <v>2371</v>
      </c>
      <c r="G1185" s="5" t="s">
        <v>2372</v>
      </c>
    </row>
    <row r="1186" spans="1:7">
      <c r="A1186" s="5" t="s">
        <v>7</v>
      </c>
      <c r="B1186" s="5">
        <v>1185</v>
      </c>
      <c r="C1186" s="5" t="s">
        <v>8</v>
      </c>
      <c r="D1186" s="5" t="s">
        <v>8</v>
      </c>
      <c r="E1186" s="6">
        <v>11001</v>
      </c>
      <c r="F1186" s="5" t="s">
        <v>2373</v>
      </c>
      <c r="G1186" s="5" t="s">
        <v>2374</v>
      </c>
    </row>
    <row r="1187" spans="1:7">
      <c r="A1187" s="5" t="s">
        <v>7</v>
      </c>
      <c r="B1187" s="5">
        <v>1186</v>
      </c>
      <c r="C1187" s="5" t="s">
        <v>8</v>
      </c>
      <c r="D1187" s="5" t="s">
        <v>8</v>
      </c>
      <c r="E1187" s="6">
        <v>11001</v>
      </c>
      <c r="F1187" s="5" t="s">
        <v>2375</v>
      </c>
      <c r="G1187" s="5" t="s">
        <v>2376</v>
      </c>
    </row>
    <row r="1188" spans="1:7">
      <c r="A1188" s="5" t="s">
        <v>7</v>
      </c>
      <c r="B1188" s="5">
        <v>1187</v>
      </c>
      <c r="C1188" s="5" t="s">
        <v>8</v>
      </c>
      <c r="D1188" s="5" t="s">
        <v>8</v>
      </c>
      <c r="E1188" s="6">
        <v>11001</v>
      </c>
      <c r="F1188" s="5" t="s">
        <v>2377</v>
      </c>
      <c r="G1188" s="5" t="s">
        <v>2378</v>
      </c>
    </row>
    <row r="1189" spans="1:7">
      <c r="A1189" s="5" t="s">
        <v>7</v>
      </c>
      <c r="B1189" s="5">
        <v>1188</v>
      </c>
      <c r="C1189" s="5" t="s">
        <v>8</v>
      </c>
      <c r="D1189" s="5" t="s">
        <v>8</v>
      </c>
      <c r="E1189" s="6">
        <v>11001</v>
      </c>
      <c r="F1189" s="5" t="s">
        <v>2379</v>
      </c>
      <c r="G1189" s="5" t="s">
        <v>2380</v>
      </c>
    </row>
    <row r="1190" spans="1:7">
      <c r="A1190" s="5" t="s">
        <v>7</v>
      </c>
      <c r="B1190" s="5">
        <v>1189</v>
      </c>
      <c r="C1190" s="5" t="s">
        <v>8</v>
      </c>
      <c r="D1190" s="5" t="s">
        <v>8</v>
      </c>
      <c r="E1190" s="6">
        <v>11001</v>
      </c>
      <c r="F1190" s="5" t="s">
        <v>2381</v>
      </c>
      <c r="G1190" s="5" t="s">
        <v>2382</v>
      </c>
    </row>
    <row r="1191" spans="1:7">
      <c r="A1191" s="5" t="s">
        <v>7</v>
      </c>
      <c r="B1191" s="5">
        <v>1190</v>
      </c>
      <c r="C1191" s="5" t="s">
        <v>8</v>
      </c>
      <c r="D1191" s="5" t="s">
        <v>8</v>
      </c>
      <c r="E1191" s="6">
        <v>11001</v>
      </c>
      <c r="F1191" s="5" t="s">
        <v>2383</v>
      </c>
      <c r="G1191" s="5" t="s">
        <v>2384</v>
      </c>
    </row>
    <row r="1192" spans="1:7">
      <c r="A1192" s="5" t="s">
        <v>7</v>
      </c>
      <c r="B1192" s="5">
        <v>1191</v>
      </c>
      <c r="C1192" s="5" t="s">
        <v>8</v>
      </c>
      <c r="D1192" s="5" t="s">
        <v>8</v>
      </c>
      <c r="E1192" s="6">
        <v>11001</v>
      </c>
      <c r="F1192" s="5" t="s">
        <v>2385</v>
      </c>
      <c r="G1192" s="5" t="s">
        <v>2386</v>
      </c>
    </row>
    <row r="1193" spans="1:7">
      <c r="A1193" s="5" t="s">
        <v>7</v>
      </c>
      <c r="B1193" s="5">
        <v>1192</v>
      </c>
      <c r="C1193" s="5" t="s">
        <v>8</v>
      </c>
      <c r="D1193" s="5" t="s">
        <v>8</v>
      </c>
      <c r="E1193" s="6">
        <v>11001</v>
      </c>
      <c r="F1193" s="5" t="s">
        <v>2387</v>
      </c>
      <c r="G1193" s="5" t="s">
        <v>2388</v>
      </c>
    </row>
    <row r="1194" spans="1:7">
      <c r="A1194" s="5" t="s">
        <v>7</v>
      </c>
      <c r="B1194" s="5">
        <v>1193</v>
      </c>
      <c r="C1194" s="5" t="s">
        <v>8</v>
      </c>
      <c r="D1194" s="5" t="s">
        <v>8</v>
      </c>
      <c r="E1194" s="6">
        <v>11001</v>
      </c>
      <c r="F1194" s="5" t="s">
        <v>2389</v>
      </c>
      <c r="G1194" s="5" t="s">
        <v>2390</v>
      </c>
    </row>
    <row r="1195" spans="1:7">
      <c r="A1195" s="5" t="s">
        <v>7</v>
      </c>
      <c r="B1195" s="5">
        <v>1194</v>
      </c>
      <c r="C1195" s="5" t="s">
        <v>8</v>
      </c>
      <c r="D1195" s="5" t="s">
        <v>8</v>
      </c>
      <c r="E1195" s="6">
        <v>11001</v>
      </c>
      <c r="F1195" s="5" t="s">
        <v>2391</v>
      </c>
      <c r="G1195" s="5" t="s">
        <v>2392</v>
      </c>
    </row>
    <row r="1196" spans="1:7">
      <c r="A1196" s="5" t="s">
        <v>7</v>
      </c>
      <c r="B1196" s="5">
        <v>1195</v>
      </c>
      <c r="C1196" s="5" t="s">
        <v>8</v>
      </c>
      <c r="D1196" s="5" t="s">
        <v>8</v>
      </c>
      <c r="E1196" s="6">
        <v>11001</v>
      </c>
      <c r="F1196" s="5" t="s">
        <v>2393</v>
      </c>
      <c r="G1196" s="5" t="s">
        <v>2394</v>
      </c>
    </row>
    <row r="1197" spans="1:7">
      <c r="A1197" s="5" t="s">
        <v>7</v>
      </c>
      <c r="B1197" s="5">
        <v>1196</v>
      </c>
      <c r="C1197" s="5" t="s">
        <v>8</v>
      </c>
      <c r="D1197" s="5" t="s">
        <v>8</v>
      </c>
      <c r="E1197" s="6">
        <v>11001</v>
      </c>
      <c r="F1197" s="5" t="s">
        <v>2395</v>
      </c>
      <c r="G1197" s="5" t="s">
        <v>2396</v>
      </c>
    </row>
    <row r="1198" spans="1:7">
      <c r="A1198" s="5" t="s">
        <v>7</v>
      </c>
      <c r="B1198" s="5">
        <v>1197</v>
      </c>
      <c r="C1198" s="5" t="s">
        <v>8</v>
      </c>
      <c r="D1198" s="5" t="s">
        <v>8</v>
      </c>
      <c r="E1198" s="6">
        <v>11001</v>
      </c>
      <c r="F1198" s="5" t="s">
        <v>2397</v>
      </c>
      <c r="G1198" s="5" t="s">
        <v>2398</v>
      </c>
    </row>
    <row r="1199" spans="1:7">
      <c r="A1199" s="5" t="s">
        <v>7</v>
      </c>
      <c r="B1199" s="5">
        <v>1198</v>
      </c>
      <c r="C1199" s="5" t="s">
        <v>8</v>
      </c>
      <c r="D1199" s="5" t="s">
        <v>8</v>
      </c>
      <c r="E1199" s="6">
        <v>11001</v>
      </c>
      <c r="F1199" s="5" t="s">
        <v>2399</v>
      </c>
      <c r="G1199" s="5" t="s">
        <v>2400</v>
      </c>
    </row>
    <row r="1200" spans="1:7">
      <c r="A1200" s="5" t="s">
        <v>7</v>
      </c>
      <c r="B1200" s="5">
        <v>1199</v>
      </c>
      <c r="C1200" s="5" t="s">
        <v>8</v>
      </c>
      <c r="D1200" s="5" t="s">
        <v>8</v>
      </c>
      <c r="E1200" s="6">
        <v>11001</v>
      </c>
      <c r="F1200" s="5" t="s">
        <v>2401</v>
      </c>
      <c r="G1200" s="5" t="s">
        <v>2402</v>
      </c>
    </row>
    <row r="1201" spans="1:7">
      <c r="A1201" s="5" t="s">
        <v>7</v>
      </c>
      <c r="B1201" s="5">
        <v>1200</v>
      </c>
      <c r="C1201" s="5" t="s">
        <v>8</v>
      </c>
      <c r="D1201" s="5" t="s">
        <v>8</v>
      </c>
      <c r="E1201" s="6">
        <v>11001</v>
      </c>
      <c r="F1201" s="5" t="s">
        <v>2403</v>
      </c>
      <c r="G1201" s="5" t="s">
        <v>2404</v>
      </c>
    </row>
    <row r="1202" spans="1:7">
      <c r="A1202" s="5" t="s">
        <v>7</v>
      </c>
      <c r="B1202" s="5">
        <v>1201</v>
      </c>
      <c r="C1202" s="5" t="s">
        <v>8</v>
      </c>
      <c r="D1202" s="5" t="s">
        <v>8</v>
      </c>
      <c r="E1202" s="6">
        <v>11001</v>
      </c>
      <c r="F1202" s="5" t="s">
        <v>1150</v>
      </c>
      <c r="G1202" s="5" t="s">
        <v>2405</v>
      </c>
    </row>
    <row r="1203" spans="1:7">
      <c r="A1203" s="5" t="s">
        <v>7</v>
      </c>
      <c r="B1203" s="5">
        <v>1202</v>
      </c>
      <c r="C1203" s="5" t="s">
        <v>8</v>
      </c>
      <c r="D1203" s="5" t="s">
        <v>8</v>
      </c>
      <c r="E1203" s="6">
        <v>11001</v>
      </c>
      <c r="F1203" s="5" t="s">
        <v>1150</v>
      </c>
      <c r="G1203" s="5" t="s">
        <v>18</v>
      </c>
    </row>
    <row r="1204" spans="1:7">
      <c r="A1204" s="5" t="s">
        <v>7</v>
      </c>
      <c r="B1204" s="5">
        <v>1203</v>
      </c>
      <c r="C1204" s="5" t="s">
        <v>8</v>
      </c>
      <c r="D1204" s="5" t="s">
        <v>8</v>
      </c>
      <c r="E1204" s="6">
        <v>11001</v>
      </c>
      <c r="F1204" s="5" t="s">
        <v>2406</v>
      </c>
      <c r="G1204" s="5" t="s">
        <v>2407</v>
      </c>
    </row>
    <row r="1205" spans="1:7">
      <c r="A1205" s="5" t="s">
        <v>7</v>
      </c>
      <c r="B1205" s="5">
        <v>1204</v>
      </c>
      <c r="C1205" s="5" t="s">
        <v>8</v>
      </c>
      <c r="D1205" s="5" t="s">
        <v>8</v>
      </c>
      <c r="E1205" s="6">
        <v>11001</v>
      </c>
      <c r="F1205" s="5" t="s">
        <v>1150</v>
      </c>
      <c r="G1205" s="5" t="s">
        <v>2408</v>
      </c>
    </row>
    <row r="1206" spans="1:7">
      <c r="A1206" s="5" t="s">
        <v>7</v>
      </c>
      <c r="B1206" s="5">
        <v>1205</v>
      </c>
      <c r="C1206" s="5" t="s">
        <v>8</v>
      </c>
      <c r="D1206" s="5" t="s">
        <v>8</v>
      </c>
      <c r="E1206" s="6">
        <v>11001</v>
      </c>
      <c r="F1206" s="5" t="s">
        <v>2409</v>
      </c>
      <c r="G1206" s="5" t="s">
        <v>2410</v>
      </c>
    </row>
    <row r="1207" spans="1:7">
      <c r="A1207" s="5" t="s">
        <v>7</v>
      </c>
      <c r="B1207" s="5">
        <v>1206</v>
      </c>
      <c r="C1207" s="5" t="s">
        <v>8</v>
      </c>
      <c r="D1207" s="5" t="s">
        <v>8</v>
      </c>
      <c r="E1207" s="6">
        <v>11001</v>
      </c>
      <c r="F1207" s="5" t="s">
        <v>2411</v>
      </c>
      <c r="G1207" s="5" t="s">
        <v>2412</v>
      </c>
    </row>
    <row r="1208" spans="1:7">
      <c r="A1208" s="5" t="s">
        <v>7</v>
      </c>
      <c r="B1208" s="5">
        <v>1207</v>
      </c>
      <c r="C1208" s="5" t="s">
        <v>8</v>
      </c>
      <c r="D1208" s="5" t="s">
        <v>8</v>
      </c>
      <c r="E1208" s="6">
        <v>11001</v>
      </c>
      <c r="F1208" s="5" t="s">
        <v>2413</v>
      </c>
      <c r="G1208" s="5" t="s">
        <v>2414</v>
      </c>
    </row>
    <row r="1209" spans="1:7">
      <c r="A1209" s="5" t="s">
        <v>7</v>
      </c>
      <c r="B1209" s="5">
        <v>1208</v>
      </c>
      <c r="C1209" s="5" t="s">
        <v>8</v>
      </c>
      <c r="D1209" s="5" t="s">
        <v>8</v>
      </c>
      <c r="E1209" s="6">
        <v>11001</v>
      </c>
      <c r="F1209" s="5" t="s">
        <v>2415</v>
      </c>
      <c r="G1209" s="5" t="s">
        <v>2416</v>
      </c>
    </row>
    <row r="1210" spans="1:7">
      <c r="A1210" s="5" t="s">
        <v>7</v>
      </c>
      <c r="B1210" s="5">
        <v>1209</v>
      </c>
      <c r="C1210" s="5" t="s">
        <v>8</v>
      </c>
      <c r="D1210" s="5" t="s">
        <v>8</v>
      </c>
      <c r="E1210" s="6">
        <v>11001</v>
      </c>
      <c r="F1210" s="5" t="s">
        <v>2417</v>
      </c>
      <c r="G1210" s="5" t="s">
        <v>2418</v>
      </c>
    </row>
    <row r="1211" spans="1:7">
      <c r="A1211" s="5" t="s">
        <v>7</v>
      </c>
      <c r="B1211" s="5">
        <v>1210</v>
      </c>
      <c r="C1211" s="5" t="s">
        <v>8</v>
      </c>
      <c r="D1211" s="5" t="s">
        <v>8</v>
      </c>
      <c r="E1211" s="6">
        <v>11001</v>
      </c>
      <c r="F1211" s="5" t="s">
        <v>2419</v>
      </c>
      <c r="G1211" s="5" t="s">
        <v>2420</v>
      </c>
    </row>
    <row r="1212" spans="1:7">
      <c r="A1212" s="5" t="s">
        <v>7</v>
      </c>
      <c r="B1212" s="5">
        <v>1211</v>
      </c>
      <c r="C1212" s="5" t="s">
        <v>813</v>
      </c>
      <c r="D1212" s="5" t="s">
        <v>2421</v>
      </c>
      <c r="E1212" s="6">
        <v>25430</v>
      </c>
      <c r="F1212" s="5" t="s">
        <v>2422</v>
      </c>
      <c r="G1212" s="5" t="s">
        <v>2423</v>
      </c>
    </row>
    <row r="1213" spans="1:7">
      <c r="A1213" s="5" t="s">
        <v>7</v>
      </c>
      <c r="B1213" s="5">
        <v>1212</v>
      </c>
      <c r="C1213" s="5" t="s">
        <v>8</v>
      </c>
      <c r="D1213" s="5" t="s">
        <v>8</v>
      </c>
      <c r="E1213" s="6">
        <v>11001</v>
      </c>
      <c r="F1213" s="5" t="s">
        <v>2424</v>
      </c>
      <c r="G1213" s="5" t="s">
        <v>2425</v>
      </c>
    </row>
    <row r="1214" spans="1:7">
      <c r="A1214" s="5" t="s">
        <v>7</v>
      </c>
      <c r="B1214" s="5">
        <v>1213</v>
      </c>
      <c r="C1214" s="5" t="s">
        <v>8</v>
      </c>
      <c r="D1214" s="5" t="s">
        <v>8</v>
      </c>
      <c r="E1214" s="6">
        <v>11001</v>
      </c>
      <c r="F1214" s="5" t="s">
        <v>1150</v>
      </c>
      <c r="G1214" s="5" t="s">
        <v>2426</v>
      </c>
    </row>
    <row r="1215" spans="1:7">
      <c r="A1215" s="5" t="s">
        <v>7</v>
      </c>
      <c r="B1215" s="5">
        <v>1214</v>
      </c>
      <c r="C1215" s="5" t="s">
        <v>8</v>
      </c>
      <c r="D1215" s="5" t="s">
        <v>8</v>
      </c>
      <c r="E1215" s="6">
        <v>11001</v>
      </c>
      <c r="F1215" s="5" t="s">
        <v>2427</v>
      </c>
      <c r="G1215" s="5" t="s">
        <v>2428</v>
      </c>
    </row>
    <row r="1216" spans="1:7">
      <c r="A1216" s="5" t="s">
        <v>7</v>
      </c>
      <c r="B1216" s="5">
        <v>1215</v>
      </c>
      <c r="C1216" s="5" t="s">
        <v>8</v>
      </c>
      <c r="D1216" s="5" t="s">
        <v>8</v>
      </c>
      <c r="E1216" s="6">
        <v>11001</v>
      </c>
      <c r="F1216" s="5" t="s">
        <v>2429</v>
      </c>
      <c r="G1216" s="5" t="s">
        <v>2430</v>
      </c>
    </row>
    <row r="1217" spans="1:7">
      <c r="A1217" s="5" t="s">
        <v>7</v>
      </c>
      <c r="B1217" s="5">
        <v>1216</v>
      </c>
      <c r="C1217" s="5" t="s">
        <v>8</v>
      </c>
      <c r="D1217" s="5" t="s">
        <v>8</v>
      </c>
      <c r="E1217" s="6">
        <v>11001</v>
      </c>
      <c r="F1217" s="5" t="s">
        <v>2431</v>
      </c>
      <c r="G1217" s="5" t="s">
        <v>2432</v>
      </c>
    </row>
    <row r="1218" spans="1:7">
      <c r="A1218" s="5" t="s">
        <v>7</v>
      </c>
      <c r="B1218" s="5">
        <v>1217</v>
      </c>
      <c r="C1218" s="5" t="s">
        <v>8</v>
      </c>
      <c r="D1218" s="5" t="s">
        <v>8</v>
      </c>
      <c r="E1218" s="6">
        <v>11001</v>
      </c>
      <c r="F1218" s="5" t="s">
        <v>2433</v>
      </c>
      <c r="G1218" s="5" t="s">
        <v>2434</v>
      </c>
    </row>
    <row r="1219" spans="1:7">
      <c r="A1219" s="5" t="s">
        <v>7</v>
      </c>
      <c r="B1219" s="5">
        <v>1218</v>
      </c>
      <c r="C1219" s="5" t="s">
        <v>813</v>
      </c>
      <c r="D1219" s="5" t="s">
        <v>814</v>
      </c>
      <c r="E1219" s="6">
        <v>25754</v>
      </c>
      <c r="F1219" s="5" t="s">
        <v>2435</v>
      </c>
      <c r="G1219" s="5" t="s">
        <v>2436</v>
      </c>
    </row>
    <row r="1220" spans="1:7">
      <c r="A1220" s="5" t="s">
        <v>7</v>
      </c>
      <c r="B1220" s="5">
        <v>1219</v>
      </c>
      <c r="C1220" s="5" t="s">
        <v>8</v>
      </c>
      <c r="D1220" s="5" t="s">
        <v>8</v>
      </c>
      <c r="E1220" s="6">
        <v>11001</v>
      </c>
      <c r="F1220" s="5" t="s">
        <v>1150</v>
      </c>
      <c r="G1220" s="5" t="s">
        <v>2437</v>
      </c>
    </row>
    <row r="1221" spans="1:7">
      <c r="A1221" s="5" t="s">
        <v>7</v>
      </c>
      <c r="B1221" s="5">
        <v>1220</v>
      </c>
      <c r="C1221" s="5" t="s">
        <v>813</v>
      </c>
      <c r="D1221" s="5" t="s">
        <v>814</v>
      </c>
      <c r="E1221" s="6">
        <v>25754</v>
      </c>
      <c r="F1221" s="5" t="s">
        <v>2438</v>
      </c>
      <c r="G1221" s="5" t="s">
        <v>2439</v>
      </c>
    </row>
    <row r="1222" spans="1:7">
      <c r="A1222" s="5" t="s">
        <v>7</v>
      </c>
      <c r="B1222" s="5">
        <v>1221</v>
      </c>
      <c r="C1222" s="5" t="s">
        <v>8</v>
      </c>
      <c r="D1222" s="5" t="s">
        <v>8</v>
      </c>
      <c r="E1222" s="6">
        <v>11001</v>
      </c>
      <c r="F1222" s="5" t="s">
        <v>2440</v>
      </c>
      <c r="G1222" s="5" t="s">
        <v>2441</v>
      </c>
    </row>
    <row r="1223" spans="1:7">
      <c r="A1223" s="5" t="s">
        <v>7</v>
      </c>
      <c r="B1223" s="5">
        <v>1222</v>
      </c>
      <c r="C1223" s="5" t="s">
        <v>8</v>
      </c>
      <c r="D1223" s="5" t="s">
        <v>8</v>
      </c>
      <c r="E1223" s="6">
        <v>11001</v>
      </c>
      <c r="F1223" s="5" t="s">
        <v>2442</v>
      </c>
      <c r="G1223" s="5" t="s">
        <v>2443</v>
      </c>
    </row>
    <row r="1224" spans="1:7">
      <c r="A1224" s="5" t="s">
        <v>7</v>
      </c>
      <c r="B1224" s="5">
        <v>1223</v>
      </c>
      <c r="C1224" s="5" t="s">
        <v>813</v>
      </c>
      <c r="D1224" s="5" t="s">
        <v>814</v>
      </c>
      <c r="E1224" s="6">
        <v>25754</v>
      </c>
      <c r="F1224" s="5" t="s">
        <v>2444</v>
      </c>
      <c r="G1224" s="5" t="s">
        <v>2445</v>
      </c>
    </row>
    <row r="1225" spans="1:7">
      <c r="A1225" s="5" t="s">
        <v>7</v>
      </c>
      <c r="B1225" s="5">
        <v>1224</v>
      </c>
      <c r="C1225" s="5" t="s">
        <v>8</v>
      </c>
      <c r="D1225" s="5" t="s">
        <v>8</v>
      </c>
      <c r="E1225" s="6">
        <v>11001</v>
      </c>
      <c r="F1225" s="5" t="s">
        <v>2446</v>
      </c>
      <c r="G1225" s="5" t="s">
        <v>2447</v>
      </c>
    </row>
    <row r="1226" spans="1:7">
      <c r="A1226" s="5" t="s">
        <v>7</v>
      </c>
      <c r="B1226" s="5">
        <v>1225</v>
      </c>
      <c r="C1226" s="5" t="s">
        <v>8</v>
      </c>
      <c r="D1226" s="5" t="s">
        <v>8</v>
      </c>
      <c r="E1226" s="6">
        <v>11001</v>
      </c>
      <c r="F1226" s="5" t="s">
        <v>2448</v>
      </c>
      <c r="G1226" s="5" t="s">
        <v>2449</v>
      </c>
    </row>
    <row r="1227" spans="1:7">
      <c r="A1227" s="5" t="s">
        <v>7</v>
      </c>
      <c r="B1227" s="5">
        <v>1226</v>
      </c>
      <c r="C1227" s="5" t="s">
        <v>8</v>
      </c>
      <c r="D1227" s="5" t="s">
        <v>8</v>
      </c>
      <c r="E1227" s="6">
        <v>11001</v>
      </c>
      <c r="F1227" s="5" t="s">
        <v>2450</v>
      </c>
      <c r="G1227" s="5" t="s">
        <v>2451</v>
      </c>
    </row>
    <row r="1228" spans="1:7">
      <c r="A1228" s="5" t="s">
        <v>7</v>
      </c>
      <c r="B1228" s="5">
        <v>1227</v>
      </c>
      <c r="C1228" s="5" t="s">
        <v>8</v>
      </c>
      <c r="D1228" s="5" t="s">
        <v>8</v>
      </c>
      <c r="E1228" s="6">
        <v>11001</v>
      </c>
      <c r="F1228" s="5" t="s">
        <v>2452</v>
      </c>
      <c r="G1228" s="5" t="s">
        <v>2453</v>
      </c>
    </row>
    <row r="1229" spans="1:7">
      <c r="A1229" s="5" t="s">
        <v>7</v>
      </c>
      <c r="B1229" s="5">
        <v>1228</v>
      </c>
      <c r="C1229" s="5" t="s">
        <v>8</v>
      </c>
      <c r="D1229" s="5" t="s">
        <v>8</v>
      </c>
      <c r="E1229" s="6">
        <v>11001</v>
      </c>
      <c r="F1229" s="5" t="s">
        <v>2454</v>
      </c>
      <c r="G1229" s="5" t="s">
        <v>2455</v>
      </c>
    </row>
    <row r="1230" spans="1:7">
      <c r="A1230" s="5" t="s">
        <v>7</v>
      </c>
      <c r="B1230" s="5">
        <v>1229</v>
      </c>
      <c r="C1230" s="5" t="s">
        <v>8</v>
      </c>
      <c r="D1230" s="5" t="s">
        <v>8</v>
      </c>
      <c r="E1230" s="6">
        <v>11001</v>
      </c>
      <c r="F1230" s="5" t="s">
        <v>2456</v>
      </c>
      <c r="G1230" s="5" t="s">
        <v>2457</v>
      </c>
    </row>
    <row r="1231" spans="1:7">
      <c r="A1231" s="5" t="s">
        <v>7</v>
      </c>
      <c r="B1231" s="5">
        <v>1230</v>
      </c>
      <c r="C1231" s="5" t="s">
        <v>8</v>
      </c>
      <c r="D1231" s="5" t="s">
        <v>8</v>
      </c>
      <c r="E1231" s="6">
        <v>11001</v>
      </c>
      <c r="F1231" s="5" t="s">
        <v>2458</v>
      </c>
      <c r="G1231" s="5" t="s">
        <v>2459</v>
      </c>
    </row>
    <row r="1232" spans="1:7">
      <c r="A1232" s="5" t="s">
        <v>7</v>
      </c>
      <c r="B1232" s="5">
        <v>1231</v>
      </c>
      <c r="C1232" s="5" t="s">
        <v>8</v>
      </c>
      <c r="D1232" s="5" t="s">
        <v>8</v>
      </c>
      <c r="E1232" s="6">
        <v>11001</v>
      </c>
      <c r="F1232" s="5" t="s">
        <v>2460</v>
      </c>
      <c r="G1232" s="5" t="s">
        <v>2461</v>
      </c>
    </row>
    <row r="1233" spans="1:7">
      <c r="A1233" s="5" t="s">
        <v>7</v>
      </c>
      <c r="B1233" s="5">
        <v>1232</v>
      </c>
      <c r="C1233" s="5" t="s">
        <v>8</v>
      </c>
      <c r="D1233" s="5" t="s">
        <v>8</v>
      </c>
      <c r="E1233" s="6">
        <v>11001</v>
      </c>
      <c r="F1233" s="5" t="s">
        <v>2462</v>
      </c>
      <c r="G1233" s="5" t="s">
        <v>2463</v>
      </c>
    </row>
    <row r="1234" spans="1:7">
      <c r="A1234" s="5" t="s">
        <v>7</v>
      </c>
      <c r="B1234" s="5">
        <v>1233</v>
      </c>
      <c r="C1234" s="5" t="s">
        <v>8</v>
      </c>
      <c r="D1234" s="5" t="s">
        <v>8</v>
      </c>
      <c r="E1234" s="6">
        <v>11001</v>
      </c>
      <c r="F1234" s="5" t="s">
        <v>2464</v>
      </c>
      <c r="G1234" s="5" t="s">
        <v>2465</v>
      </c>
    </row>
    <row r="1235" spans="1:7">
      <c r="A1235" s="5" t="s">
        <v>7</v>
      </c>
      <c r="B1235" s="5">
        <v>1234</v>
      </c>
      <c r="C1235" s="5" t="s">
        <v>8</v>
      </c>
      <c r="D1235" s="5" t="s">
        <v>8</v>
      </c>
      <c r="E1235" s="6">
        <v>11001</v>
      </c>
      <c r="F1235" s="5" t="s">
        <v>2466</v>
      </c>
      <c r="G1235" s="5" t="s">
        <v>2467</v>
      </c>
    </row>
    <row r="1236" spans="1:7">
      <c r="A1236" s="5" t="s">
        <v>7</v>
      </c>
      <c r="B1236" s="5">
        <v>1235</v>
      </c>
      <c r="C1236" s="5" t="s">
        <v>8</v>
      </c>
      <c r="D1236" s="5" t="s">
        <v>8</v>
      </c>
      <c r="E1236" s="6">
        <v>11001</v>
      </c>
      <c r="F1236" s="5" t="s">
        <v>2468</v>
      </c>
      <c r="G1236" s="5" t="s">
        <v>2469</v>
      </c>
    </row>
    <row r="1237" spans="1:7">
      <c r="A1237" s="5" t="s">
        <v>7</v>
      </c>
      <c r="B1237" s="5">
        <v>1236</v>
      </c>
      <c r="C1237" s="5" t="s">
        <v>8</v>
      </c>
      <c r="D1237" s="5" t="s">
        <v>8</v>
      </c>
      <c r="E1237" s="6">
        <v>11001</v>
      </c>
      <c r="F1237" s="5" t="s">
        <v>2470</v>
      </c>
      <c r="G1237" s="5" t="s">
        <v>2471</v>
      </c>
    </row>
    <row r="1238" spans="1:7">
      <c r="A1238" s="5" t="s">
        <v>7</v>
      </c>
      <c r="B1238" s="5">
        <v>1237</v>
      </c>
      <c r="C1238" s="5" t="s">
        <v>8</v>
      </c>
      <c r="D1238" s="5" t="s">
        <v>8</v>
      </c>
      <c r="E1238" s="6">
        <v>11001</v>
      </c>
      <c r="F1238" s="5" t="s">
        <v>2472</v>
      </c>
      <c r="G1238" s="5" t="s">
        <v>2473</v>
      </c>
    </row>
    <row r="1239" spans="1:7">
      <c r="A1239" s="5" t="s">
        <v>7</v>
      </c>
      <c r="B1239" s="5">
        <v>1238</v>
      </c>
      <c r="C1239" s="5" t="s">
        <v>8</v>
      </c>
      <c r="D1239" s="5" t="s">
        <v>8</v>
      </c>
      <c r="E1239" s="6">
        <v>11001</v>
      </c>
      <c r="F1239" s="5" t="s">
        <v>2474</v>
      </c>
      <c r="G1239" s="5" t="s">
        <v>2475</v>
      </c>
    </row>
    <row r="1240" spans="1:7">
      <c r="A1240" s="5" t="s">
        <v>7</v>
      </c>
      <c r="B1240" s="5">
        <v>1239</v>
      </c>
      <c r="C1240" s="5" t="s">
        <v>8</v>
      </c>
      <c r="D1240" s="5" t="s">
        <v>8</v>
      </c>
      <c r="E1240" s="6">
        <v>11001</v>
      </c>
      <c r="F1240" s="5" t="s">
        <v>2476</v>
      </c>
      <c r="G1240" s="5" t="s">
        <v>2477</v>
      </c>
    </row>
    <row r="1241" spans="1:7">
      <c r="A1241" s="5" t="s">
        <v>7</v>
      </c>
      <c r="B1241" s="5">
        <v>1240</v>
      </c>
      <c r="C1241" s="5" t="s">
        <v>8</v>
      </c>
      <c r="D1241" s="5" t="s">
        <v>8</v>
      </c>
      <c r="E1241" s="6">
        <v>11001</v>
      </c>
      <c r="F1241" s="5" t="s">
        <v>2478</v>
      </c>
      <c r="G1241" s="5" t="s">
        <v>2479</v>
      </c>
    </row>
    <row r="1242" spans="1:7">
      <c r="A1242" s="5" t="s">
        <v>7</v>
      </c>
      <c r="B1242" s="5">
        <v>1241</v>
      </c>
      <c r="C1242" s="5" t="s">
        <v>8</v>
      </c>
      <c r="D1242" s="5" t="s">
        <v>8</v>
      </c>
      <c r="E1242" s="6">
        <v>11001</v>
      </c>
      <c r="F1242" s="5" t="s">
        <v>2480</v>
      </c>
      <c r="G1242" s="5" t="s">
        <v>2481</v>
      </c>
    </row>
    <row r="1243" spans="1:7">
      <c r="A1243" s="5" t="s">
        <v>7</v>
      </c>
      <c r="B1243" s="5">
        <v>1242</v>
      </c>
      <c r="C1243" s="5" t="s">
        <v>813</v>
      </c>
      <c r="D1243" s="5" t="s">
        <v>2290</v>
      </c>
      <c r="E1243" s="6">
        <v>25286</v>
      </c>
      <c r="F1243" s="5" t="s">
        <v>2482</v>
      </c>
      <c r="G1243" s="5" t="s">
        <v>2483</v>
      </c>
    </row>
    <row r="1244" spans="1:7">
      <c r="A1244" s="5" t="s">
        <v>7</v>
      </c>
      <c r="B1244" s="5">
        <v>1243</v>
      </c>
      <c r="C1244" s="5" t="s">
        <v>8</v>
      </c>
      <c r="D1244" s="5" t="s">
        <v>8</v>
      </c>
      <c r="E1244" s="6">
        <v>11001</v>
      </c>
      <c r="F1244" s="5" t="s">
        <v>2484</v>
      </c>
      <c r="G1244" s="5" t="s">
        <v>2485</v>
      </c>
    </row>
    <row r="1245" spans="1:7">
      <c r="A1245" s="5" t="s">
        <v>7</v>
      </c>
      <c r="B1245" s="5">
        <v>1244</v>
      </c>
      <c r="C1245" s="5" t="s">
        <v>8</v>
      </c>
      <c r="D1245" s="5" t="s">
        <v>8</v>
      </c>
      <c r="E1245" s="6">
        <v>11001</v>
      </c>
      <c r="F1245" s="5" t="s">
        <v>2486</v>
      </c>
      <c r="G1245" s="5" t="s">
        <v>2487</v>
      </c>
    </row>
    <row r="1246" spans="1:7">
      <c r="A1246" s="5" t="s">
        <v>7</v>
      </c>
      <c r="B1246" s="5">
        <v>1245</v>
      </c>
      <c r="C1246" s="5" t="s">
        <v>8</v>
      </c>
      <c r="D1246" s="5" t="s">
        <v>8</v>
      </c>
      <c r="E1246" s="6">
        <v>11001</v>
      </c>
      <c r="F1246" s="5" t="s">
        <v>2488</v>
      </c>
      <c r="G1246" s="5" t="s">
        <v>2489</v>
      </c>
    </row>
    <row r="1247" spans="1:7">
      <c r="A1247" s="5" t="s">
        <v>7</v>
      </c>
      <c r="B1247" s="5">
        <v>1246</v>
      </c>
      <c r="C1247" s="5" t="s">
        <v>8</v>
      </c>
      <c r="D1247" s="5" t="s">
        <v>8</v>
      </c>
      <c r="E1247" s="6">
        <v>11001</v>
      </c>
      <c r="F1247" s="5" t="s">
        <v>2490</v>
      </c>
      <c r="G1247" s="5" t="s">
        <v>2491</v>
      </c>
    </row>
    <row r="1248" spans="1:7">
      <c r="A1248" s="5" t="s">
        <v>7</v>
      </c>
      <c r="B1248" s="5">
        <v>1247</v>
      </c>
      <c r="C1248" s="5" t="s">
        <v>8</v>
      </c>
      <c r="D1248" s="5" t="s">
        <v>8</v>
      </c>
      <c r="E1248" s="6">
        <v>11001</v>
      </c>
      <c r="F1248" s="5" t="s">
        <v>2492</v>
      </c>
      <c r="G1248" s="5" t="s">
        <v>2493</v>
      </c>
    </row>
    <row r="1249" spans="1:7">
      <c r="A1249" s="5" t="s">
        <v>7</v>
      </c>
      <c r="B1249" s="5">
        <v>1248</v>
      </c>
      <c r="C1249" s="5" t="s">
        <v>8</v>
      </c>
      <c r="D1249" s="5" t="s">
        <v>8</v>
      </c>
      <c r="E1249" s="6">
        <v>11001</v>
      </c>
      <c r="F1249" s="5" t="s">
        <v>2494</v>
      </c>
      <c r="G1249" s="5" t="s">
        <v>2495</v>
      </c>
    </row>
    <row r="1250" spans="1:7">
      <c r="A1250" s="5" t="s">
        <v>7</v>
      </c>
      <c r="B1250" s="5">
        <v>1249</v>
      </c>
      <c r="C1250" s="5" t="s">
        <v>8</v>
      </c>
      <c r="D1250" s="5" t="s">
        <v>8</v>
      </c>
      <c r="E1250" s="6">
        <v>11001</v>
      </c>
      <c r="F1250" s="5" t="s">
        <v>2496</v>
      </c>
      <c r="G1250" s="5" t="s">
        <v>2497</v>
      </c>
    </row>
    <row r="1251" spans="1:7">
      <c r="A1251" s="5" t="s">
        <v>7</v>
      </c>
      <c r="B1251" s="5">
        <v>1250</v>
      </c>
      <c r="C1251" s="5" t="s">
        <v>8</v>
      </c>
      <c r="D1251" s="5" t="s">
        <v>8</v>
      </c>
      <c r="E1251" s="6">
        <v>11001</v>
      </c>
      <c r="F1251" s="5" t="s">
        <v>2498</v>
      </c>
      <c r="G1251" s="5" t="s">
        <v>2499</v>
      </c>
    </row>
    <row r="1252" spans="1:7">
      <c r="A1252" s="5" t="s">
        <v>7</v>
      </c>
      <c r="B1252" s="5">
        <v>1251</v>
      </c>
      <c r="C1252" s="5" t="s">
        <v>8</v>
      </c>
      <c r="D1252" s="5" t="s">
        <v>8</v>
      </c>
      <c r="E1252" s="6">
        <v>11001</v>
      </c>
      <c r="F1252" s="5" t="s">
        <v>2500</v>
      </c>
      <c r="G1252" s="5" t="s">
        <v>2501</v>
      </c>
    </row>
    <row r="1253" spans="1:7">
      <c r="A1253" s="5" t="s">
        <v>7</v>
      </c>
      <c r="B1253" s="5">
        <v>1252</v>
      </c>
      <c r="C1253" s="5" t="s">
        <v>8</v>
      </c>
      <c r="D1253" s="5" t="s">
        <v>8</v>
      </c>
      <c r="E1253" s="6">
        <v>11001</v>
      </c>
      <c r="F1253" s="5" t="s">
        <v>2502</v>
      </c>
      <c r="G1253" s="5" t="s">
        <v>2503</v>
      </c>
    </row>
    <row r="1254" spans="1:7">
      <c r="A1254" s="5" t="s">
        <v>7</v>
      </c>
      <c r="B1254" s="5">
        <v>1253</v>
      </c>
      <c r="C1254" s="5" t="s">
        <v>8</v>
      </c>
      <c r="D1254" s="5" t="s">
        <v>8</v>
      </c>
      <c r="E1254" s="6">
        <v>11001</v>
      </c>
      <c r="F1254" s="5" t="s">
        <v>2504</v>
      </c>
      <c r="G1254" s="5" t="s">
        <v>2505</v>
      </c>
    </row>
    <row r="1255" spans="1:7">
      <c r="A1255" s="5" t="s">
        <v>7</v>
      </c>
      <c r="B1255" s="5">
        <v>1254</v>
      </c>
      <c r="C1255" s="5" t="s">
        <v>8</v>
      </c>
      <c r="D1255" s="5" t="s">
        <v>8</v>
      </c>
      <c r="E1255" s="6">
        <v>11001</v>
      </c>
      <c r="F1255" s="5" t="s">
        <v>2506</v>
      </c>
      <c r="G1255" s="5" t="s">
        <v>2507</v>
      </c>
    </row>
    <row r="1256" spans="1:7">
      <c r="A1256" s="5" t="s">
        <v>7</v>
      </c>
      <c r="B1256" s="5">
        <v>1255</v>
      </c>
      <c r="C1256" s="5" t="s">
        <v>8</v>
      </c>
      <c r="D1256" s="5" t="s">
        <v>8</v>
      </c>
      <c r="E1256" s="6">
        <v>11001</v>
      </c>
      <c r="F1256" s="5" t="s">
        <v>2508</v>
      </c>
      <c r="G1256" s="5" t="s">
        <v>2509</v>
      </c>
    </row>
    <row r="1257" spans="1:7">
      <c r="A1257" s="5" t="s">
        <v>7</v>
      </c>
      <c r="B1257" s="5">
        <v>1256</v>
      </c>
      <c r="C1257" s="5" t="s">
        <v>8</v>
      </c>
      <c r="D1257" s="5" t="s">
        <v>8</v>
      </c>
      <c r="E1257" s="6">
        <v>11001</v>
      </c>
      <c r="F1257" s="5" t="s">
        <v>2510</v>
      </c>
      <c r="G1257" s="5" t="s">
        <v>2511</v>
      </c>
    </row>
    <row r="1258" spans="1:7">
      <c r="A1258" s="5" t="s">
        <v>7</v>
      </c>
      <c r="B1258" s="5">
        <v>1257</v>
      </c>
      <c r="C1258" s="5" t="s">
        <v>8</v>
      </c>
      <c r="D1258" s="5" t="s">
        <v>8</v>
      </c>
      <c r="E1258" s="6">
        <v>11001</v>
      </c>
      <c r="F1258" s="5" t="s">
        <v>2512</v>
      </c>
      <c r="G1258" s="5" t="s">
        <v>2513</v>
      </c>
    </row>
    <row r="1259" spans="1:7">
      <c r="A1259" s="5" t="s">
        <v>7</v>
      </c>
      <c r="B1259" s="5">
        <v>1258</v>
      </c>
      <c r="C1259" s="5" t="s">
        <v>8</v>
      </c>
      <c r="D1259" s="5" t="s">
        <v>8</v>
      </c>
      <c r="E1259" s="6">
        <v>11001</v>
      </c>
      <c r="F1259" s="5" t="s">
        <v>2514</v>
      </c>
      <c r="G1259" s="5" t="s">
        <v>2515</v>
      </c>
    </row>
    <row r="1260" spans="1:7">
      <c r="A1260" s="5" t="s">
        <v>7</v>
      </c>
      <c r="B1260" s="5">
        <v>1259</v>
      </c>
      <c r="C1260" s="5" t="s">
        <v>8</v>
      </c>
      <c r="D1260" s="5" t="s">
        <v>8</v>
      </c>
      <c r="E1260" s="6">
        <v>11001</v>
      </c>
      <c r="F1260" s="5" t="s">
        <v>2516</v>
      </c>
      <c r="G1260" s="5" t="s">
        <v>2517</v>
      </c>
    </row>
    <row r="1261" spans="1:7">
      <c r="A1261" s="5" t="s">
        <v>7</v>
      </c>
      <c r="B1261" s="5">
        <v>1260</v>
      </c>
      <c r="C1261" s="5" t="s">
        <v>8</v>
      </c>
      <c r="D1261" s="5" t="s">
        <v>8</v>
      </c>
      <c r="E1261" s="6">
        <v>11001</v>
      </c>
      <c r="F1261" s="5" t="s">
        <v>2518</v>
      </c>
      <c r="G1261" s="5" t="s">
        <v>2519</v>
      </c>
    </row>
    <row r="1262" spans="1:7">
      <c r="A1262" s="5" t="s">
        <v>7</v>
      </c>
      <c r="B1262" s="5">
        <v>1261</v>
      </c>
      <c r="C1262" s="5" t="s">
        <v>8</v>
      </c>
      <c r="D1262" s="5" t="s">
        <v>8</v>
      </c>
      <c r="E1262" s="6">
        <v>11001</v>
      </c>
      <c r="F1262" s="5" t="s">
        <v>2520</v>
      </c>
      <c r="G1262" s="5" t="s">
        <v>2521</v>
      </c>
    </row>
    <row r="1263" spans="1:7">
      <c r="A1263" s="5" t="s">
        <v>7</v>
      </c>
      <c r="B1263" s="5">
        <v>1262</v>
      </c>
      <c r="C1263" s="5" t="s">
        <v>8</v>
      </c>
      <c r="D1263" s="5" t="s">
        <v>8</v>
      </c>
      <c r="E1263" s="6">
        <v>11001</v>
      </c>
      <c r="F1263" s="5" t="s">
        <v>2522</v>
      </c>
      <c r="G1263" s="5" t="s">
        <v>2523</v>
      </c>
    </row>
    <row r="1264" spans="1:7">
      <c r="A1264" s="5" t="s">
        <v>7</v>
      </c>
      <c r="B1264" s="5">
        <v>1263</v>
      </c>
      <c r="C1264" s="5" t="s">
        <v>813</v>
      </c>
      <c r="D1264" s="5" t="s">
        <v>814</v>
      </c>
      <c r="E1264" s="6">
        <v>25754</v>
      </c>
      <c r="F1264" s="5" t="s">
        <v>2524</v>
      </c>
      <c r="G1264" s="5" t="s">
        <v>2525</v>
      </c>
    </row>
    <row r="1265" spans="1:7">
      <c r="A1265" s="5" t="s">
        <v>7</v>
      </c>
      <c r="B1265" s="5">
        <v>1264</v>
      </c>
      <c r="C1265" s="5" t="s">
        <v>8</v>
      </c>
      <c r="D1265" s="5" t="s">
        <v>8</v>
      </c>
      <c r="E1265" s="6">
        <v>11001</v>
      </c>
      <c r="F1265" s="5" t="s">
        <v>2526</v>
      </c>
      <c r="G1265" s="5" t="s">
        <v>2527</v>
      </c>
    </row>
    <row r="1266" spans="1:7">
      <c r="A1266" s="5" t="s">
        <v>7</v>
      </c>
      <c r="B1266" s="5">
        <v>1265</v>
      </c>
      <c r="C1266" s="5" t="s">
        <v>8</v>
      </c>
      <c r="D1266" s="5" t="s">
        <v>8</v>
      </c>
      <c r="E1266" s="6">
        <v>11001</v>
      </c>
      <c r="F1266" s="5" t="s">
        <v>2528</v>
      </c>
      <c r="G1266" s="5" t="s">
        <v>2529</v>
      </c>
    </row>
    <row r="1267" spans="1:7">
      <c r="A1267" s="5" t="s">
        <v>7</v>
      </c>
      <c r="B1267" s="5">
        <v>1266</v>
      </c>
      <c r="C1267" s="5" t="s">
        <v>8</v>
      </c>
      <c r="D1267" s="5" t="s">
        <v>8</v>
      </c>
      <c r="E1267" s="6">
        <v>11001</v>
      </c>
      <c r="F1267" s="5" t="s">
        <v>2530</v>
      </c>
      <c r="G1267" s="5" t="s">
        <v>2531</v>
      </c>
    </row>
    <row r="1268" spans="1:7">
      <c r="A1268" s="5" t="s">
        <v>7</v>
      </c>
      <c r="B1268" s="5">
        <v>1267</v>
      </c>
      <c r="C1268" s="5" t="s">
        <v>8</v>
      </c>
      <c r="D1268" s="5" t="s">
        <v>8</v>
      </c>
      <c r="E1268" s="6">
        <v>11001</v>
      </c>
      <c r="F1268" s="5" t="s">
        <v>2532</v>
      </c>
      <c r="G1268" s="5" t="s">
        <v>2533</v>
      </c>
    </row>
    <row r="1269" spans="1:7">
      <c r="A1269" s="5" t="s">
        <v>7</v>
      </c>
      <c r="B1269" s="5">
        <v>1268</v>
      </c>
      <c r="C1269" s="5" t="s">
        <v>8</v>
      </c>
      <c r="D1269" s="5" t="s">
        <v>8</v>
      </c>
      <c r="E1269" s="6">
        <v>11001</v>
      </c>
      <c r="F1269" s="5" t="s">
        <v>2534</v>
      </c>
      <c r="G1269" s="5" t="s">
        <v>2535</v>
      </c>
    </row>
    <row r="1270" spans="1:7">
      <c r="A1270" s="5" t="s">
        <v>7</v>
      </c>
      <c r="B1270" s="5">
        <v>1269</v>
      </c>
      <c r="C1270" s="5" t="s">
        <v>8</v>
      </c>
      <c r="D1270" s="5" t="s">
        <v>8</v>
      </c>
      <c r="E1270" s="6">
        <v>11001</v>
      </c>
      <c r="F1270" s="5" t="s">
        <v>2536</v>
      </c>
      <c r="G1270" s="5" t="s">
        <v>2537</v>
      </c>
    </row>
    <row r="1271" spans="1:7">
      <c r="A1271" s="5" t="s">
        <v>7</v>
      </c>
      <c r="B1271" s="5">
        <v>1270</v>
      </c>
      <c r="C1271" s="5" t="s">
        <v>8</v>
      </c>
      <c r="D1271" s="5" t="s">
        <v>8</v>
      </c>
      <c r="E1271" s="6">
        <v>11001</v>
      </c>
      <c r="F1271" s="5" t="s">
        <v>2538</v>
      </c>
      <c r="G1271" s="5" t="s">
        <v>2539</v>
      </c>
    </row>
    <row r="1272" spans="1:7">
      <c r="A1272" s="5" t="s">
        <v>7</v>
      </c>
      <c r="B1272" s="5">
        <v>1271</v>
      </c>
      <c r="C1272" s="5" t="s">
        <v>8</v>
      </c>
      <c r="D1272" s="5" t="s">
        <v>8</v>
      </c>
      <c r="E1272" s="6">
        <v>11001</v>
      </c>
      <c r="F1272" s="5" t="s">
        <v>2540</v>
      </c>
      <c r="G1272" s="5" t="s">
        <v>2541</v>
      </c>
    </row>
    <row r="1273" spans="1:7">
      <c r="A1273" s="5" t="s">
        <v>7</v>
      </c>
      <c r="B1273" s="5">
        <v>1272</v>
      </c>
      <c r="C1273" s="5" t="s">
        <v>2542</v>
      </c>
      <c r="D1273" s="5" t="s">
        <v>2543</v>
      </c>
      <c r="E1273" s="6">
        <v>8001</v>
      </c>
      <c r="F1273" s="5" t="s">
        <v>2544</v>
      </c>
      <c r="G1273" s="5" t="s">
        <v>2545</v>
      </c>
    </row>
    <row r="1274" spans="1:7">
      <c r="A1274" s="5" t="s">
        <v>7</v>
      </c>
      <c r="B1274" s="5">
        <v>1273</v>
      </c>
      <c r="C1274" s="5" t="s">
        <v>8</v>
      </c>
      <c r="D1274" s="5" t="s">
        <v>8</v>
      </c>
      <c r="E1274" s="6">
        <v>11001</v>
      </c>
      <c r="F1274" s="5" t="s">
        <v>2546</v>
      </c>
      <c r="G1274" s="5" t="s">
        <v>2547</v>
      </c>
    </row>
    <row r="1275" spans="1:7">
      <c r="A1275" s="5" t="s">
        <v>7</v>
      </c>
      <c r="B1275" s="5">
        <v>1274</v>
      </c>
      <c r="C1275" s="5" t="s">
        <v>8</v>
      </c>
      <c r="D1275" s="5" t="s">
        <v>8</v>
      </c>
      <c r="E1275" s="6">
        <v>11001</v>
      </c>
      <c r="F1275" s="5" t="s">
        <v>2548</v>
      </c>
      <c r="G1275" s="5" t="s">
        <v>2549</v>
      </c>
    </row>
    <row r="1276" spans="1:7">
      <c r="A1276" s="5" t="s">
        <v>7</v>
      </c>
      <c r="B1276" s="5">
        <v>1275</v>
      </c>
      <c r="C1276" s="5" t="s">
        <v>8</v>
      </c>
      <c r="D1276" s="5" t="s">
        <v>8</v>
      </c>
      <c r="E1276" s="6">
        <v>11001</v>
      </c>
      <c r="F1276" s="5" t="s">
        <v>2550</v>
      </c>
      <c r="G1276" s="5" t="s">
        <v>2551</v>
      </c>
    </row>
    <row r="1277" spans="1:7">
      <c r="A1277" s="5" t="s">
        <v>7</v>
      </c>
      <c r="B1277" s="5">
        <v>1276</v>
      </c>
      <c r="C1277" s="5" t="s">
        <v>8</v>
      </c>
      <c r="D1277" s="5" t="s">
        <v>8</v>
      </c>
      <c r="E1277" s="6">
        <v>11001</v>
      </c>
      <c r="F1277" s="5" t="s">
        <v>2552</v>
      </c>
      <c r="G1277" s="5" t="s">
        <v>2553</v>
      </c>
    </row>
    <row r="1278" spans="1:7">
      <c r="A1278" s="5" t="s">
        <v>7</v>
      </c>
      <c r="B1278" s="5">
        <v>1277</v>
      </c>
      <c r="C1278" s="5" t="s">
        <v>8</v>
      </c>
      <c r="D1278" s="5" t="s">
        <v>8</v>
      </c>
      <c r="E1278" s="6">
        <v>11001</v>
      </c>
      <c r="F1278" s="5" t="s">
        <v>1150</v>
      </c>
      <c r="G1278" s="5" t="s">
        <v>2554</v>
      </c>
    </row>
    <row r="1279" spans="1:7">
      <c r="A1279" s="5" t="s">
        <v>7</v>
      </c>
      <c r="B1279" s="5">
        <v>1278</v>
      </c>
      <c r="C1279" s="5" t="s">
        <v>8</v>
      </c>
      <c r="D1279" s="5" t="s">
        <v>8</v>
      </c>
      <c r="E1279" s="6">
        <v>11001</v>
      </c>
      <c r="F1279" s="5" t="s">
        <v>2555</v>
      </c>
      <c r="G1279" s="5" t="s">
        <v>2556</v>
      </c>
    </row>
    <row r="1280" spans="1:7">
      <c r="A1280" s="5" t="s">
        <v>7</v>
      </c>
      <c r="B1280" s="5">
        <v>1279</v>
      </c>
      <c r="C1280" s="5" t="s">
        <v>8</v>
      </c>
      <c r="D1280" s="5" t="s">
        <v>8</v>
      </c>
      <c r="E1280" s="6">
        <v>11001</v>
      </c>
      <c r="F1280" s="5" t="s">
        <v>2557</v>
      </c>
      <c r="G1280" s="5" t="s">
        <v>2558</v>
      </c>
    </row>
    <row r="1281" spans="1:7">
      <c r="A1281" s="5" t="s">
        <v>7</v>
      </c>
      <c r="B1281" s="5">
        <v>1280</v>
      </c>
      <c r="C1281" s="5" t="s">
        <v>8</v>
      </c>
      <c r="D1281" s="5" t="s">
        <v>8</v>
      </c>
      <c r="E1281" s="6">
        <v>11001</v>
      </c>
      <c r="F1281" s="5" t="s">
        <v>2559</v>
      </c>
      <c r="G1281" s="5" t="s">
        <v>2560</v>
      </c>
    </row>
    <row r="1282" spans="1:7">
      <c r="A1282" s="5" t="s">
        <v>7</v>
      </c>
      <c r="B1282" s="5">
        <v>1281</v>
      </c>
      <c r="C1282" s="5" t="s">
        <v>8</v>
      </c>
      <c r="D1282" s="5" t="s">
        <v>8</v>
      </c>
      <c r="E1282" s="6">
        <v>11001</v>
      </c>
      <c r="F1282" s="5" t="s">
        <v>2561</v>
      </c>
      <c r="G1282" s="5" t="s">
        <v>2562</v>
      </c>
    </row>
    <row r="1283" spans="1:7">
      <c r="A1283" s="5" t="s">
        <v>7</v>
      </c>
      <c r="B1283" s="5">
        <v>1282</v>
      </c>
      <c r="C1283" s="5" t="s">
        <v>8</v>
      </c>
      <c r="D1283" s="5" t="s">
        <v>8</v>
      </c>
      <c r="E1283" s="6">
        <v>11001</v>
      </c>
      <c r="F1283" s="5" t="s">
        <v>2563</v>
      </c>
      <c r="G1283" s="5" t="s">
        <v>2564</v>
      </c>
    </row>
    <row r="1284" spans="1:7">
      <c r="A1284" s="5" t="s">
        <v>7</v>
      </c>
      <c r="B1284" s="5">
        <v>1283</v>
      </c>
      <c r="C1284" s="5" t="s">
        <v>8</v>
      </c>
      <c r="D1284" s="5" t="s">
        <v>8</v>
      </c>
      <c r="E1284" s="6">
        <v>11001</v>
      </c>
      <c r="F1284" s="5" t="s">
        <v>2565</v>
      </c>
      <c r="G1284" s="5" t="s">
        <v>2566</v>
      </c>
    </row>
    <row r="1285" spans="1:7">
      <c r="A1285" s="5" t="s">
        <v>7</v>
      </c>
      <c r="B1285" s="5">
        <v>1284</v>
      </c>
      <c r="C1285" s="5" t="s">
        <v>8</v>
      </c>
      <c r="D1285" s="5" t="s">
        <v>8</v>
      </c>
      <c r="E1285" s="6">
        <v>11001</v>
      </c>
      <c r="F1285" s="5" t="s">
        <v>2567</v>
      </c>
      <c r="G1285" s="5" t="s">
        <v>2568</v>
      </c>
    </row>
    <row r="1286" spans="1:7">
      <c r="A1286" s="5" t="s">
        <v>7</v>
      </c>
      <c r="B1286" s="5">
        <v>1285</v>
      </c>
      <c r="C1286" s="5" t="s">
        <v>8</v>
      </c>
      <c r="D1286" s="5" t="s">
        <v>8</v>
      </c>
      <c r="E1286" s="6">
        <v>11001</v>
      </c>
      <c r="F1286" s="5" t="s">
        <v>2569</v>
      </c>
      <c r="G1286" s="5" t="s">
        <v>2570</v>
      </c>
    </row>
    <row r="1287" spans="1:7">
      <c r="A1287" s="5" t="s">
        <v>7</v>
      </c>
      <c r="B1287" s="5">
        <v>1286</v>
      </c>
      <c r="C1287" s="5" t="s">
        <v>813</v>
      </c>
      <c r="D1287" s="5" t="s">
        <v>814</v>
      </c>
      <c r="E1287" s="6">
        <v>25754</v>
      </c>
      <c r="F1287" s="5" t="s">
        <v>2571</v>
      </c>
      <c r="G1287" s="5" t="s">
        <v>2572</v>
      </c>
    </row>
    <row r="1288" spans="1:7">
      <c r="A1288" s="5" t="s">
        <v>7</v>
      </c>
      <c r="B1288" s="5">
        <v>1287</v>
      </c>
      <c r="C1288" s="5" t="s">
        <v>8</v>
      </c>
      <c r="D1288" s="5" t="s">
        <v>8</v>
      </c>
      <c r="E1288" s="6">
        <v>11001</v>
      </c>
      <c r="F1288" s="5" t="s">
        <v>2129</v>
      </c>
      <c r="G1288" s="5" t="s">
        <v>748</v>
      </c>
    </row>
    <row r="1289" spans="1:7">
      <c r="A1289" s="5" t="s">
        <v>7</v>
      </c>
      <c r="B1289" s="5">
        <v>1288</v>
      </c>
      <c r="C1289" s="5" t="s">
        <v>8</v>
      </c>
      <c r="D1289" s="5" t="s">
        <v>8</v>
      </c>
      <c r="E1289" s="6">
        <v>11001</v>
      </c>
      <c r="F1289" s="5" t="s">
        <v>2573</v>
      </c>
      <c r="G1289" s="5" t="s">
        <v>2574</v>
      </c>
    </row>
    <row r="1290" spans="1:7">
      <c r="A1290" s="5" t="s">
        <v>7</v>
      </c>
      <c r="B1290" s="5">
        <v>1289</v>
      </c>
      <c r="C1290" s="5" t="s">
        <v>8</v>
      </c>
      <c r="D1290" s="5" t="s">
        <v>8</v>
      </c>
      <c r="E1290" s="6">
        <v>11001</v>
      </c>
      <c r="F1290" s="5" t="s">
        <v>2575</v>
      </c>
      <c r="G1290" s="5" t="s">
        <v>2576</v>
      </c>
    </row>
    <row r="1291" spans="1:7">
      <c r="A1291" s="5" t="s">
        <v>7</v>
      </c>
      <c r="B1291" s="5">
        <v>1290</v>
      </c>
      <c r="C1291" s="5" t="s">
        <v>8</v>
      </c>
      <c r="D1291" s="5" t="s">
        <v>8</v>
      </c>
      <c r="E1291" s="6">
        <v>11001</v>
      </c>
      <c r="F1291" s="5" t="s">
        <v>2577</v>
      </c>
      <c r="G1291" s="5" t="s">
        <v>2578</v>
      </c>
    </row>
    <row r="1292" spans="1:7">
      <c r="A1292" s="5" t="s">
        <v>7</v>
      </c>
      <c r="B1292" s="5">
        <v>1291</v>
      </c>
      <c r="C1292" s="5" t="s">
        <v>8</v>
      </c>
      <c r="D1292" s="5" t="s">
        <v>8</v>
      </c>
      <c r="E1292" s="6">
        <v>11001</v>
      </c>
      <c r="F1292" s="5" t="s">
        <v>2579</v>
      </c>
      <c r="G1292" s="5" t="s">
        <v>2580</v>
      </c>
    </row>
    <row r="1293" spans="1:7">
      <c r="A1293" s="5" t="s">
        <v>7</v>
      </c>
      <c r="B1293" s="5">
        <v>1292</v>
      </c>
      <c r="C1293" s="5" t="s">
        <v>8</v>
      </c>
      <c r="D1293" s="5" t="s">
        <v>8</v>
      </c>
      <c r="E1293" s="6">
        <v>11001</v>
      </c>
      <c r="F1293" s="5" t="s">
        <v>2581</v>
      </c>
      <c r="G1293" s="5" t="s">
        <v>2582</v>
      </c>
    </row>
    <row r="1294" spans="1:7">
      <c r="A1294" s="5" t="s">
        <v>7</v>
      </c>
      <c r="B1294" s="5">
        <v>1293</v>
      </c>
      <c r="C1294" s="5" t="s">
        <v>8</v>
      </c>
      <c r="D1294" s="5" t="s">
        <v>8</v>
      </c>
      <c r="E1294" s="6">
        <v>11001</v>
      </c>
      <c r="F1294" s="5" t="s">
        <v>2583</v>
      </c>
      <c r="G1294" s="5" t="s">
        <v>2584</v>
      </c>
    </row>
    <row r="1295" spans="1:7">
      <c r="A1295" s="5" t="s">
        <v>7</v>
      </c>
      <c r="B1295" s="5">
        <v>1294</v>
      </c>
      <c r="C1295" s="5" t="s">
        <v>8</v>
      </c>
      <c r="D1295" s="5" t="s">
        <v>8</v>
      </c>
      <c r="E1295" s="6">
        <v>11001</v>
      </c>
      <c r="F1295" s="5" t="s">
        <v>2585</v>
      </c>
      <c r="G1295" s="5" t="s">
        <v>2586</v>
      </c>
    </row>
    <row r="1296" spans="1:7">
      <c r="A1296" s="5" t="s">
        <v>7</v>
      </c>
      <c r="B1296" s="5">
        <v>1295</v>
      </c>
      <c r="C1296" s="5" t="s">
        <v>8</v>
      </c>
      <c r="D1296" s="5" t="s">
        <v>8</v>
      </c>
      <c r="E1296" s="6">
        <v>11001</v>
      </c>
      <c r="F1296" s="5" t="s">
        <v>2587</v>
      </c>
      <c r="G1296" s="5" t="s">
        <v>2588</v>
      </c>
    </row>
    <row r="1297" spans="1:7">
      <c r="A1297" s="5" t="s">
        <v>7</v>
      </c>
      <c r="B1297" s="5">
        <v>1296</v>
      </c>
      <c r="C1297" s="5" t="s">
        <v>8</v>
      </c>
      <c r="D1297" s="5" t="s">
        <v>8</v>
      </c>
      <c r="E1297" s="6">
        <v>11001</v>
      </c>
      <c r="F1297" s="5" t="s">
        <v>2589</v>
      </c>
      <c r="G1297" s="5" t="s">
        <v>2590</v>
      </c>
    </row>
    <row r="1298" spans="1:7">
      <c r="A1298" s="5" t="s">
        <v>7</v>
      </c>
      <c r="B1298" s="5">
        <v>1297</v>
      </c>
      <c r="C1298" s="5" t="s">
        <v>8</v>
      </c>
      <c r="D1298" s="5" t="s">
        <v>8</v>
      </c>
      <c r="E1298" s="6">
        <v>11001</v>
      </c>
      <c r="F1298" s="5" t="s">
        <v>2591</v>
      </c>
      <c r="G1298" s="5" t="s">
        <v>2592</v>
      </c>
    </row>
    <row r="1299" spans="1:7">
      <c r="A1299" s="5" t="s">
        <v>7</v>
      </c>
      <c r="B1299" s="5">
        <v>1298</v>
      </c>
      <c r="C1299" s="5" t="s">
        <v>8</v>
      </c>
      <c r="D1299" s="5" t="s">
        <v>8</v>
      </c>
      <c r="E1299" s="6">
        <v>11001</v>
      </c>
      <c r="F1299" s="5" t="s">
        <v>2593</v>
      </c>
      <c r="G1299" s="5" t="s">
        <v>2594</v>
      </c>
    </row>
    <row r="1300" spans="1:7">
      <c r="A1300" s="5" t="s">
        <v>7</v>
      </c>
      <c r="B1300" s="5">
        <v>1299</v>
      </c>
      <c r="C1300" s="5" t="s">
        <v>8</v>
      </c>
      <c r="D1300" s="5" t="s">
        <v>8</v>
      </c>
      <c r="E1300" s="6">
        <v>11001</v>
      </c>
      <c r="F1300" s="5" t="s">
        <v>2595</v>
      </c>
      <c r="G1300" s="5" t="s">
        <v>2596</v>
      </c>
    </row>
    <row r="1301" spans="1:7">
      <c r="A1301" s="5" t="s">
        <v>7</v>
      </c>
      <c r="B1301" s="5">
        <v>1300</v>
      </c>
      <c r="C1301" s="5" t="s">
        <v>8</v>
      </c>
      <c r="D1301" s="5" t="s">
        <v>8</v>
      </c>
      <c r="E1301" s="6">
        <v>11001</v>
      </c>
      <c r="F1301" s="5" t="s">
        <v>2597</v>
      </c>
      <c r="G1301" s="5" t="s">
        <v>2598</v>
      </c>
    </row>
    <row r="1302" spans="1:7">
      <c r="A1302" s="5" t="s">
        <v>7</v>
      </c>
      <c r="B1302" s="5">
        <v>1301</v>
      </c>
      <c r="C1302" s="5" t="s">
        <v>8</v>
      </c>
      <c r="D1302" s="5" t="s">
        <v>8</v>
      </c>
      <c r="E1302" s="6">
        <v>11001</v>
      </c>
      <c r="F1302" s="5" t="s">
        <v>2599</v>
      </c>
      <c r="G1302" s="5" t="s">
        <v>2600</v>
      </c>
    </row>
    <row r="1303" spans="1:7">
      <c r="A1303" s="5" t="s">
        <v>7</v>
      </c>
      <c r="B1303" s="5">
        <v>1302</v>
      </c>
      <c r="C1303" s="5" t="s">
        <v>8</v>
      </c>
      <c r="D1303" s="5" t="s">
        <v>8</v>
      </c>
      <c r="E1303" s="6">
        <v>11001</v>
      </c>
      <c r="F1303" s="5" t="s">
        <v>2601</v>
      </c>
      <c r="G1303" s="5" t="s">
        <v>2602</v>
      </c>
    </row>
    <row r="1304" spans="1:7">
      <c r="A1304" s="5" t="s">
        <v>7</v>
      </c>
      <c r="B1304" s="5">
        <v>1303</v>
      </c>
      <c r="C1304" s="5" t="s">
        <v>8</v>
      </c>
      <c r="D1304" s="5" t="s">
        <v>8</v>
      </c>
      <c r="E1304" s="6">
        <v>11001</v>
      </c>
      <c r="F1304" s="5" t="s">
        <v>2603</v>
      </c>
      <c r="G1304" s="5" t="s">
        <v>2604</v>
      </c>
    </row>
    <row r="1305" spans="1:7">
      <c r="A1305" s="5" t="s">
        <v>7</v>
      </c>
      <c r="B1305" s="5">
        <v>1304</v>
      </c>
      <c r="C1305" s="5" t="s">
        <v>8</v>
      </c>
      <c r="D1305" s="5" t="s">
        <v>8</v>
      </c>
      <c r="E1305" s="6">
        <v>11001</v>
      </c>
      <c r="F1305" s="5" t="s">
        <v>2605</v>
      </c>
      <c r="G1305" s="5" t="s">
        <v>2606</v>
      </c>
    </row>
    <row r="1306" spans="1:7">
      <c r="A1306" s="5" t="s">
        <v>7</v>
      </c>
      <c r="B1306" s="5">
        <v>1305</v>
      </c>
      <c r="C1306" s="5" t="s">
        <v>8</v>
      </c>
      <c r="D1306" s="5" t="s">
        <v>8</v>
      </c>
      <c r="E1306" s="6">
        <v>11001</v>
      </c>
      <c r="F1306" s="5" t="s">
        <v>2607</v>
      </c>
      <c r="G1306" s="5" t="s">
        <v>2608</v>
      </c>
    </row>
    <row r="1307" spans="1:7">
      <c r="A1307" s="5" t="s">
        <v>7</v>
      </c>
      <c r="B1307" s="5">
        <v>1306</v>
      </c>
      <c r="C1307" s="5" t="s">
        <v>8</v>
      </c>
      <c r="D1307" s="5" t="s">
        <v>8</v>
      </c>
      <c r="E1307" s="6">
        <v>11001</v>
      </c>
      <c r="F1307" s="5" t="s">
        <v>2609</v>
      </c>
      <c r="G1307" s="5" t="s">
        <v>2610</v>
      </c>
    </row>
    <row r="1308" spans="1:7">
      <c r="A1308" s="5" t="s">
        <v>7</v>
      </c>
      <c r="B1308" s="5">
        <v>1307</v>
      </c>
      <c r="C1308" s="5" t="s">
        <v>8</v>
      </c>
      <c r="D1308" s="5" t="s">
        <v>8</v>
      </c>
      <c r="E1308" s="6">
        <v>11001</v>
      </c>
      <c r="F1308" s="5" t="s">
        <v>2611</v>
      </c>
      <c r="G1308" s="5" t="s">
        <v>2612</v>
      </c>
    </row>
    <row r="1309" spans="1:7">
      <c r="A1309" s="5" t="s">
        <v>7</v>
      </c>
      <c r="B1309" s="5">
        <v>1308</v>
      </c>
      <c r="C1309" s="5" t="s">
        <v>8</v>
      </c>
      <c r="D1309" s="5" t="s">
        <v>8</v>
      </c>
      <c r="E1309" s="6">
        <v>11001</v>
      </c>
      <c r="F1309" s="5" t="s">
        <v>2613</v>
      </c>
      <c r="G1309" s="5" t="s">
        <v>2614</v>
      </c>
    </row>
    <row r="1310" spans="1:7">
      <c r="A1310" s="5" t="s">
        <v>7</v>
      </c>
      <c r="B1310" s="5">
        <v>1309</v>
      </c>
      <c r="C1310" s="5" t="s">
        <v>8</v>
      </c>
      <c r="D1310" s="5" t="s">
        <v>8</v>
      </c>
      <c r="E1310" s="6">
        <v>11001</v>
      </c>
      <c r="F1310" s="5" t="s">
        <v>2615</v>
      </c>
      <c r="G1310" s="5" t="s">
        <v>2616</v>
      </c>
    </row>
    <row r="1311" spans="1:7">
      <c r="A1311" s="5" t="s">
        <v>7</v>
      </c>
      <c r="B1311" s="5">
        <v>1310</v>
      </c>
      <c r="C1311" s="5" t="s">
        <v>8</v>
      </c>
      <c r="D1311" s="5" t="s">
        <v>8</v>
      </c>
      <c r="E1311" s="6">
        <v>11001</v>
      </c>
      <c r="F1311" s="5" t="s">
        <v>2617</v>
      </c>
      <c r="G1311" s="5" t="s">
        <v>2618</v>
      </c>
    </row>
    <row r="1312" spans="1:7">
      <c r="A1312" s="5" t="s">
        <v>7</v>
      </c>
      <c r="B1312" s="5">
        <v>1311</v>
      </c>
      <c r="C1312" s="5" t="s">
        <v>8</v>
      </c>
      <c r="D1312" s="5" t="s">
        <v>8</v>
      </c>
      <c r="E1312" s="6">
        <v>11001</v>
      </c>
      <c r="F1312" s="5" t="s">
        <v>2619</v>
      </c>
      <c r="G1312" s="5" t="s">
        <v>2620</v>
      </c>
    </row>
    <row r="1313" spans="1:7">
      <c r="A1313" s="5" t="s">
        <v>7</v>
      </c>
      <c r="B1313" s="5">
        <v>1312</v>
      </c>
      <c r="C1313" s="5" t="s">
        <v>8</v>
      </c>
      <c r="D1313" s="5" t="s">
        <v>8</v>
      </c>
      <c r="E1313" s="6">
        <v>11001</v>
      </c>
      <c r="F1313" s="5" t="s">
        <v>2621</v>
      </c>
      <c r="G1313" s="5" t="s">
        <v>2622</v>
      </c>
    </row>
    <row r="1314" spans="1:7">
      <c r="A1314" s="5" t="s">
        <v>7</v>
      </c>
      <c r="B1314" s="5">
        <v>1313</v>
      </c>
      <c r="C1314" s="5" t="s">
        <v>813</v>
      </c>
      <c r="D1314" s="5" t="s">
        <v>814</v>
      </c>
      <c r="E1314" s="6">
        <v>25754</v>
      </c>
      <c r="F1314" s="5" t="s">
        <v>2623</v>
      </c>
      <c r="G1314" s="5" t="s">
        <v>2624</v>
      </c>
    </row>
    <row r="1315" spans="1:7">
      <c r="A1315" s="5" t="s">
        <v>7</v>
      </c>
      <c r="B1315" s="5">
        <v>1314</v>
      </c>
      <c r="C1315" s="5" t="s">
        <v>8</v>
      </c>
      <c r="D1315" s="5" t="s">
        <v>8</v>
      </c>
      <c r="E1315" s="6">
        <v>11001</v>
      </c>
      <c r="F1315" s="5" t="s">
        <v>2625</v>
      </c>
      <c r="G1315" s="5" t="s">
        <v>2626</v>
      </c>
    </row>
    <row r="1316" spans="1:7">
      <c r="A1316" s="5" t="s">
        <v>7</v>
      </c>
      <c r="B1316" s="5">
        <v>1315</v>
      </c>
      <c r="C1316" s="5" t="s">
        <v>8</v>
      </c>
      <c r="D1316" s="5" t="s">
        <v>8</v>
      </c>
      <c r="E1316" s="6">
        <v>11001</v>
      </c>
      <c r="F1316" s="5" t="s">
        <v>2627</v>
      </c>
      <c r="G1316" s="5" t="s">
        <v>2628</v>
      </c>
    </row>
    <row r="1317" spans="1:7">
      <c r="A1317" s="5" t="s">
        <v>7</v>
      </c>
      <c r="B1317" s="5">
        <v>1316</v>
      </c>
      <c r="C1317" s="5" t="s">
        <v>8</v>
      </c>
      <c r="D1317" s="5" t="s">
        <v>8</v>
      </c>
      <c r="E1317" s="6">
        <v>11001</v>
      </c>
      <c r="F1317" s="5" t="s">
        <v>2629</v>
      </c>
      <c r="G1317" s="5" t="s">
        <v>2630</v>
      </c>
    </row>
    <row r="1318" spans="1:7">
      <c r="A1318" s="5" t="s">
        <v>7</v>
      </c>
      <c r="B1318" s="5">
        <v>1317</v>
      </c>
      <c r="C1318" s="5" t="s">
        <v>8</v>
      </c>
      <c r="D1318" s="5" t="s">
        <v>8</v>
      </c>
      <c r="E1318" s="6">
        <v>11001</v>
      </c>
      <c r="F1318" s="5" t="s">
        <v>2631</v>
      </c>
      <c r="G1318" s="5" t="s">
        <v>2632</v>
      </c>
    </row>
    <row r="1319" spans="1:7">
      <c r="A1319" s="5" t="s">
        <v>7</v>
      </c>
      <c r="B1319" s="5">
        <v>1318</v>
      </c>
      <c r="C1319" s="5" t="s">
        <v>813</v>
      </c>
      <c r="D1319" s="5" t="s">
        <v>2633</v>
      </c>
      <c r="E1319" s="6">
        <v>25214</v>
      </c>
      <c r="F1319" s="5" t="s">
        <v>2634</v>
      </c>
      <c r="G1319" s="5" t="s">
        <v>2635</v>
      </c>
    </row>
    <row r="1320" spans="1:7">
      <c r="A1320" s="5" t="s">
        <v>7</v>
      </c>
      <c r="B1320" s="5">
        <v>1319</v>
      </c>
      <c r="C1320" s="5" t="s">
        <v>8</v>
      </c>
      <c r="D1320" s="5" t="s">
        <v>8</v>
      </c>
      <c r="E1320" s="6">
        <v>11001</v>
      </c>
      <c r="F1320" s="5" t="s">
        <v>2636</v>
      </c>
      <c r="G1320" s="5" t="s">
        <v>2637</v>
      </c>
    </row>
    <row r="1321" spans="1:7">
      <c r="A1321" s="5" t="s">
        <v>7</v>
      </c>
      <c r="B1321" s="5">
        <v>1320</v>
      </c>
      <c r="C1321" s="5" t="s">
        <v>8</v>
      </c>
      <c r="D1321" s="5" t="s">
        <v>8</v>
      </c>
      <c r="E1321" s="6">
        <v>11001</v>
      </c>
      <c r="F1321" s="5" t="s">
        <v>2638</v>
      </c>
      <c r="G1321" s="5" t="s">
        <v>2639</v>
      </c>
    </row>
    <row r="1322" spans="1:7">
      <c r="A1322" s="5" t="s">
        <v>7</v>
      </c>
      <c r="B1322" s="5">
        <v>1321</v>
      </c>
      <c r="C1322" s="5" t="s">
        <v>8</v>
      </c>
      <c r="D1322" s="5" t="s">
        <v>8</v>
      </c>
      <c r="E1322" s="6">
        <v>11001</v>
      </c>
      <c r="F1322" s="5" t="s">
        <v>2640</v>
      </c>
      <c r="G1322" s="5" t="s">
        <v>2641</v>
      </c>
    </row>
    <row r="1323" spans="1:7">
      <c r="A1323" s="5" t="s">
        <v>7</v>
      </c>
      <c r="B1323" s="5">
        <v>1322</v>
      </c>
      <c r="C1323" s="5" t="s">
        <v>8</v>
      </c>
      <c r="D1323" s="5" t="s">
        <v>8</v>
      </c>
      <c r="E1323" s="6">
        <v>11001</v>
      </c>
      <c r="F1323" s="5" t="s">
        <v>2642</v>
      </c>
      <c r="G1323" s="5" t="s">
        <v>2643</v>
      </c>
    </row>
    <row r="1324" spans="1:7">
      <c r="A1324" s="5" t="s">
        <v>7</v>
      </c>
      <c r="B1324" s="5">
        <v>1323</v>
      </c>
      <c r="C1324" s="5" t="s">
        <v>813</v>
      </c>
      <c r="D1324" s="5" t="s">
        <v>2644</v>
      </c>
      <c r="E1324" s="6">
        <v>25513</v>
      </c>
      <c r="F1324" s="5" t="s">
        <v>2645</v>
      </c>
      <c r="G1324" s="5" t="s">
        <v>2646</v>
      </c>
    </row>
    <row r="1325" spans="1:7">
      <c r="A1325" s="5" t="s">
        <v>7</v>
      </c>
      <c r="B1325" s="5">
        <v>1324</v>
      </c>
      <c r="C1325" s="5" t="s">
        <v>8</v>
      </c>
      <c r="D1325" s="5" t="s">
        <v>8</v>
      </c>
      <c r="E1325" s="6">
        <v>11001</v>
      </c>
      <c r="F1325" s="5" t="s">
        <v>2647</v>
      </c>
      <c r="G1325" s="5" t="s">
        <v>2648</v>
      </c>
    </row>
    <row r="1326" spans="1:7">
      <c r="A1326" s="5" t="s">
        <v>7</v>
      </c>
      <c r="B1326" s="5">
        <v>1325</v>
      </c>
      <c r="C1326" s="5" t="s">
        <v>8</v>
      </c>
      <c r="D1326" s="5" t="s">
        <v>8</v>
      </c>
      <c r="E1326" s="6">
        <v>11001</v>
      </c>
      <c r="F1326" s="5" t="s">
        <v>2649</v>
      </c>
      <c r="G1326" s="5" t="s">
        <v>2650</v>
      </c>
    </row>
    <row r="1327" spans="1:7">
      <c r="A1327" s="5" t="s">
        <v>7</v>
      </c>
      <c r="B1327" s="5">
        <v>1326</v>
      </c>
      <c r="C1327" s="5" t="s">
        <v>8</v>
      </c>
      <c r="D1327" s="5" t="s">
        <v>8</v>
      </c>
      <c r="E1327" s="6">
        <v>11001</v>
      </c>
      <c r="F1327" s="5" t="s">
        <v>2651</v>
      </c>
      <c r="G1327" s="5" t="s">
        <v>2652</v>
      </c>
    </row>
    <row r="1328" spans="1:7">
      <c r="A1328" s="5" t="s">
        <v>7</v>
      </c>
      <c r="B1328" s="5">
        <v>1327</v>
      </c>
      <c r="C1328" s="5" t="s">
        <v>8</v>
      </c>
      <c r="D1328" s="5" t="s">
        <v>8</v>
      </c>
      <c r="E1328" s="6">
        <v>11001</v>
      </c>
      <c r="F1328" s="5" t="s">
        <v>2653</v>
      </c>
      <c r="G1328" s="5" t="s">
        <v>2654</v>
      </c>
    </row>
    <row r="1329" spans="1:7">
      <c r="A1329" s="5" t="s">
        <v>7</v>
      </c>
      <c r="B1329" s="5">
        <v>1328</v>
      </c>
      <c r="C1329" s="5" t="s">
        <v>8</v>
      </c>
      <c r="D1329" s="5" t="s">
        <v>8</v>
      </c>
      <c r="E1329" s="6">
        <v>11001</v>
      </c>
      <c r="F1329" s="5" t="s">
        <v>2655</v>
      </c>
      <c r="G1329" s="5" t="s">
        <v>2656</v>
      </c>
    </row>
    <row r="1330" spans="1:7">
      <c r="A1330" s="5" t="s">
        <v>7</v>
      </c>
      <c r="B1330" s="5">
        <v>1329</v>
      </c>
      <c r="C1330" s="5" t="s">
        <v>8</v>
      </c>
      <c r="D1330" s="5" t="s">
        <v>8</v>
      </c>
      <c r="E1330" s="6">
        <v>11001</v>
      </c>
      <c r="F1330" s="5" t="s">
        <v>2657</v>
      </c>
      <c r="G1330" s="5" t="s">
        <v>2658</v>
      </c>
    </row>
    <row r="1331" spans="1:7">
      <c r="A1331" s="5" t="s">
        <v>7</v>
      </c>
      <c r="B1331" s="5">
        <v>1330</v>
      </c>
      <c r="C1331" s="5" t="s">
        <v>8</v>
      </c>
      <c r="D1331" s="5" t="s">
        <v>8</v>
      </c>
      <c r="E1331" s="6">
        <v>11001</v>
      </c>
      <c r="F1331" s="5" t="s">
        <v>2659</v>
      </c>
      <c r="G1331" s="5" t="s">
        <v>2660</v>
      </c>
    </row>
    <row r="1332" spans="1:7">
      <c r="A1332" s="5" t="s">
        <v>7</v>
      </c>
      <c r="B1332" s="5">
        <v>1331</v>
      </c>
      <c r="C1332" s="5" t="s">
        <v>8</v>
      </c>
      <c r="D1332" s="5" t="s">
        <v>8</v>
      </c>
      <c r="E1332" s="6">
        <v>11001</v>
      </c>
      <c r="F1332" s="5" t="s">
        <v>2661</v>
      </c>
      <c r="G1332" s="5" t="s">
        <v>2662</v>
      </c>
    </row>
    <row r="1333" spans="1:7">
      <c r="A1333" s="5" t="s">
        <v>7</v>
      </c>
      <c r="B1333" s="5">
        <v>1332</v>
      </c>
      <c r="C1333" s="5" t="s">
        <v>8</v>
      </c>
      <c r="D1333" s="5" t="s">
        <v>8</v>
      </c>
      <c r="E1333" s="6">
        <v>11001</v>
      </c>
      <c r="F1333" s="5" t="s">
        <v>2663</v>
      </c>
      <c r="G1333" s="5" t="s">
        <v>2664</v>
      </c>
    </row>
    <row r="1334" spans="1:7">
      <c r="A1334" s="5" t="s">
        <v>7</v>
      </c>
      <c r="B1334" s="5">
        <v>1333</v>
      </c>
      <c r="C1334" s="5" t="s">
        <v>8</v>
      </c>
      <c r="D1334" s="5" t="s">
        <v>8</v>
      </c>
      <c r="E1334" s="6">
        <v>11001</v>
      </c>
      <c r="F1334" s="5" t="s">
        <v>2665</v>
      </c>
      <c r="G1334" s="5" t="s">
        <v>2666</v>
      </c>
    </row>
    <row r="1335" spans="1:7">
      <c r="A1335" s="5" t="s">
        <v>7</v>
      </c>
      <c r="B1335" s="5">
        <v>1334</v>
      </c>
      <c r="C1335" s="5" t="s">
        <v>8</v>
      </c>
      <c r="D1335" s="5" t="s">
        <v>8</v>
      </c>
      <c r="E1335" s="6">
        <v>11001</v>
      </c>
      <c r="F1335" s="5" t="s">
        <v>2667</v>
      </c>
      <c r="G1335" s="5" t="s">
        <v>2668</v>
      </c>
    </row>
    <row r="1336" spans="1:7">
      <c r="A1336" s="5" t="s">
        <v>7</v>
      </c>
      <c r="B1336" s="5">
        <v>1335</v>
      </c>
      <c r="C1336" s="5" t="s">
        <v>8</v>
      </c>
      <c r="D1336" s="5" t="s">
        <v>8</v>
      </c>
      <c r="E1336" s="6">
        <v>11001</v>
      </c>
      <c r="F1336" s="5" t="s">
        <v>2669</v>
      </c>
      <c r="G1336" s="5" t="s">
        <v>2670</v>
      </c>
    </row>
    <row r="1337" spans="1:7">
      <c r="A1337" s="5" t="s">
        <v>7</v>
      </c>
      <c r="B1337" s="5">
        <v>1336</v>
      </c>
      <c r="C1337" s="5" t="s">
        <v>8</v>
      </c>
      <c r="D1337" s="5" t="s">
        <v>8</v>
      </c>
      <c r="E1337" s="6">
        <v>11001</v>
      </c>
      <c r="F1337" s="5" t="s">
        <v>2671</v>
      </c>
      <c r="G1337" s="5" t="s">
        <v>2672</v>
      </c>
    </row>
    <row r="1338" spans="1:7">
      <c r="A1338" s="5" t="s">
        <v>7</v>
      </c>
      <c r="B1338" s="5">
        <v>1337</v>
      </c>
      <c r="C1338" s="5" t="s">
        <v>8</v>
      </c>
      <c r="D1338" s="5" t="s">
        <v>8</v>
      </c>
      <c r="E1338" s="6">
        <v>11001</v>
      </c>
      <c r="F1338" s="5" t="s">
        <v>2673</v>
      </c>
      <c r="G1338" s="5" t="s">
        <v>2674</v>
      </c>
    </row>
    <row r="1339" spans="1:7">
      <c r="A1339" s="5" t="s">
        <v>7</v>
      </c>
      <c r="B1339" s="5">
        <v>1338</v>
      </c>
      <c r="C1339" s="5" t="s">
        <v>8</v>
      </c>
      <c r="D1339" s="5" t="s">
        <v>8</v>
      </c>
      <c r="E1339" s="6">
        <v>11001</v>
      </c>
      <c r="F1339" s="5" t="s">
        <v>2675</v>
      </c>
      <c r="G1339" s="5" t="s">
        <v>2676</v>
      </c>
    </row>
    <row r="1340" spans="1:7">
      <c r="A1340" s="5" t="s">
        <v>7</v>
      </c>
      <c r="B1340" s="5">
        <v>1339</v>
      </c>
      <c r="C1340" s="5" t="s">
        <v>8</v>
      </c>
      <c r="D1340" s="5" t="s">
        <v>8</v>
      </c>
      <c r="E1340" s="6">
        <v>11001</v>
      </c>
      <c r="F1340" s="5" t="s">
        <v>2677</v>
      </c>
      <c r="G1340" s="5" t="s">
        <v>2678</v>
      </c>
    </row>
    <row r="1341" spans="1:7">
      <c r="A1341" s="5" t="s">
        <v>7</v>
      </c>
      <c r="B1341" s="5">
        <v>1340</v>
      </c>
      <c r="C1341" s="5" t="s">
        <v>8</v>
      </c>
      <c r="D1341" s="5" t="s">
        <v>8</v>
      </c>
      <c r="E1341" s="6">
        <v>11001</v>
      </c>
      <c r="F1341" s="5" t="s">
        <v>2679</v>
      </c>
      <c r="G1341" s="5" t="s">
        <v>2680</v>
      </c>
    </row>
    <row r="1342" spans="1:7">
      <c r="A1342" s="5" t="s">
        <v>7</v>
      </c>
      <c r="B1342" s="5">
        <v>1341</v>
      </c>
      <c r="C1342" s="5" t="s">
        <v>8</v>
      </c>
      <c r="D1342" s="5" t="s">
        <v>8</v>
      </c>
      <c r="E1342" s="6">
        <v>11001</v>
      </c>
      <c r="F1342" s="5" t="s">
        <v>2681</v>
      </c>
      <c r="G1342" s="5" t="s">
        <v>2682</v>
      </c>
    </row>
    <row r="1343" spans="1:7">
      <c r="A1343" s="5" t="s">
        <v>7</v>
      </c>
      <c r="B1343" s="5">
        <v>1342</v>
      </c>
      <c r="C1343" s="5" t="s">
        <v>8</v>
      </c>
      <c r="D1343" s="5" t="s">
        <v>8</v>
      </c>
      <c r="E1343" s="6">
        <v>11001</v>
      </c>
      <c r="F1343" s="5" t="s">
        <v>2683</v>
      </c>
      <c r="G1343" s="5" t="s">
        <v>2684</v>
      </c>
    </row>
    <row r="1344" spans="1:7">
      <c r="A1344" s="5" t="s">
        <v>7</v>
      </c>
      <c r="B1344" s="5">
        <v>1343</v>
      </c>
      <c r="C1344" s="5" t="s">
        <v>8</v>
      </c>
      <c r="D1344" s="5" t="s">
        <v>8</v>
      </c>
      <c r="E1344" s="6">
        <v>11001</v>
      </c>
      <c r="F1344" s="5" t="s">
        <v>2685</v>
      </c>
      <c r="G1344" s="5" t="s">
        <v>2686</v>
      </c>
    </row>
    <row r="1345" spans="1:7">
      <c r="A1345" s="5" t="s">
        <v>7</v>
      </c>
      <c r="B1345" s="5">
        <v>1344</v>
      </c>
      <c r="C1345" s="5" t="s">
        <v>8</v>
      </c>
      <c r="D1345" s="5" t="s">
        <v>8</v>
      </c>
      <c r="E1345" s="6">
        <v>11001</v>
      </c>
      <c r="F1345" s="5" t="s">
        <v>2687</v>
      </c>
      <c r="G1345" s="5" t="s">
        <v>2688</v>
      </c>
    </row>
    <row r="1346" spans="1:7">
      <c r="A1346" s="5" t="s">
        <v>7</v>
      </c>
      <c r="B1346" s="5">
        <v>1345</v>
      </c>
      <c r="C1346" s="5" t="s">
        <v>8</v>
      </c>
      <c r="D1346" s="5" t="s">
        <v>8</v>
      </c>
      <c r="E1346" s="6">
        <v>11001</v>
      </c>
      <c r="F1346" s="5" t="s">
        <v>2689</v>
      </c>
      <c r="G1346" s="5" t="s">
        <v>2690</v>
      </c>
    </row>
    <row r="1347" spans="1:7">
      <c r="A1347" s="5" t="s">
        <v>7</v>
      </c>
      <c r="B1347" s="5">
        <v>1346</v>
      </c>
      <c r="C1347" s="5" t="s">
        <v>8</v>
      </c>
      <c r="D1347" s="5" t="s">
        <v>8</v>
      </c>
      <c r="E1347" s="6">
        <v>11001</v>
      </c>
      <c r="F1347" s="5" t="s">
        <v>2691</v>
      </c>
      <c r="G1347" s="5" t="s">
        <v>2692</v>
      </c>
    </row>
    <row r="1348" spans="1:7">
      <c r="A1348" s="5" t="s">
        <v>7</v>
      </c>
      <c r="B1348" s="5">
        <v>1347</v>
      </c>
      <c r="C1348" s="5" t="s">
        <v>8</v>
      </c>
      <c r="D1348" s="5" t="s">
        <v>8</v>
      </c>
      <c r="E1348" s="6">
        <v>11001</v>
      </c>
      <c r="F1348" s="5" t="s">
        <v>2693</v>
      </c>
      <c r="G1348" s="5" t="s">
        <v>2694</v>
      </c>
    </row>
    <row r="1349" spans="1:7">
      <c r="A1349" s="5" t="s">
        <v>7</v>
      </c>
      <c r="B1349" s="5">
        <v>1348</v>
      </c>
      <c r="C1349" s="5" t="s">
        <v>8</v>
      </c>
      <c r="D1349" s="5" t="s">
        <v>8</v>
      </c>
      <c r="E1349" s="6">
        <v>11001</v>
      </c>
      <c r="F1349" s="5" t="s">
        <v>2695</v>
      </c>
      <c r="G1349" s="5" t="s">
        <v>2696</v>
      </c>
    </row>
    <row r="1350" spans="1:7">
      <c r="A1350" s="5" t="s">
        <v>7</v>
      </c>
      <c r="B1350" s="5">
        <v>1349</v>
      </c>
      <c r="C1350" s="5" t="s">
        <v>8</v>
      </c>
      <c r="D1350" s="5" t="s">
        <v>8</v>
      </c>
      <c r="E1350" s="6">
        <v>11001</v>
      </c>
      <c r="F1350" s="5" t="s">
        <v>2697</v>
      </c>
      <c r="G1350" s="5" t="s">
        <v>2698</v>
      </c>
    </row>
    <row r="1351" spans="1:7">
      <c r="A1351" s="5" t="s">
        <v>7</v>
      </c>
      <c r="B1351" s="5">
        <v>1350</v>
      </c>
      <c r="C1351" s="5" t="s">
        <v>8</v>
      </c>
      <c r="D1351" s="5" t="s">
        <v>8</v>
      </c>
      <c r="E1351" s="6">
        <v>11001</v>
      </c>
      <c r="F1351" s="5" t="s">
        <v>2699</v>
      </c>
      <c r="G1351" s="5" t="s">
        <v>2700</v>
      </c>
    </row>
    <row r="1352" spans="1:7">
      <c r="A1352" s="5" t="s">
        <v>7</v>
      </c>
      <c r="B1352" s="5">
        <v>1351</v>
      </c>
      <c r="C1352" s="5" t="s">
        <v>8</v>
      </c>
      <c r="D1352" s="5" t="s">
        <v>8</v>
      </c>
      <c r="E1352" s="6">
        <v>11001</v>
      </c>
      <c r="F1352" s="5" t="s">
        <v>2701</v>
      </c>
      <c r="G1352" s="5" t="s">
        <v>2702</v>
      </c>
    </row>
    <row r="1353" spans="1:7">
      <c r="A1353" s="5" t="s">
        <v>7</v>
      </c>
      <c r="B1353" s="5">
        <v>1352</v>
      </c>
      <c r="C1353" s="5" t="s">
        <v>8</v>
      </c>
      <c r="D1353" s="5" t="s">
        <v>8</v>
      </c>
      <c r="E1353" s="6">
        <v>11001</v>
      </c>
      <c r="F1353" s="5" t="s">
        <v>2703</v>
      </c>
      <c r="G1353" s="5" t="s">
        <v>2704</v>
      </c>
    </row>
    <row r="1354" spans="1:7">
      <c r="A1354" s="5" t="s">
        <v>7</v>
      </c>
      <c r="B1354" s="5">
        <v>1353</v>
      </c>
      <c r="C1354" s="5" t="s">
        <v>8</v>
      </c>
      <c r="D1354" s="5" t="s">
        <v>8</v>
      </c>
      <c r="E1354" s="6">
        <v>11001</v>
      </c>
      <c r="F1354" s="5" t="s">
        <v>2705</v>
      </c>
      <c r="G1354" s="5" t="s">
        <v>2706</v>
      </c>
    </row>
    <row r="1355" spans="1:7">
      <c r="A1355" s="5" t="s">
        <v>7</v>
      </c>
      <c r="B1355" s="5">
        <v>1354</v>
      </c>
      <c r="C1355" s="5" t="s">
        <v>8</v>
      </c>
      <c r="D1355" s="5" t="s">
        <v>8</v>
      </c>
      <c r="E1355" s="6">
        <v>11001</v>
      </c>
      <c r="F1355" s="5" t="s">
        <v>2707</v>
      </c>
      <c r="G1355" s="5" t="s">
        <v>2708</v>
      </c>
    </row>
    <row r="1356" spans="1:7">
      <c r="A1356" s="5" t="s">
        <v>7</v>
      </c>
      <c r="B1356" s="5">
        <v>1355</v>
      </c>
      <c r="C1356" s="5" t="s">
        <v>8</v>
      </c>
      <c r="D1356" s="5" t="s">
        <v>8</v>
      </c>
      <c r="E1356" s="6">
        <v>11001</v>
      </c>
      <c r="F1356" s="5" t="s">
        <v>2709</v>
      </c>
      <c r="G1356" s="5" t="s">
        <v>2710</v>
      </c>
    </row>
    <row r="1357" spans="1:7">
      <c r="A1357" s="5" t="s">
        <v>7</v>
      </c>
      <c r="B1357" s="5">
        <v>1356</v>
      </c>
      <c r="C1357" s="5" t="s">
        <v>8</v>
      </c>
      <c r="D1357" s="5" t="s">
        <v>8</v>
      </c>
      <c r="E1357" s="6">
        <v>11001</v>
      </c>
      <c r="F1357" s="5" t="s">
        <v>2711</v>
      </c>
      <c r="G1357" s="5" t="s">
        <v>2712</v>
      </c>
    </row>
    <row r="1358" spans="1:7">
      <c r="A1358" s="5" t="s">
        <v>7</v>
      </c>
      <c r="B1358" s="5">
        <v>1357</v>
      </c>
      <c r="C1358" s="5" t="s">
        <v>8</v>
      </c>
      <c r="D1358" s="5" t="s">
        <v>8</v>
      </c>
      <c r="E1358" s="6">
        <v>11001</v>
      </c>
      <c r="F1358" s="5" t="s">
        <v>2713</v>
      </c>
      <c r="G1358" s="5" t="s">
        <v>2714</v>
      </c>
    </row>
    <row r="1359" spans="1:7">
      <c r="A1359" s="5" t="s">
        <v>7</v>
      </c>
      <c r="B1359" s="5">
        <v>1358</v>
      </c>
      <c r="C1359" s="5" t="s">
        <v>8</v>
      </c>
      <c r="D1359" s="5" t="s">
        <v>8</v>
      </c>
      <c r="E1359" s="6">
        <v>11001</v>
      </c>
      <c r="F1359" s="5" t="s">
        <v>2715</v>
      </c>
      <c r="G1359" s="5" t="s">
        <v>2716</v>
      </c>
    </row>
    <row r="1360" spans="1:7">
      <c r="A1360" s="5" t="s">
        <v>7</v>
      </c>
      <c r="B1360" s="5">
        <v>1359</v>
      </c>
      <c r="C1360" s="5" t="s">
        <v>8</v>
      </c>
      <c r="D1360" s="5" t="s">
        <v>8</v>
      </c>
      <c r="E1360" s="6">
        <v>11001</v>
      </c>
      <c r="F1360" s="5" t="s">
        <v>2717</v>
      </c>
      <c r="G1360" s="5" t="s">
        <v>2718</v>
      </c>
    </row>
    <row r="1361" spans="1:7">
      <c r="A1361" s="5" t="s">
        <v>7</v>
      </c>
      <c r="B1361" s="5">
        <v>1360</v>
      </c>
      <c r="C1361" s="5" t="s">
        <v>8</v>
      </c>
      <c r="D1361" s="5" t="s">
        <v>8</v>
      </c>
      <c r="E1361" s="6">
        <v>11001</v>
      </c>
      <c r="F1361" s="5" t="s">
        <v>2719</v>
      </c>
      <c r="G1361" s="5" t="s">
        <v>2720</v>
      </c>
    </row>
    <row r="1362" spans="1:7">
      <c r="A1362" s="5" t="s">
        <v>7</v>
      </c>
      <c r="B1362" s="5">
        <v>1361</v>
      </c>
      <c r="C1362" s="5" t="s">
        <v>8</v>
      </c>
      <c r="D1362" s="5" t="s">
        <v>8</v>
      </c>
      <c r="E1362" s="6">
        <v>11001</v>
      </c>
      <c r="F1362" s="5" t="s">
        <v>2721</v>
      </c>
      <c r="G1362" s="5" t="s">
        <v>2722</v>
      </c>
    </row>
    <row r="1363" spans="1:7">
      <c r="A1363" s="5" t="s">
        <v>7</v>
      </c>
      <c r="B1363" s="5">
        <v>1362</v>
      </c>
      <c r="C1363" s="5" t="s">
        <v>8</v>
      </c>
      <c r="D1363" s="5" t="s">
        <v>8</v>
      </c>
      <c r="E1363" s="6">
        <v>11001</v>
      </c>
      <c r="F1363" s="5" t="s">
        <v>2723</v>
      </c>
      <c r="G1363" s="5" t="s">
        <v>2724</v>
      </c>
    </row>
    <row r="1364" spans="1:7">
      <c r="A1364" s="5" t="s">
        <v>7</v>
      </c>
      <c r="B1364" s="5">
        <v>1363</v>
      </c>
      <c r="C1364" s="5" t="s">
        <v>8</v>
      </c>
      <c r="D1364" s="5" t="s">
        <v>8</v>
      </c>
      <c r="E1364" s="6">
        <v>11001</v>
      </c>
      <c r="F1364" s="5" t="s">
        <v>2725</v>
      </c>
      <c r="G1364" s="5" t="s">
        <v>2726</v>
      </c>
    </row>
    <row r="1365" spans="1:7">
      <c r="A1365" s="5" t="s">
        <v>7</v>
      </c>
      <c r="B1365" s="5">
        <v>1364</v>
      </c>
      <c r="C1365" s="5" t="s">
        <v>8</v>
      </c>
      <c r="D1365" s="5" t="s">
        <v>8</v>
      </c>
      <c r="E1365" s="6">
        <v>11001</v>
      </c>
      <c r="F1365" s="5" t="s">
        <v>2727</v>
      </c>
      <c r="G1365" s="5" t="s">
        <v>2728</v>
      </c>
    </row>
    <row r="1366" spans="1:7">
      <c r="A1366" s="5" t="s">
        <v>7</v>
      </c>
      <c r="B1366" s="5">
        <v>1365</v>
      </c>
      <c r="C1366" s="5" t="s">
        <v>813</v>
      </c>
      <c r="D1366" s="5" t="s">
        <v>814</v>
      </c>
      <c r="E1366" s="6">
        <v>25754</v>
      </c>
      <c r="F1366" s="5" t="s">
        <v>2729</v>
      </c>
      <c r="G1366" s="5" t="s">
        <v>2730</v>
      </c>
    </row>
    <row r="1367" spans="1:7">
      <c r="A1367" s="5" t="s">
        <v>7</v>
      </c>
      <c r="B1367" s="5">
        <v>1366</v>
      </c>
      <c r="C1367" s="5" t="s">
        <v>8</v>
      </c>
      <c r="D1367" s="5" t="s">
        <v>8</v>
      </c>
      <c r="E1367" s="6">
        <v>11001</v>
      </c>
      <c r="F1367" s="5" t="s">
        <v>2731</v>
      </c>
      <c r="G1367" s="5" t="s">
        <v>2732</v>
      </c>
    </row>
    <row r="1368" spans="1:7">
      <c r="A1368" s="5" t="s">
        <v>7</v>
      </c>
      <c r="B1368" s="5">
        <v>1367</v>
      </c>
      <c r="C1368" s="5" t="s">
        <v>8</v>
      </c>
      <c r="D1368" s="5" t="s">
        <v>8</v>
      </c>
      <c r="E1368" s="6">
        <v>11001</v>
      </c>
      <c r="F1368" s="5" t="s">
        <v>2733</v>
      </c>
      <c r="G1368" s="5" t="s">
        <v>2734</v>
      </c>
    </row>
    <row r="1369" spans="1:7">
      <c r="A1369" s="5" t="s">
        <v>7</v>
      </c>
      <c r="B1369" s="5">
        <v>1368</v>
      </c>
      <c r="C1369" s="5" t="s">
        <v>8</v>
      </c>
      <c r="D1369" s="5" t="s">
        <v>8</v>
      </c>
      <c r="E1369" s="6">
        <v>11001</v>
      </c>
      <c r="F1369" s="5" t="s">
        <v>2735</v>
      </c>
      <c r="G1369" s="5" t="s">
        <v>2736</v>
      </c>
    </row>
    <row r="1370" spans="1:7">
      <c r="A1370" s="5" t="s">
        <v>7</v>
      </c>
      <c r="B1370" s="5">
        <v>1369</v>
      </c>
      <c r="C1370" s="5" t="s">
        <v>8</v>
      </c>
      <c r="D1370" s="5" t="s">
        <v>8</v>
      </c>
      <c r="E1370" s="6">
        <v>11001</v>
      </c>
      <c r="F1370" s="5" t="s">
        <v>2737</v>
      </c>
      <c r="G1370" s="5" t="s">
        <v>2738</v>
      </c>
    </row>
    <row r="1371" spans="1:7">
      <c r="A1371" s="5" t="s">
        <v>7</v>
      </c>
      <c r="B1371" s="5">
        <v>1370</v>
      </c>
      <c r="C1371" s="5" t="s">
        <v>8</v>
      </c>
      <c r="D1371" s="5" t="s">
        <v>8</v>
      </c>
      <c r="E1371" s="6">
        <v>11001</v>
      </c>
      <c r="F1371" s="5" t="s">
        <v>2739</v>
      </c>
      <c r="G1371" s="5" t="s">
        <v>2740</v>
      </c>
    </row>
    <row r="1372" spans="1:7">
      <c r="A1372" s="5" t="s">
        <v>7</v>
      </c>
      <c r="B1372" s="5">
        <v>1371</v>
      </c>
      <c r="C1372" s="5" t="s">
        <v>8</v>
      </c>
      <c r="D1372" s="5" t="s">
        <v>8</v>
      </c>
      <c r="E1372" s="6">
        <v>11001</v>
      </c>
      <c r="F1372" s="5" t="s">
        <v>2741</v>
      </c>
      <c r="G1372" s="5" t="s">
        <v>2742</v>
      </c>
    </row>
    <row r="1373" spans="1:7">
      <c r="A1373" s="5" t="s">
        <v>7</v>
      </c>
      <c r="B1373" s="5">
        <v>1372</v>
      </c>
      <c r="C1373" s="5" t="s">
        <v>8</v>
      </c>
      <c r="D1373" s="5" t="s">
        <v>8</v>
      </c>
      <c r="E1373" s="6">
        <v>11001</v>
      </c>
      <c r="F1373" s="5" t="s">
        <v>2743</v>
      </c>
      <c r="G1373" s="5" t="s">
        <v>2744</v>
      </c>
    </row>
    <row r="1374" spans="1:7">
      <c r="A1374" s="5" t="s">
        <v>7</v>
      </c>
      <c r="B1374" s="5">
        <v>1373</v>
      </c>
      <c r="C1374" s="5" t="s">
        <v>8</v>
      </c>
      <c r="D1374" s="5" t="s">
        <v>8</v>
      </c>
      <c r="E1374" s="6">
        <v>11001</v>
      </c>
      <c r="F1374" s="5" t="s">
        <v>2745</v>
      </c>
      <c r="G1374" s="5" t="s">
        <v>2746</v>
      </c>
    </row>
    <row r="1375" spans="1:7">
      <c r="A1375" s="5" t="s">
        <v>7</v>
      </c>
      <c r="B1375" s="5">
        <v>1374</v>
      </c>
      <c r="C1375" s="5" t="s">
        <v>8</v>
      </c>
      <c r="D1375" s="5" t="s">
        <v>8</v>
      </c>
      <c r="E1375" s="6">
        <v>11001</v>
      </c>
      <c r="F1375" s="5" t="s">
        <v>2747</v>
      </c>
      <c r="G1375" s="5" t="s">
        <v>2748</v>
      </c>
    </row>
    <row r="1376" spans="1:7">
      <c r="A1376" s="5" t="s">
        <v>7</v>
      </c>
      <c r="B1376" s="5">
        <v>1375</v>
      </c>
      <c r="C1376" s="5" t="s">
        <v>8</v>
      </c>
      <c r="D1376" s="5" t="s">
        <v>8</v>
      </c>
      <c r="E1376" s="6">
        <v>11001</v>
      </c>
      <c r="F1376" s="5" t="s">
        <v>2749</v>
      </c>
      <c r="G1376" s="5" t="s">
        <v>2750</v>
      </c>
    </row>
    <row r="1377" spans="1:7">
      <c r="A1377" s="5" t="s">
        <v>7</v>
      </c>
      <c r="B1377" s="5">
        <v>1376</v>
      </c>
      <c r="C1377" s="5" t="s">
        <v>8</v>
      </c>
      <c r="D1377" s="5" t="s">
        <v>8</v>
      </c>
      <c r="E1377" s="6">
        <v>11001</v>
      </c>
      <c r="F1377" s="5" t="s">
        <v>2751</v>
      </c>
      <c r="G1377" s="5" t="s">
        <v>2752</v>
      </c>
    </row>
    <row r="1378" spans="1:7">
      <c r="A1378" s="5" t="s">
        <v>7</v>
      </c>
      <c r="B1378" s="5">
        <v>1377</v>
      </c>
      <c r="C1378" s="5" t="s">
        <v>813</v>
      </c>
      <c r="D1378" s="5" t="s">
        <v>2421</v>
      </c>
      <c r="E1378" s="6">
        <v>25430</v>
      </c>
      <c r="F1378" s="5" t="s">
        <v>2753</v>
      </c>
      <c r="G1378" s="5" t="s">
        <v>2754</v>
      </c>
    </row>
    <row r="1379" spans="1:7">
      <c r="A1379" s="5" t="s">
        <v>7</v>
      </c>
      <c r="B1379" s="5">
        <v>1378</v>
      </c>
      <c r="C1379" s="5" t="s">
        <v>813</v>
      </c>
      <c r="D1379" s="5" t="s">
        <v>2755</v>
      </c>
      <c r="E1379" s="6">
        <v>25473</v>
      </c>
      <c r="F1379" s="5" t="s">
        <v>2756</v>
      </c>
      <c r="G1379" s="5" t="s">
        <v>2757</v>
      </c>
    </row>
    <row r="1380" spans="1:7">
      <c r="A1380" s="5" t="s">
        <v>7</v>
      </c>
      <c r="B1380" s="5">
        <v>1379</v>
      </c>
      <c r="C1380" s="5" t="s">
        <v>813</v>
      </c>
      <c r="D1380" s="5" t="s">
        <v>2421</v>
      </c>
      <c r="E1380" s="6">
        <v>25430</v>
      </c>
      <c r="F1380" s="5" t="s">
        <v>2758</v>
      </c>
      <c r="G1380" s="5" t="s">
        <v>2759</v>
      </c>
    </row>
    <row r="1381" spans="1:7">
      <c r="A1381" s="5" t="s">
        <v>7</v>
      </c>
      <c r="B1381" s="5">
        <v>1380</v>
      </c>
      <c r="C1381" s="5" t="s">
        <v>2760</v>
      </c>
      <c r="D1381" s="5" t="s">
        <v>2761</v>
      </c>
      <c r="E1381" s="6">
        <v>68081</v>
      </c>
      <c r="F1381" s="5" t="s">
        <v>2762</v>
      </c>
      <c r="G1381" s="5" t="s">
        <v>2763</v>
      </c>
    </row>
    <row r="1382" spans="1:7">
      <c r="A1382" s="5" t="s">
        <v>7</v>
      </c>
      <c r="B1382" s="5">
        <v>1381</v>
      </c>
      <c r="C1382" s="5" t="s">
        <v>813</v>
      </c>
      <c r="D1382" s="5" t="s">
        <v>2755</v>
      </c>
      <c r="E1382" s="6">
        <v>25473</v>
      </c>
      <c r="F1382" s="5" t="s">
        <v>2764</v>
      </c>
      <c r="G1382" s="5" t="s">
        <v>2765</v>
      </c>
    </row>
    <row r="1383" spans="1:7">
      <c r="A1383" s="5" t="s">
        <v>7</v>
      </c>
      <c r="B1383" s="5">
        <v>1382</v>
      </c>
      <c r="C1383" s="5" t="s">
        <v>813</v>
      </c>
      <c r="D1383" s="5" t="s">
        <v>2766</v>
      </c>
      <c r="E1383" s="6">
        <v>25817</v>
      </c>
      <c r="F1383" s="5" t="s">
        <v>2767</v>
      </c>
      <c r="G1383" s="5" t="s">
        <v>2768</v>
      </c>
    </row>
    <row r="1384" spans="1:7">
      <c r="A1384" s="5" t="s">
        <v>7</v>
      </c>
      <c r="B1384" s="5">
        <v>1383</v>
      </c>
      <c r="C1384" s="5" t="s">
        <v>8</v>
      </c>
      <c r="D1384" s="5" t="s">
        <v>8</v>
      </c>
      <c r="E1384" s="6">
        <v>11001</v>
      </c>
      <c r="F1384" s="5" t="s">
        <v>2769</v>
      </c>
      <c r="G1384" s="5" t="s">
        <v>2770</v>
      </c>
    </row>
    <row r="1385" spans="1:7">
      <c r="A1385" s="5" t="s">
        <v>7</v>
      </c>
      <c r="B1385" s="5">
        <v>1384</v>
      </c>
      <c r="C1385" s="5" t="s">
        <v>813</v>
      </c>
      <c r="D1385" s="5" t="s">
        <v>2755</v>
      </c>
      <c r="E1385" s="6">
        <v>25473</v>
      </c>
      <c r="F1385" s="5" t="s">
        <v>2771</v>
      </c>
      <c r="G1385" s="5" t="s">
        <v>2772</v>
      </c>
    </row>
    <row r="1386" spans="1:7">
      <c r="A1386" s="5" t="s">
        <v>7</v>
      </c>
      <c r="B1386" s="5">
        <v>1385</v>
      </c>
      <c r="C1386" s="5" t="s">
        <v>813</v>
      </c>
      <c r="D1386" s="5" t="s">
        <v>2421</v>
      </c>
      <c r="E1386" s="6">
        <v>25430</v>
      </c>
      <c r="F1386" s="5" t="s">
        <v>2773</v>
      </c>
      <c r="G1386" s="5" t="s">
        <v>2774</v>
      </c>
    </row>
    <row r="1387" spans="1:7">
      <c r="A1387" s="5" t="s">
        <v>7</v>
      </c>
      <c r="B1387" s="5">
        <v>1386</v>
      </c>
      <c r="C1387" s="5" t="s">
        <v>813</v>
      </c>
      <c r="D1387" s="5" t="s">
        <v>2755</v>
      </c>
      <c r="E1387" s="6">
        <v>25473</v>
      </c>
      <c r="F1387" s="5" t="s">
        <v>2775</v>
      </c>
      <c r="G1387" s="5" t="s">
        <v>2776</v>
      </c>
    </row>
    <row r="1388" spans="1:7">
      <c r="A1388" s="5" t="s">
        <v>7</v>
      </c>
      <c r="B1388" s="5">
        <v>1387</v>
      </c>
      <c r="C1388" s="5" t="s">
        <v>2777</v>
      </c>
      <c r="D1388" s="5" t="s">
        <v>2778</v>
      </c>
      <c r="E1388" s="6">
        <v>70001</v>
      </c>
      <c r="F1388" s="5" t="s">
        <v>2779</v>
      </c>
      <c r="G1388" s="5" t="s">
        <v>2780</v>
      </c>
    </row>
    <row r="1389" spans="1:7">
      <c r="A1389" s="5" t="s">
        <v>7</v>
      </c>
      <c r="B1389" s="5">
        <v>1388</v>
      </c>
      <c r="C1389" s="5" t="s">
        <v>2781</v>
      </c>
      <c r="D1389" s="5" t="s">
        <v>2782</v>
      </c>
      <c r="E1389" s="6">
        <v>23001</v>
      </c>
      <c r="F1389" s="5" t="s">
        <v>2783</v>
      </c>
      <c r="G1389" s="5" t="s">
        <v>2784</v>
      </c>
    </row>
    <row r="1390" spans="1:7">
      <c r="A1390" s="5" t="s">
        <v>7</v>
      </c>
      <c r="B1390" s="5">
        <v>1389</v>
      </c>
      <c r="C1390" s="5" t="s">
        <v>813</v>
      </c>
      <c r="D1390" s="5" t="s">
        <v>2237</v>
      </c>
      <c r="E1390" s="6">
        <v>25290</v>
      </c>
      <c r="F1390" s="5" t="s">
        <v>2785</v>
      </c>
      <c r="G1390" s="5" t="s">
        <v>2786</v>
      </c>
    </row>
    <row r="1391" spans="1:7">
      <c r="A1391" s="5" t="s">
        <v>7</v>
      </c>
      <c r="B1391" s="5">
        <v>1390</v>
      </c>
      <c r="C1391" s="5" t="s">
        <v>813</v>
      </c>
      <c r="D1391" s="5" t="s">
        <v>2237</v>
      </c>
      <c r="E1391" s="6">
        <v>25290</v>
      </c>
      <c r="F1391" s="5" t="s">
        <v>2787</v>
      </c>
      <c r="G1391" s="5" t="s">
        <v>2788</v>
      </c>
    </row>
    <row r="1392" spans="1:7">
      <c r="A1392" s="5" t="s">
        <v>7</v>
      </c>
      <c r="B1392" s="5">
        <v>1391</v>
      </c>
      <c r="C1392" s="5" t="s">
        <v>813</v>
      </c>
      <c r="D1392" s="5" t="s">
        <v>2237</v>
      </c>
      <c r="E1392" s="6">
        <v>25290</v>
      </c>
      <c r="F1392" s="5" t="s">
        <v>2789</v>
      </c>
      <c r="G1392" s="5" t="s">
        <v>2790</v>
      </c>
    </row>
    <row r="1393" spans="1:7">
      <c r="A1393" s="5" t="s">
        <v>7</v>
      </c>
      <c r="B1393" s="5">
        <v>1392</v>
      </c>
      <c r="C1393" s="5" t="s">
        <v>813</v>
      </c>
      <c r="D1393" s="5" t="s">
        <v>2421</v>
      </c>
      <c r="E1393" s="6">
        <v>25430</v>
      </c>
      <c r="F1393" s="5" t="s">
        <v>2791</v>
      </c>
      <c r="G1393" s="5" t="s">
        <v>2792</v>
      </c>
    </row>
    <row r="1394" spans="1:7">
      <c r="A1394" s="5" t="s">
        <v>7</v>
      </c>
      <c r="B1394" s="5">
        <v>1393</v>
      </c>
      <c r="C1394" s="5" t="s">
        <v>813</v>
      </c>
      <c r="D1394" s="5" t="s">
        <v>2793</v>
      </c>
      <c r="E1394" s="6">
        <v>25269</v>
      </c>
      <c r="F1394" s="5" t="s">
        <v>2794</v>
      </c>
      <c r="G1394" s="5" t="s">
        <v>2795</v>
      </c>
    </row>
    <row r="1395" spans="1:7">
      <c r="A1395" s="5" t="s">
        <v>7</v>
      </c>
      <c r="B1395" s="5">
        <v>1394</v>
      </c>
      <c r="C1395" s="5" t="s">
        <v>813</v>
      </c>
      <c r="D1395" s="5" t="s">
        <v>2766</v>
      </c>
      <c r="E1395" s="6">
        <v>25817</v>
      </c>
      <c r="F1395" s="5" t="s">
        <v>2796</v>
      </c>
      <c r="G1395" s="5" t="s">
        <v>2797</v>
      </c>
    </row>
    <row r="1396" spans="1:7">
      <c r="A1396" s="5" t="s">
        <v>7</v>
      </c>
      <c r="B1396" s="5">
        <v>1395</v>
      </c>
      <c r="C1396" s="5" t="s">
        <v>2542</v>
      </c>
      <c r="D1396" s="5" t="s">
        <v>2798</v>
      </c>
      <c r="E1396" s="6">
        <v>8758</v>
      </c>
      <c r="F1396" s="5" t="s">
        <v>2799</v>
      </c>
      <c r="G1396" s="5" t="s">
        <v>2800</v>
      </c>
    </row>
    <row r="1397" spans="1:7">
      <c r="A1397" s="5" t="s">
        <v>7</v>
      </c>
      <c r="B1397" s="5">
        <v>1396</v>
      </c>
      <c r="C1397" s="5" t="s">
        <v>2542</v>
      </c>
      <c r="D1397" s="5" t="s">
        <v>2543</v>
      </c>
      <c r="E1397" s="6">
        <v>8001</v>
      </c>
      <c r="F1397" s="5" t="s">
        <v>2801</v>
      </c>
      <c r="G1397" s="5" t="s">
        <v>2802</v>
      </c>
    </row>
    <row r="1398" spans="1:7">
      <c r="A1398" s="5" t="s">
        <v>7</v>
      </c>
      <c r="B1398" s="5">
        <v>1397</v>
      </c>
      <c r="C1398" s="5" t="s">
        <v>2542</v>
      </c>
      <c r="D1398" s="5" t="s">
        <v>2543</v>
      </c>
      <c r="E1398" s="6">
        <v>8001</v>
      </c>
      <c r="F1398" s="5" t="s">
        <v>2803</v>
      </c>
      <c r="G1398" s="5" t="s">
        <v>2804</v>
      </c>
    </row>
    <row r="1399" spans="1:7">
      <c r="A1399" s="5" t="s">
        <v>7</v>
      </c>
      <c r="B1399" s="5">
        <v>1398</v>
      </c>
      <c r="C1399" s="5" t="s">
        <v>2542</v>
      </c>
      <c r="D1399" s="5" t="s">
        <v>2543</v>
      </c>
      <c r="E1399" s="6">
        <v>8001</v>
      </c>
      <c r="F1399" s="5" t="s">
        <v>2805</v>
      </c>
      <c r="G1399" s="5" t="s">
        <v>2806</v>
      </c>
    </row>
    <row r="1400" spans="1:7">
      <c r="A1400" s="5" t="s">
        <v>7</v>
      </c>
      <c r="B1400" s="5">
        <v>1399</v>
      </c>
      <c r="C1400" s="5" t="s">
        <v>2542</v>
      </c>
      <c r="D1400" s="5" t="s">
        <v>2543</v>
      </c>
      <c r="E1400" s="6">
        <v>8001</v>
      </c>
      <c r="F1400" s="5" t="s">
        <v>2807</v>
      </c>
      <c r="G1400" s="5" t="s">
        <v>2802</v>
      </c>
    </row>
    <row r="1401" spans="1:7">
      <c r="A1401" s="5" t="s">
        <v>7</v>
      </c>
      <c r="B1401" s="5">
        <v>1400</v>
      </c>
      <c r="C1401" s="5" t="s">
        <v>2542</v>
      </c>
      <c r="D1401" s="5" t="s">
        <v>2543</v>
      </c>
      <c r="E1401" s="6">
        <v>8001</v>
      </c>
      <c r="F1401" s="5" t="s">
        <v>2808</v>
      </c>
      <c r="G1401" s="5" t="s">
        <v>2809</v>
      </c>
    </row>
    <row r="1402" spans="1:7">
      <c r="A1402" s="5" t="s">
        <v>7</v>
      </c>
      <c r="B1402" s="5">
        <v>1401</v>
      </c>
      <c r="C1402" s="5" t="s">
        <v>2542</v>
      </c>
      <c r="D1402" s="5" t="s">
        <v>2543</v>
      </c>
      <c r="E1402" s="6">
        <v>8001</v>
      </c>
      <c r="F1402" s="5" t="s">
        <v>2810</v>
      </c>
      <c r="G1402" s="5" t="s">
        <v>2811</v>
      </c>
    </row>
    <row r="1403" spans="1:7">
      <c r="A1403" s="5" t="s">
        <v>7</v>
      </c>
      <c r="B1403" s="5">
        <v>1402</v>
      </c>
      <c r="C1403" s="5" t="s">
        <v>2542</v>
      </c>
      <c r="D1403" s="5" t="s">
        <v>2543</v>
      </c>
      <c r="E1403" s="6">
        <v>8001</v>
      </c>
      <c r="F1403" s="5" t="s">
        <v>2812</v>
      </c>
      <c r="G1403" s="5" t="s">
        <v>2813</v>
      </c>
    </row>
    <row r="1404" spans="1:7">
      <c r="A1404" s="5" t="s">
        <v>7</v>
      </c>
      <c r="B1404" s="5">
        <v>1403</v>
      </c>
      <c r="C1404" s="5" t="s">
        <v>2542</v>
      </c>
      <c r="D1404" s="5" t="s">
        <v>2543</v>
      </c>
      <c r="E1404" s="6">
        <v>8001</v>
      </c>
      <c r="F1404" s="5" t="s">
        <v>2814</v>
      </c>
      <c r="G1404" s="5" t="s">
        <v>2815</v>
      </c>
    </row>
    <row r="1405" spans="1:7">
      <c r="A1405" s="5" t="s">
        <v>7</v>
      </c>
      <c r="B1405" s="5">
        <v>1404</v>
      </c>
      <c r="C1405" s="5" t="s">
        <v>2542</v>
      </c>
      <c r="D1405" s="5" t="s">
        <v>2543</v>
      </c>
      <c r="E1405" s="6">
        <v>8001</v>
      </c>
      <c r="F1405" s="5" t="s">
        <v>2816</v>
      </c>
      <c r="G1405" s="5" t="s">
        <v>2817</v>
      </c>
    </row>
    <row r="1406" spans="1:7">
      <c r="A1406" s="5" t="s">
        <v>7</v>
      </c>
      <c r="B1406" s="5">
        <v>1405</v>
      </c>
      <c r="C1406" s="5" t="s">
        <v>2542</v>
      </c>
      <c r="D1406" s="5" t="s">
        <v>2543</v>
      </c>
      <c r="E1406" s="6">
        <v>8001</v>
      </c>
      <c r="F1406" s="5" t="s">
        <v>2818</v>
      </c>
      <c r="G1406" s="5" t="s">
        <v>2819</v>
      </c>
    </row>
    <row r="1407" spans="1:7">
      <c r="A1407" s="5" t="s">
        <v>7</v>
      </c>
      <c r="B1407" s="5">
        <v>1406</v>
      </c>
      <c r="C1407" s="5" t="s">
        <v>2542</v>
      </c>
      <c r="D1407" s="5" t="s">
        <v>2543</v>
      </c>
      <c r="E1407" s="6">
        <v>8001</v>
      </c>
      <c r="F1407" s="5" t="s">
        <v>2820</v>
      </c>
      <c r="G1407" s="5" t="s">
        <v>2821</v>
      </c>
    </row>
    <row r="1408" spans="1:7">
      <c r="A1408" s="5" t="s">
        <v>7</v>
      </c>
      <c r="B1408" s="5">
        <v>1407</v>
      </c>
      <c r="C1408" s="5" t="s">
        <v>2542</v>
      </c>
      <c r="D1408" s="5" t="s">
        <v>2543</v>
      </c>
      <c r="E1408" s="6">
        <v>8001</v>
      </c>
      <c r="F1408" s="5" t="s">
        <v>2822</v>
      </c>
      <c r="G1408" s="5" t="s">
        <v>2823</v>
      </c>
    </row>
    <row r="1409" spans="1:7">
      <c r="A1409" s="5" t="s">
        <v>7</v>
      </c>
      <c r="B1409" s="5">
        <v>1408</v>
      </c>
      <c r="C1409" s="5" t="s">
        <v>2542</v>
      </c>
      <c r="D1409" s="5" t="s">
        <v>2543</v>
      </c>
      <c r="E1409" s="6">
        <v>8001</v>
      </c>
      <c r="F1409" s="5" t="s">
        <v>2824</v>
      </c>
      <c r="G1409" s="5" t="s">
        <v>2825</v>
      </c>
    </row>
    <row r="1410" spans="1:7">
      <c r="A1410" s="5" t="s">
        <v>7</v>
      </c>
      <c r="B1410" s="5">
        <v>1409</v>
      </c>
      <c r="C1410" s="5" t="s">
        <v>2542</v>
      </c>
      <c r="D1410" s="5" t="s">
        <v>2543</v>
      </c>
      <c r="E1410" s="6">
        <v>8001</v>
      </c>
      <c r="F1410" s="5" t="s">
        <v>2826</v>
      </c>
      <c r="G1410" s="5" t="s">
        <v>2827</v>
      </c>
    </row>
    <row r="1411" spans="1:7">
      <c r="A1411" s="5" t="s">
        <v>7</v>
      </c>
      <c r="B1411" s="5">
        <v>1410</v>
      </c>
      <c r="C1411" s="5" t="s">
        <v>2542</v>
      </c>
      <c r="D1411" s="5" t="s">
        <v>2543</v>
      </c>
      <c r="E1411" s="6">
        <v>8001</v>
      </c>
      <c r="F1411" s="5" t="s">
        <v>2828</v>
      </c>
      <c r="G1411" s="5" t="s">
        <v>2829</v>
      </c>
    </row>
    <row r="1412" spans="1:7">
      <c r="A1412" s="5" t="s">
        <v>7</v>
      </c>
      <c r="B1412" s="5">
        <v>1411</v>
      </c>
      <c r="C1412" s="5" t="s">
        <v>2542</v>
      </c>
      <c r="D1412" s="5" t="s">
        <v>2543</v>
      </c>
      <c r="E1412" s="6">
        <v>8001</v>
      </c>
      <c r="F1412" s="5" t="s">
        <v>2830</v>
      </c>
      <c r="G1412" s="5" t="s">
        <v>2831</v>
      </c>
    </row>
    <row r="1413" spans="1:7">
      <c r="A1413" s="5" t="s">
        <v>7</v>
      </c>
      <c r="B1413" s="5">
        <v>1412</v>
      </c>
      <c r="C1413" s="5" t="s">
        <v>2781</v>
      </c>
      <c r="D1413" s="5" t="s">
        <v>2782</v>
      </c>
      <c r="E1413" s="6">
        <v>23001</v>
      </c>
      <c r="F1413" s="5" t="s">
        <v>2832</v>
      </c>
      <c r="G1413" s="5" t="s">
        <v>2833</v>
      </c>
    </row>
    <row r="1414" spans="1:7">
      <c r="A1414" s="5" t="s">
        <v>7</v>
      </c>
      <c r="B1414" s="5">
        <v>1413</v>
      </c>
      <c r="C1414" s="5" t="s">
        <v>2542</v>
      </c>
      <c r="D1414" s="5" t="s">
        <v>2543</v>
      </c>
      <c r="E1414" s="6">
        <v>8001</v>
      </c>
      <c r="F1414" s="5" t="s">
        <v>2834</v>
      </c>
      <c r="G1414" s="5" t="s">
        <v>2835</v>
      </c>
    </row>
    <row r="1415" spans="1:7">
      <c r="A1415" s="5" t="s">
        <v>7</v>
      </c>
      <c r="B1415" s="5">
        <v>1414</v>
      </c>
      <c r="C1415" s="5" t="s">
        <v>2542</v>
      </c>
      <c r="D1415" s="5" t="s">
        <v>2543</v>
      </c>
      <c r="E1415" s="6">
        <v>8001</v>
      </c>
      <c r="F1415" s="5" t="s">
        <v>2836</v>
      </c>
      <c r="G1415" s="5" t="s">
        <v>2837</v>
      </c>
    </row>
    <row r="1416" spans="1:7">
      <c r="A1416" s="5" t="s">
        <v>7</v>
      </c>
      <c r="B1416" s="5">
        <v>1415</v>
      </c>
      <c r="C1416" s="5" t="s">
        <v>2542</v>
      </c>
      <c r="D1416" s="5" t="s">
        <v>2543</v>
      </c>
      <c r="E1416" s="6">
        <v>8001</v>
      </c>
      <c r="F1416" s="5" t="s">
        <v>2838</v>
      </c>
      <c r="G1416" s="5" t="s">
        <v>2839</v>
      </c>
    </row>
    <row r="1417" spans="1:7">
      <c r="A1417" s="5" t="s">
        <v>7</v>
      </c>
      <c r="B1417" s="5">
        <v>1416</v>
      </c>
      <c r="C1417" s="5" t="s">
        <v>2542</v>
      </c>
      <c r="D1417" s="5" t="s">
        <v>2543</v>
      </c>
      <c r="E1417" s="6">
        <v>8001</v>
      </c>
      <c r="F1417" s="5" t="s">
        <v>2840</v>
      </c>
      <c r="G1417" s="5" t="s">
        <v>2841</v>
      </c>
    </row>
    <row r="1418" spans="1:7">
      <c r="A1418" s="5" t="s">
        <v>7</v>
      </c>
      <c r="B1418" s="5">
        <v>1417</v>
      </c>
      <c r="C1418" s="5" t="s">
        <v>813</v>
      </c>
      <c r="D1418" s="5" t="s">
        <v>2842</v>
      </c>
      <c r="E1418" s="6">
        <v>25899</v>
      </c>
      <c r="F1418" s="5" t="s">
        <v>2843</v>
      </c>
      <c r="G1418" s="5" t="s">
        <v>2844</v>
      </c>
    </row>
    <row r="1419" spans="1:7">
      <c r="A1419" s="5" t="s">
        <v>7</v>
      </c>
      <c r="B1419" s="5">
        <v>1418</v>
      </c>
      <c r="C1419" s="5" t="s">
        <v>813</v>
      </c>
      <c r="D1419" s="5" t="s">
        <v>2766</v>
      </c>
      <c r="E1419" s="6">
        <v>25817</v>
      </c>
      <c r="F1419" s="5" t="s">
        <v>2845</v>
      </c>
      <c r="G1419" s="5" t="s">
        <v>2846</v>
      </c>
    </row>
    <row r="1420" spans="1:7">
      <c r="A1420" s="5" t="s">
        <v>7</v>
      </c>
      <c r="B1420" s="5">
        <v>1419</v>
      </c>
      <c r="C1420" s="5" t="s">
        <v>8</v>
      </c>
      <c r="D1420" s="5" t="s">
        <v>8</v>
      </c>
      <c r="E1420" s="6">
        <v>11001</v>
      </c>
      <c r="F1420" s="5" t="s">
        <v>2847</v>
      </c>
      <c r="G1420" s="5" t="s">
        <v>2848</v>
      </c>
    </row>
    <row r="1421" spans="1:7">
      <c r="A1421" s="5" t="s">
        <v>7</v>
      </c>
      <c r="B1421" s="5">
        <v>1420</v>
      </c>
      <c r="C1421" s="5" t="s">
        <v>8</v>
      </c>
      <c r="D1421" s="5" t="s">
        <v>8</v>
      </c>
      <c r="E1421" s="6">
        <v>11001</v>
      </c>
      <c r="F1421" s="5" t="s">
        <v>2849</v>
      </c>
      <c r="G1421" s="5" t="s">
        <v>2850</v>
      </c>
    </row>
    <row r="1422" spans="1:7">
      <c r="A1422" s="5" t="s">
        <v>7</v>
      </c>
      <c r="B1422" s="5">
        <v>1421</v>
      </c>
      <c r="C1422" s="5" t="s">
        <v>8</v>
      </c>
      <c r="D1422" s="5" t="s">
        <v>8</v>
      </c>
      <c r="E1422" s="6">
        <v>11001</v>
      </c>
      <c r="F1422" s="5" t="s">
        <v>2851</v>
      </c>
      <c r="G1422" s="5" t="s">
        <v>2852</v>
      </c>
    </row>
    <row r="1423" spans="1:7">
      <c r="A1423" s="5" t="s">
        <v>7</v>
      </c>
      <c r="B1423" s="5">
        <v>1422</v>
      </c>
      <c r="C1423" s="5" t="s">
        <v>8</v>
      </c>
      <c r="D1423" s="5" t="s">
        <v>8</v>
      </c>
      <c r="E1423" s="6">
        <v>11001</v>
      </c>
      <c r="F1423" s="5" t="s">
        <v>2853</v>
      </c>
      <c r="G1423" s="5" t="s">
        <v>2854</v>
      </c>
    </row>
    <row r="1424" spans="1:7">
      <c r="A1424" s="5" t="s">
        <v>7</v>
      </c>
      <c r="B1424" s="5">
        <v>1423</v>
      </c>
      <c r="C1424" s="5" t="s">
        <v>2542</v>
      </c>
      <c r="D1424" s="5" t="s">
        <v>2543</v>
      </c>
      <c r="E1424" s="6">
        <v>8001</v>
      </c>
      <c r="F1424" s="5" t="s">
        <v>2855</v>
      </c>
      <c r="G1424" s="5" t="s">
        <v>2856</v>
      </c>
    </row>
    <row r="1425" spans="1:7">
      <c r="A1425" s="5" t="s">
        <v>7</v>
      </c>
      <c r="B1425" s="5">
        <v>1424</v>
      </c>
      <c r="C1425" s="5" t="s">
        <v>8</v>
      </c>
      <c r="D1425" s="5" t="s">
        <v>8</v>
      </c>
      <c r="E1425" s="6">
        <v>11001</v>
      </c>
      <c r="F1425" s="5" t="s">
        <v>2857</v>
      </c>
      <c r="G1425" s="5" t="s">
        <v>2858</v>
      </c>
    </row>
    <row r="1426" spans="1:7">
      <c r="A1426" s="5" t="s">
        <v>7</v>
      </c>
      <c r="B1426" s="5">
        <v>1425</v>
      </c>
      <c r="C1426" s="5" t="s">
        <v>8</v>
      </c>
      <c r="D1426" s="5" t="s">
        <v>8</v>
      </c>
      <c r="E1426" s="6">
        <v>11001</v>
      </c>
      <c r="F1426" s="5" t="s">
        <v>2859</v>
      </c>
      <c r="G1426" s="5" t="s">
        <v>2860</v>
      </c>
    </row>
    <row r="1427" spans="1:7">
      <c r="A1427" s="5" t="s">
        <v>7</v>
      </c>
      <c r="B1427" s="5">
        <v>1426</v>
      </c>
      <c r="C1427" s="5" t="s">
        <v>8</v>
      </c>
      <c r="D1427" s="5" t="s">
        <v>8</v>
      </c>
      <c r="E1427" s="6">
        <v>11001</v>
      </c>
      <c r="F1427" s="5" t="s">
        <v>2861</v>
      </c>
      <c r="G1427" s="5" t="s">
        <v>2862</v>
      </c>
    </row>
    <row r="1428" spans="1:7">
      <c r="A1428" s="5" t="s">
        <v>7</v>
      </c>
      <c r="B1428" s="5">
        <v>1427</v>
      </c>
      <c r="C1428" s="5" t="s">
        <v>2542</v>
      </c>
      <c r="D1428" s="5" t="s">
        <v>2543</v>
      </c>
      <c r="E1428" s="6">
        <v>8001</v>
      </c>
      <c r="F1428" s="5" t="s">
        <v>2863</v>
      </c>
      <c r="G1428" s="5" t="s">
        <v>2864</v>
      </c>
    </row>
    <row r="1429" spans="1:7">
      <c r="A1429" s="5" t="s">
        <v>7</v>
      </c>
      <c r="B1429" s="5">
        <v>1428</v>
      </c>
      <c r="C1429" s="5" t="s">
        <v>8</v>
      </c>
      <c r="D1429" s="5" t="s">
        <v>8</v>
      </c>
      <c r="E1429" s="6">
        <v>11001</v>
      </c>
      <c r="F1429" s="5" t="s">
        <v>2865</v>
      </c>
      <c r="G1429" s="5" t="s">
        <v>2866</v>
      </c>
    </row>
    <row r="1430" spans="1:7">
      <c r="A1430" s="5" t="s">
        <v>7</v>
      </c>
      <c r="B1430" s="5">
        <v>1429</v>
      </c>
      <c r="C1430" s="5" t="s">
        <v>8</v>
      </c>
      <c r="D1430" s="5" t="s">
        <v>8</v>
      </c>
      <c r="E1430" s="6">
        <v>11001</v>
      </c>
      <c r="F1430" s="5" t="s">
        <v>2867</v>
      </c>
      <c r="G1430" s="5" t="s">
        <v>2868</v>
      </c>
    </row>
    <row r="1431" spans="1:7">
      <c r="A1431" s="5" t="s">
        <v>7</v>
      </c>
      <c r="B1431" s="5">
        <v>1430</v>
      </c>
      <c r="C1431" s="5" t="s">
        <v>813</v>
      </c>
      <c r="D1431" s="5" t="s">
        <v>2290</v>
      </c>
      <c r="E1431" s="6">
        <v>25286</v>
      </c>
      <c r="F1431" s="5" t="s">
        <v>2869</v>
      </c>
      <c r="G1431" s="5" t="s">
        <v>2870</v>
      </c>
    </row>
    <row r="1432" spans="1:7">
      <c r="A1432" s="5" t="s">
        <v>7</v>
      </c>
      <c r="B1432" s="5">
        <v>1431</v>
      </c>
      <c r="C1432" s="5" t="s">
        <v>8</v>
      </c>
      <c r="D1432" s="5" t="s">
        <v>8</v>
      </c>
      <c r="E1432" s="6">
        <v>11001</v>
      </c>
      <c r="F1432" s="5" t="s">
        <v>2871</v>
      </c>
      <c r="G1432" s="5" t="s">
        <v>2872</v>
      </c>
    </row>
    <row r="1433" spans="1:7">
      <c r="A1433" s="5" t="s">
        <v>7</v>
      </c>
      <c r="B1433" s="5">
        <v>1432</v>
      </c>
      <c r="C1433" s="5" t="s">
        <v>8</v>
      </c>
      <c r="D1433" s="5" t="s">
        <v>8</v>
      </c>
      <c r="E1433" s="6">
        <v>11001</v>
      </c>
      <c r="F1433" s="5" t="s">
        <v>2873</v>
      </c>
      <c r="G1433" s="5" t="s">
        <v>2874</v>
      </c>
    </row>
    <row r="1434" spans="1:7">
      <c r="A1434" s="5" t="s">
        <v>7</v>
      </c>
      <c r="B1434" s="5">
        <v>1433</v>
      </c>
      <c r="C1434" s="5" t="s">
        <v>8</v>
      </c>
      <c r="D1434" s="5" t="s">
        <v>8</v>
      </c>
      <c r="E1434" s="6">
        <v>11001</v>
      </c>
      <c r="F1434" s="5" t="s">
        <v>2875</v>
      </c>
      <c r="G1434" s="5" t="s">
        <v>2876</v>
      </c>
    </row>
    <row r="1435" spans="1:7">
      <c r="A1435" s="5" t="s">
        <v>7</v>
      </c>
      <c r="B1435" s="5">
        <v>1434</v>
      </c>
      <c r="C1435" s="5" t="s">
        <v>813</v>
      </c>
      <c r="D1435" s="5" t="s">
        <v>2290</v>
      </c>
      <c r="E1435" s="6">
        <v>25286</v>
      </c>
      <c r="F1435" s="5" t="s">
        <v>2877</v>
      </c>
      <c r="G1435" s="5" t="s">
        <v>2878</v>
      </c>
    </row>
    <row r="1436" spans="1:7">
      <c r="A1436" s="5" t="s">
        <v>7</v>
      </c>
      <c r="B1436" s="5">
        <v>1435</v>
      </c>
      <c r="C1436" s="5" t="s">
        <v>8</v>
      </c>
      <c r="D1436" s="5" t="s">
        <v>8</v>
      </c>
      <c r="E1436" s="6">
        <v>11001</v>
      </c>
      <c r="F1436" s="5" t="s">
        <v>2879</v>
      </c>
      <c r="G1436" s="5" t="s">
        <v>2880</v>
      </c>
    </row>
    <row r="1437" spans="1:7">
      <c r="A1437" s="5" t="s">
        <v>7</v>
      </c>
      <c r="B1437" s="5">
        <v>1436</v>
      </c>
      <c r="C1437" s="5" t="s">
        <v>8</v>
      </c>
      <c r="D1437" s="5" t="s">
        <v>8</v>
      </c>
      <c r="E1437" s="6">
        <v>11001</v>
      </c>
      <c r="F1437" s="5" t="s">
        <v>2881</v>
      </c>
      <c r="G1437" s="5" t="s">
        <v>2882</v>
      </c>
    </row>
    <row r="1438" spans="1:7">
      <c r="A1438" s="5" t="s">
        <v>7</v>
      </c>
      <c r="B1438" s="5">
        <v>1437</v>
      </c>
      <c r="C1438" s="5" t="s">
        <v>8</v>
      </c>
      <c r="D1438" s="5" t="s">
        <v>8</v>
      </c>
      <c r="E1438" s="6">
        <v>11001</v>
      </c>
      <c r="F1438" s="5" t="s">
        <v>2883</v>
      </c>
      <c r="G1438" s="5" t="s">
        <v>2884</v>
      </c>
    </row>
    <row r="1439" spans="1:7">
      <c r="A1439" s="5" t="s">
        <v>7</v>
      </c>
      <c r="B1439" s="5">
        <v>1438</v>
      </c>
      <c r="C1439" s="5" t="s">
        <v>813</v>
      </c>
      <c r="D1439" s="5" t="s">
        <v>2755</v>
      </c>
      <c r="E1439" s="6">
        <v>25473</v>
      </c>
      <c r="F1439" s="5" t="s">
        <v>2885</v>
      </c>
      <c r="G1439" s="5" t="s">
        <v>2886</v>
      </c>
    </row>
    <row r="1440" spans="1:7">
      <c r="A1440" s="5" t="s">
        <v>7</v>
      </c>
      <c r="B1440" s="5">
        <v>1439</v>
      </c>
      <c r="C1440" s="5" t="s">
        <v>8</v>
      </c>
      <c r="D1440" s="5" t="s">
        <v>8</v>
      </c>
      <c r="E1440" s="6">
        <v>11001</v>
      </c>
      <c r="F1440" s="5" t="s">
        <v>2887</v>
      </c>
      <c r="G1440" s="5" t="s">
        <v>2888</v>
      </c>
    </row>
    <row r="1441" spans="1:7">
      <c r="A1441" s="5" t="s">
        <v>7</v>
      </c>
      <c r="B1441" s="5">
        <v>1440</v>
      </c>
      <c r="C1441" s="5" t="s">
        <v>8</v>
      </c>
      <c r="D1441" s="5" t="s">
        <v>8</v>
      </c>
      <c r="E1441" s="6">
        <v>11001</v>
      </c>
      <c r="F1441" s="5" t="s">
        <v>2889</v>
      </c>
      <c r="G1441" s="5" t="s">
        <v>2890</v>
      </c>
    </row>
    <row r="1442" spans="1:7">
      <c r="A1442" s="5" t="s">
        <v>7</v>
      </c>
      <c r="B1442" s="5">
        <v>1441</v>
      </c>
      <c r="C1442" s="5" t="s">
        <v>2891</v>
      </c>
      <c r="D1442" s="5" t="s">
        <v>2892</v>
      </c>
      <c r="E1442" s="6">
        <v>13001</v>
      </c>
      <c r="F1442" s="5" t="s">
        <v>2893</v>
      </c>
      <c r="G1442" s="5" t="s">
        <v>2894</v>
      </c>
    </row>
    <row r="1443" spans="1:7">
      <c r="A1443" s="5" t="s">
        <v>7</v>
      </c>
      <c r="B1443" s="5">
        <v>1442</v>
      </c>
      <c r="C1443" s="5" t="s">
        <v>8</v>
      </c>
      <c r="D1443" s="5" t="s">
        <v>8</v>
      </c>
      <c r="E1443" s="6">
        <v>11001</v>
      </c>
      <c r="F1443" s="5" t="s">
        <v>2895</v>
      </c>
      <c r="G1443" s="5" t="s">
        <v>2896</v>
      </c>
    </row>
    <row r="1444" spans="1:7">
      <c r="A1444" s="5" t="s">
        <v>7</v>
      </c>
      <c r="B1444" s="5">
        <v>1443</v>
      </c>
      <c r="C1444" s="5" t="s">
        <v>2542</v>
      </c>
      <c r="D1444" s="5" t="s">
        <v>2543</v>
      </c>
      <c r="E1444" s="6">
        <v>8001</v>
      </c>
      <c r="F1444" s="5" t="s">
        <v>2897</v>
      </c>
      <c r="G1444" s="5" t="s">
        <v>2898</v>
      </c>
    </row>
    <row r="1445" spans="1:7">
      <c r="A1445" s="5" t="s">
        <v>7</v>
      </c>
      <c r="B1445" s="5">
        <v>1444</v>
      </c>
      <c r="C1445" s="5" t="s">
        <v>813</v>
      </c>
      <c r="D1445" s="5" t="s">
        <v>2421</v>
      </c>
      <c r="E1445" s="6">
        <v>25430</v>
      </c>
      <c r="F1445" s="5" t="s">
        <v>2899</v>
      </c>
      <c r="G1445" s="5" t="s">
        <v>2900</v>
      </c>
    </row>
    <row r="1446" spans="1:7">
      <c r="A1446" s="5" t="s">
        <v>7</v>
      </c>
      <c r="B1446" s="5">
        <v>1445</v>
      </c>
      <c r="C1446" s="5" t="s">
        <v>8</v>
      </c>
      <c r="D1446" s="5" t="s">
        <v>8</v>
      </c>
      <c r="E1446" s="6">
        <v>11001</v>
      </c>
      <c r="F1446" s="5" t="s">
        <v>2901</v>
      </c>
      <c r="G1446" s="5" t="s">
        <v>2902</v>
      </c>
    </row>
    <row r="1447" spans="1:7">
      <c r="A1447" s="5" t="s">
        <v>7</v>
      </c>
      <c r="B1447" s="5">
        <v>1446</v>
      </c>
      <c r="C1447" s="5" t="s">
        <v>8</v>
      </c>
      <c r="D1447" s="5" t="s">
        <v>8</v>
      </c>
      <c r="E1447" s="6">
        <v>11001</v>
      </c>
      <c r="F1447" s="5" t="s">
        <v>2903</v>
      </c>
      <c r="G1447" s="5" t="s">
        <v>2904</v>
      </c>
    </row>
    <row r="1448" spans="1:7">
      <c r="A1448" s="5" t="s">
        <v>7</v>
      </c>
      <c r="B1448" s="5">
        <v>1447</v>
      </c>
      <c r="C1448" s="5" t="s">
        <v>8</v>
      </c>
      <c r="D1448" s="5" t="s">
        <v>8</v>
      </c>
      <c r="E1448" s="6">
        <v>11001</v>
      </c>
      <c r="F1448" s="5" t="s">
        <v>2905</v>
      </c>
      <c r="G1448" s="5" t="s">
        <v>2906</v>
      </c>
    </row>
    <row r="1449" spans="1:7">
      <c r="A1449" s="5" t="s">
        <v>7</v>
      </c>
      <c r="B1449" s="5">
        <v>1448</v>
      </c>
      <c r="C1449" s="5" t="s">
        <v>8</v>
      </c>
      <c r="D1449" s="5" t="s">
        <v>8</v>
      </c>
      <c r="E1449" s="6">
        <v>11001</v>
      </c>
      <c r="F1449" s="5" t="s">
        <v>2907</v>
      </c>
      <c r="G1449" s="5" t="s">
        <v>2908</v>
      </c>
    </row>
    <row r="1450" spans="1:7">
      <c r="A1450" s="5" t="s">
        <v>7</v>
      </c>
      <c r="B1450" s="5">
        <v>1449</v>
      </c>
      <c r="C1450" s="5" t="s">
        <v>8</v>
      </c>
      <c r="D1450" s="5" t="s">
        <v>8</v>
      </c>
      <c r="E1450" s="6">
        <v>11001</v>
      </c>
      <c r="F1450" s="5" t="s">
        <v>2909</v>
      </c>
      <c r="G1450" s="5" t="s">
        <v>2910</v>
      </c>
    </row>
    <row r="1451" spans="1:7">
      <c r="A1451" s="5" t="s">
        <v>7</v>
      </c>
      <c r="B1451" s="5">
        <v>1450</v>
      </c>
      <c r="C1451" s="5" t="s">
        <v>8</v>
      </c>
      <c r="D1451" s="5" t="s">
        <v>8</v>
      </c>
      <c r="E1451" s="6">
        <v>11001</v>
      </c>
      <c r="F1451" s="5" t="s">
        <v>2911</v>
      </c>
      <c r="G1451" s="5" t="s">
        <v>2912</v>
      </c>
    </row>
    <row r="1452" spans="1:7">
      <c r="A1452" s="5" t="s">
        <v>7</v>
      </c>
      <c r="B1452" s="5">
        <v>1451</v>
      </c>
      <c r="C1452" s="5" t="s">
        <v>8</v>
      </c>
      <c r="D1452" s="5" t="s">
        <v>8</v>
      </c>
      <c r="E1452" s="6">
        <v>11001</v>
      </c>
      <c r="F1452" s="5" t="s">
        <v>2913</v>
      </c>
      <c r="G1452" s="5" t="s">
        <v>2914</v>
      </c>
    </row>
    <row r="1453" spans="1:7">
      <c r="A1453" s="5" t="s">
        <v>7</v>
      </c>
      <c r="B1453" s="5">
        <v>1452</v>
      </c>
      <c r="C1453" s="5" t="s">
        <v>8</v>
      </c>
      <c r="D1453" s="5" t="s">
        <v>8</v>
      </c>
      <c r="E1453" s="6">
        <v>11001</v>
      </c>
      <c r="F1453" s="5" t="s">
        <v>2915</v>
      </c>
      <c r="G1453" s="5" t="s">
        <v>2916</v>
      </c>
    </row>
    <row r="1454" spans="1:7">
      <c r="A1454" s="5" t="s">
        <v>7</v>
      </c>
      <c r="B1454" s="5">
        <v>1453</v>
      </c>
      <c r="C1454" s="5" t="s">
        <v>8</v>
      </c>
      <c r="D1454" s="5" t="s">
        <v>8</v>
      </c>
      <c r="E1454" s="6">
        <v>11001</v>
      </c>
      <c r="F1454" s="5" t="s">
        <v>2917</v>
      </c>
      <c r="G1454" s="5" t="s">
        <v>2918</v>
      </c>
    </row>
    <row r="1455" spans="1:7">
      <c r="A1455" s="5" t="s">
        <v>7</v>
      </c>
      <c r="B1455" s="5">
        <v>1454</v>
      </c>
      <c r="C1455" s="5" t="s">
        <v>8</v>
      </c>
      <c r="D1455" s="5" t="s">
        <v>8</v>
      </c>
      <c r="E1455" s="6">
        <v>11001</v>
      </c>
      <c r="F1455" s="5" t="s">
        <v>2919</v>
      </c>
      <c r="G1455" s="5" t="s">
        <v>2920</v>
      </c>
    </row>
    <row r="1456" spans="1:7">
      <c r="A1456" s="5" t="s">
        <v>7</v>
      </c>
      <c r="B1456" s="5">
        <v>1455</v>
      </c>
      <c r="C1456" s="5" t="s">
        <v>8</v>
      </c>
      <c r="D1456" s="5" t="s">
        <v>8</v>
      </c>
      <c r="E1456" s="6">
        <v>11001</v>
      </c>
      <c r="F1456" s="5" t="s">
        <v>2921</v>
      </c>
      <c r="G1456" s="5" t="s">
        <v>2922</v>
      </c>
    </row>
    <row r="1457" spans="1:7">
      <c r="A1457" s="5" t="s">
        <v>7</v>
      </c>
      <c r="B1457" s="5">
        <v>1456</v>
      </c>
      <c r="C1457" s="5" t="s">
        <v>8</v>
      </c>
      <c r="D1457" s="5" t="s">
        <v>8</v>
      </c>
      <c r="E1457" s="6">
        <v>11001</v>
      </c>
      <c r="F1457" s="5" t="s">
        <v>2923</v>
      </c>
      <c r="G1457" s="5" t="s">
        <v>2924</v>
      </c>
    </row>
    <row r="1458" spans="1:7">
      <c r="A1458" s="5" t="s">
        <v>7</v>
      </c>
      <c r="B1458" s="5">
        <v>1457</v>
      </c>
      <c r="C1458" s="5" t="s">
        <v>8</v>
      </c>
      <c r="D1458" s="5" t="s">
        <v>8</v>
      </c>
      <c r="E1458" s="6">
        <v>11001</v>
      </c>
      <c r="F1458" s="5" t="s">
        <v>2925</v>
      </c>
      <c r="G1458" s="5" t="s">
        <v>2926</v>
      </c>
    </row>
    <row r="1459" spans="1:7">
      <c r="A1459" s="5" t="s">
        <v>7</v>
      </c>
      <c r="B1459" s="5">
        <v>1458</v>
      </c>
      <c r="C1459" s="5" t="s">
        <v>8</v>
      </c>
      <c r="D1459" s="5" t="s">
        <v>8</v>
      </c>
      <c r="E1459" s="6">
        <v>11001</v>
      </c>
      <c r="F1459" s="5" t="s">
        <v>2927</v>
      </c>
      <c r="G1459" s="5" t="s">
        <v>2928</v>
      </c>
    </row>
    <row r="1460" spans="1:7">
      <c r="A1460" s="5" t="s">
        <v>7</v>
      </c>
      <c r="B1460" s="5">
        <v>1459</v>
      </c>
      <c r="C1460" s="5" t="s">
        <v>2929</v>
      </c>
      <c r="D1460" s="5" t="s">
        <v>2930</v>
      </c>
      <c r="E1460" s="6">
        <v>73352</v>
      </c>
      <c r="F1460" s="5" t="s">
        <v>2931</v>
      </c>
      <c r="G1460" s="5" t="s">
        <v>2932</v>
      </c>
    </row>
    <row r="1461" spans="1:7">
      <c r="A1461" s="5" t="s">
        <v>7</v>
      </c>
      <c r="B1461" s="5">
        <v>1460</v>
      </c>
      <c r="C1461" s="5" t="s">
        <v>8</v>
      </c>
      <c r="D1461" s="5" t="s">
        <v>8</v>
      </c>
      <c r="E1461" s="6">
        <v>11001</v>
      </c>
      <c r="F1461" s="5" t="s">
        <v>2933</v>
      </c>
      <c r="G1461" s="5" t="s">
        <v>2934</v>
      </c>
    </row>
    <row r="1462" spans="1:7">
      <c r="A1462" s="5" t="s">
        <v>7</v>
      </c>
      <c r="B1462" s="5">
        <v>1461</v>
      </c>
      <c r="C1462" s="5" t="s">
        <v>8</v>
      </c>
      <c r="D1462" s="5" t="s">
        <v>8</v>
      </c>
      <c r="E1462" s="6">
        <v>11001</v>
      </c>
      <c r="F1462" s="5" t="s">
        <v>2935</v>
      </c>
      <c r="G1462" s="5" t="s">
        <v>2936</v>
      </c>
    </row>
    <row r="1463" spans="1:7">
      <c r="A1463" s="5" t="s">
        <v>7</v>
      </c>
      <c r="B1463" s="5">
        <v>1462</v>
      </c>
      <c r="C1463" s="5" t="s">
        <v>8</v>
      </c>
      <c r="D1463" s="5" t="s">
        <v>8</v>
      </c>
      <c r="E1463" s="6">
        <v>11001</v>
      </c>
      <c r="F1463" s="5" t="s">
        <v>2937</v>
      </c>
      <c r="G1463" s="5" t="s">
        <v>2938</v>
      </c>
    </row>
    <row r="1464" spans="1:7">
      <c r="A1464" s="5" t="s">
        <v>7</v>
      </c>
      <c r="B1464" s="5">
        <v>1463</v>
      </c>
      <c r="C1464" s="5" t="s">
        <v>8</v>
      </c>
      <c r="D1464" s="5" t="s">
        <v>8</v>
      </c>
      <c r="E1464" s="6">
        <v>11001</v>
      </c>
      <c r="F1464" s="5" t="s">
        <v>2939</v>
      </c>
      <c r="G1464" s="5" t="s">
        <v>2940</v>
      </c>
    </row>
    <row r="1465" spans="1:7">
      <c r="A1465" s="5" t="s">
        <v>7</v>
      </c>
      <c r="B1465" s="5">
        <v>1464</v>
      </c>
      <c r="C1465" s="5" t="s">
        <v>813</v>
      </c>
      <c r="D1465" s="5" t="s">
        <v>2290</v>
      </c>
      <c r="E1465" s="6">
        <v>25286</v>
      </c>
      <c r="F1465" s="5" t="s">
        <v>2941</v>
      </c>
      <c r="G1465" s="5" t="s">
        <v>2942</v>
      </c>
    </row>
    <row r="1466" spans="1:7">
      <c r="A1466" s="5" t="s">
        <v>7</v>
      </c>
      <c r="B1466" s="5">
        <v>1465</v>
      </c>
      <c r="C1466" s="5" t="s">
        <v>813</v>
      </c>
      <c r="D1466" s="5" t="s">
        <v>2421</v>
      </c>
      <c r="E1466" s="6">
        <v>25430</v>
      </c>
      <c r="F1466" s="5" t="s">
        <v>2943</v>
      </c>
      <c r="G1466" s="5" t="s">
        <v>2944</v>
      </c>
    </row>
    <row r="1467" spans="1:7">
      <c r="A1467" s="5" t="s">
        <v>7</v>
      </c>
      <c r="B1467" s="5">
        <v>1466</v>
      </c>
      <c r="C1467" s="5" t="s">
        <v>8</v>
      </c>
      <c r="D1467" s="5" t="s">
        <v>8</v>
      </c>
      <c r="E1467" s="6">
        <v>11001</v>
      </c>
      <c r="F1467" s="5" t="s">
        <v>2945</v>
      </c>
      <c r="G1467" s="5" t="s">
        <v>2946</v>
      </c>
    </row>
    <row r="1468" spans="1:7">
      <c r="A1468" s="5" t="s">
        <v>7</v>
      </c>
      <c r="B1468" s="5">
        <v>1467</v>
      </c>
      <c r="C1468" s="5" t="s">
        <v>2542</v>
      </c>
      <c r="D1468" s="5" t="s">
        <v>2543</v>
      </c>
      <c r="E1468" s="6">
        <v>8001</v>
      </c>
      <c r="F1468" s="5" t="s">
        <v>2947</v>
      </c>
      <c r="G1468" s="5" t="s">
        <v>2948</v>
      </c>
    </row>
    <row r="1469" spans="1:7">
      <c r="A1469" s="5" t="s">
        <v>7</v>
      </c>
      <c r="B1469" s="5">
        <v>1468</v>
      </c>
      <c r="C1469" s="5" t="s">
        <v>813</v>
      </c>
      <c r="D1469" s="5" t="s">
        <v>2290</v>
      </c>
      <c r="E1469" s="6">
        <v>25286</v>
      </c>
      <c r="F1469" s="5" t="s">
        <v>2949</v>
      </c>
      <c r="G1469" s="5" t="s">
        <v>2950</v>
      </c>
    </row>
    <row r="1470" spans="1:7">
      <c r="A1470" s="5" t="s">
        <v>7</v>
      </c>
      <c r="B1470" s="5">
        <v>1469</v>
      </c>
      <c r="C1470" s="5" t="s">
        <v>813</v>
      </c>
      <c r="D1470" s="5" t="s">
        <v>2290</v>
      </c>
      <c r="E1470" s="6">
        <v>25286</v>
      </c>
      <c r="F1470" s="5" t="s">
        <v>2951</v>
      </c>
      <c r="G1470" s="5" t="s">
        <v>2950</v>
      </c>
    </row>
    <row r="1471" spans="1:7">
      <c r="A1471" s="5" t="s">
        <v>7</v>
      </c>
      <c r="B1471" s="5">
        <v>1470</v>
      </c>
      <c r="C1471" s="5" t="s">
        <v>813</v>
      </c>
      <c r="D1471" s="5" t="s">
        <v>2755</v>
      </c>
      <c r="E1471" s="6">
        <v>25473</v>
      </c>
      <c r="F1471" s="5" t="s">
        <v>2952</v>
      </c>
      <c r="G1471" s="5" t="s">
        <v>2953</v>
      </c>
    </row>
    <row r="1472" spans="1:7">
      <c r="A1472" s="5" t="s">
        <v>7</v>
      </c>
      <c r="B1472" s="5">
        <v>1471</v>
      </c>
      <c r="C1472" s="5" t="s">
        <v>813</v>
      </c>
      <c r="D1472" s="5" t="s">
        <v>2290</v>
      </c>
      <c r="E1472" s="6">
        <v>25286</v>
      </c>
      <c r="F1472" s="5" t="s">
        <v>2954</v>
      </c>
      <c r="G1472" s="5" t="s">
        <v>2955</v>
      </c>
    </row>
    <row r="1473" spans="1:7">
      <c r="A1473" s="5" t="s">
        <v>7</v>
      </c>
      <c r="B1473" s="5">
        <v>1472</v>
      </c>
      <c r="C1473" s="5" t="s">
        <v>8</v>
      </c>
      <c r="D1473" s="5" t="s">
        <v>8</v>
      </c>
      <c r="E1473" s="6">
        <v>11001</v>
      </c>
      <c r="F1473" s="5" t="s">
        <v>2956</v>
      </c>
      <c r="G1473" s="5" t="s">
        <v>2957</v>
      </c>
    </row>
    <row r="1474" spans="1:7">
      <c r="A1474" s="5" t="s">
        <v>7</v>
      </c>
      <c r="B1474" s="5">
        <v>1473</v>
      </c>
      <c r="C1474" s="5" t="s">
        <v>2542</v>
      </c>
      <c r="D1474" s="5" t="s">
        <v>2543</v>
      </c>
      <c r="E1474" s="6">
        <v>8001</v>
      </c>
      <c r="F1474" s="5" t="s">
        <v>2958</v>
      </c>
      <c r="G1474" s="5" t="s">
        <v>2827</v>
      </c>
    </row>
    <row r="1475" spans="1:7">
      <c r="A1475" s="5" t="s">
        <v>7</v>
      </c>
      <c r="B1475" s="5">
        <v>1474</v>
      </c>
      <c r="C1475" s="5" t="s">
        <v>2891</v>
      </c>
      <c r="D1475" s="5" t="s">
        <v>2892</v>
      </c>
      <c r="E1475" s="6">
        <v>13001</v>
      </c>
      <c r="F1475" s="5" t="s">
        <v>2818</v>
      </c>
      <c r="G1475" s="5" t="s">
        <v>2959</v>
      </c>
    </row>
    <row r="1476" spans="1:7">
      <c r="A1476" s="5" t="s">
        <v>7</v>
      </c>
      <c r="B1476" s="5">
        <v>1475</v>
      </c>
      <c r="C1476" s="5" t="s">
        <v>813</v>
      </c>
      <c r="D1476" s="5" t="s">
        <v>2290</v>
      </c>
      <c r="E1476" s="6">
        <v>25286</v>
      </c>
      <c r="F1476" s="5" t="s">
        <v>2960</v>
      </c>
      <c r="G1476" s="5" t="s">
        <v>2961</v>
      </c>
    </row>
    <row r="1477" spans="1:7">
      <c r="A1477" s="5" t="s">
        <v>7</v>
      </c>
      <c r="B1477" s="5">
        <v>1476</v>
      </c>
      <c r="C1477" s="5" t="s">
        <v>2891</v>
      </c>
      <c r="D1477" s="5" t="s">
        <v>2892</v>
      </c>
      <c r="E1477" s="6">
        <v>13001</v>
      </c>
      <c r="F1477" s="5" t="s">
        <v>2962</v>
      </c>
      <c r="G1477" s="5" t="s">
        <v>2963</v>
      </c>
    </row>
    <row r="1478" spans="1:7">
      <c r="A1478" s="5" t="s">
        <v>7</v>
      </c>
      <c r="B1478" s="5">
        <v>1477</v>
      </c>
      <c r="C1478" s="5" t="s">
        <v>2891</v>
      </c>
      <c r="D1478" s="5" t="s">
        <v>2892</v>
      </c>
      <c r="E1478" s="6">
        <v>13001</v>
      </c>
      <c r="F1478" s="5" t="s">
        <v>2964</v>
      </c>
      <c r="G1478" s="5" t="s">
        <v>2965</v>
      </c>
    </row>
    <row r="1479" spans="1:7">
      <c r="A1479" s="5" t="s">
        <v>7</v>
      </c>
      <c r="B1479" s="5">
        <v>1478</v>
      </c>
      <c r="C1479" s="5" t="s">
        <v>2891</v>
      </c>
      <c r="D1479" s="5" t="s">
        <v>2892</v>
      </c>
      <c r="E1479" s="6">
        <v>13001</v>
      </c>
      <c r="F1479" s="5" t="s">
        <v>2966</v>
      </c>
      <c r="G1479" s="5" t="s">
        <v>2967</v>
      </c>
    </row>
    <row r="1480" spans="1:7">
      <c r="A1480" s="5" t="s">
        <v>7</v>
      </c>
      <c r="B1480" s="5">
        <v>1479</v>
      </c>
      <c r="C1480" s="5" t="s">
        <v>8</v>
      </c>
      <c r="D1480" s="5" t="s">
        <v>8</v>
      </c>
      <c r="E1480" s="6">
        <v>11001</v>
      </c>
      <c r="F1480" s="5" t="s">
        <v>2968</v>
      </c>
      <c r="G1480" s="5" t="s">
        <v>2969</v>
      </c>
    </row>
    <row r="1481" spans="1:7">
      <c r="A1481" s="5" t="s">
        <v>7</v>
      </c>
      <c r="B1481" s="5">
        <v>1480</v>
      </c>
      <c r="C1481" s="5" t="s">
        <v>8</v>
      </c>
      <c r="D1481" s="5" t="s">
        <v>8</v>
      </c>
      <c r="E1481" s="6">
        <v>11001</v>
      </c>
      <c r="F1481" s="5" t="s">
        <v>2970</v>
      </c>
      <c r="G1481" s="5" t="s">
        <v>2971</v>
      </c>
    </row>
    <row r="1482" spans="1:7">
      <c r="A1482" s="5" t="s">
        <v>7</v>
      </c>
      <c r="B1482" s="5">
        <v>1481</v>
      </c>
      <c r="C1482" s="5" t="s">
        <v>8</v>
      </c>
      <c r="D1482" s="5" t="s">
        <v>8</v>
      </c>
      <c r="E1482" s="6">
        <v>11001</v>
      </c>
      <c r="F1482" s="5" t="s">
        <v>2972</v>
      </c>
      <c r="G1482" s="5" t="s">
        <v>2973</v>
      </c>
    </row>
    <row r="1483" spans="1:7">
      <c r="A1483" s="5" t="s">
        <v>7</v>
      </c>
      <c r="B1483" s="5">
        <v>1482</v>
      </c>
      <c r="C1483" s="5" t="s">
        <v>813</v>
      </c>
      <c r="D1483" s="5" t="s">
        <v>2974</v>
      </c>
      <c r="E1483" s="6">
        <v>25799</v>
      </c>
      <c r="F1483" s="5" t="s">
        <v>2975</v>
      </c>
      <c r="G1483" s="5" t="s">
        <v>2976</v>
      </c>
    </row>
    <row r="1484" spans="1:7">
      <c r="A1484" s="5" t="s">
        <v>7</v>
      </c>
      <c r="B1484" s="5">
        <v>1483</v>
      </c>
      <c r="C1484" s="5" t="s">
        <v>8</v>
      </c>
      <c r="D1484" s="5" t="s">
        <v>8</v>
      </c>
      <c r="E1484" s="6">
        <v>11001</v>
      </c>
      <c r="F1484" s="5" t="s">
        <v>2977</v>
      </c>
      <c r="G1484" s="5" t="s">
        <v>2978</v>
      </c>
    </row>
    <row r="1485" spans="1:7">
      <c r="A1485" s="5" t="s">
        <v>7</v>
      </c>
      <c r="B1485" s="5">
        <v>1484</v>
      </c>
      <c r="C1485" s="5" t="s">
        <v>8</v>
      </c>
      <c r="D1485" s="5" t="s">
        <v>8</v>
      </c>
      <c r="E1485" s="6">
        <v>11001</v>
      </c>
      <c r="F1485" s="5" t="s">
        <v>2979</v>
      </c>
      <c r="G1485" s="5" t="s">
        <v>2980</v>
      </c>
    </row>
    <row r="1486" spans="1:7">
      <c r="A1486" s="5" t="s">
        <v>7</v>
      </c>
      <c r="B1486" s="5">
        <v>1485</v>
      </c>
      <c r="C1486" s="5" t="s">
        <v>8</v>
      </c>
      <c r="D1486" s="5" t="s">
        <v>8</v>
      </c>
      <c r="E1486" s="6">
        <v>11001</v>
      </c>
      <c r="F1486" s="5" t="s">
        <v>2981</v>
      </c>
      <c r="G1486" s="5" t="s">
        <v>2982</v>
      </c>
    </row>
    <row r="1487" spans="1:7">
      <c r="A1487" s="5" t="s">
        <v>7</v>
      </c>
      <c r="B1487" s="5">
        <v>1486</v>
      </c>
      <c r="C1487" s="5" t="s">
        <v>8</v>
      </c>
      <c r="D1487" s="5" t="s">
        <v>8</v>
      </c>
      <c r="E1487" s="6">
        <v>11001</v>
      </c>
      <c r="F1487" s="5" t="s">
        <v>2983</v>
      </c>
      <c r="G1487" s="5" t="s">
        <v>2984</v>
      </c>
    </row>
    <row r="1488" spans="1:7">
      <c r="A1488" s="5" t="s">
        <v>7</v>
      </c>
      <c r="B1488" s="5">
        <v>1487</v>
      </c>
      <c r="C1488" s="5" t="s">
        <v>8</v>
      </c>
      <c r="D1488" s="5" t="s">
        <v>8</v>
      </c>
      <c r="E1488" s="6">
        <v>11001</v>
      </c>
      <c r="F1488" s="5" t="s">
        <v>2985</v>
      </c>
      <c r="G1488" s="5" t="s">
        <v>2986</v>
      </c>
    </row>
    <row r="1489" spans="1:7">
      <c r="A1489" s="5" t="s">
        <v>7</v>
      </c>
      <c r="B1489" s="5">
        <v>1488</v>
      </c>
      <c r="C1489" s="5" t="s">
        <v>8</v>
      </c>
      <c r="D1489" s="5" t="s">
        <v>8</v>
      </c>
      <c r="E1489" s="6">
        <v>11001</v>
      </c>
      <c r="F1489" s="5" t="s">
        <v>2987</v>
      </c>
      <c r="G1489" s="5" t="s">
        <v>2988</v>
      </c>
    </row>
    <row r="1490" spans="1:7">
      <c r="A1490" s="5" t="s">
        <v>7</v>
      </c>
      <c r="B1490" s="5">
        <v>1489</v>
      </c>
      <c r="C1490" s="5" t="s">
        <v>8</v>
      </c>
      <c r="D1490" s="5" t="s">
        <v>8</v>
      </c>
      <c r="E1490" s="6">
        <v>11001</v>
      </c>
      <c r="F1490" s="5" t="s">
        <v>2989</v>
      </c>
      <c r="G1490" s="5" t="s">
        <v>2990</v>
      </c>
    </row>
    <row r="1491" spans="1:7">
      <c r="A1491" s="5" t="s">
        <v>7</v>
      </c>
      <c r="B1491" s="5">
        <v>1490</v>
      </c>
      <c r="C1491" s="5" t="s">
        <v>8</v>
      </c>
      <c r="D1491" s="5" t="s">
        <v>8</v>
      </c>
      <c r="E1491" s="6">
        <v>11001</v>
      </c>
      <c r="F1491" s="5" t="s">
        <v>2991</v>
      </c>
      <c r="G1491" s="5" t="s">
        <v>2992</v>
      </c>
    </row>
    <row r="1492" spans="1:7">
      <c r="A1492" s="5" t="s">
        <v>7</v>
      </c>
      <c r="B1492" s="5">
        <v>1491</v>
      </c>
      <c r="C1492" s="5" t="s">
        <v>8</v>
      </c>
      <c r="D1492" s="5" t="s">
        <v>8</v>
      </c>
      <c r="E1492" s="6">
        <v>11001</v>
      </c>
      <c r="F1492" s="5" t="s">
        <v>2993</v>
      </c>
      <c r="G1492" s="5" t="s">
        <v>2994</v>
      </c>
    </row>
    <row r="1493" spans="1:7">
      <c r="A1493" s="5" t="s">
        <v>7</v>
      </c>
      <c r="B1493" s="5">
        <v>1492</v>
      </c>
      <c r="C1493" s="5" t="s">
        <v>813</v>
      </c>
      <c r="D1493" s="5" t="s">
        <v>2755</v>
      </c>
      <c r="E1493" s="6">
        <v>25473</v>
      </c>
      <c r="F1493" s="5" t="s">
        <v>2995</v>
      </c>
      <c r="G1493" s="5" t="s">
        <v>2996</v>
      </c>
    </row>
    <row r="1494" spans="1:7">
      <c r="A1494" s="5" t="s">
        <v>7</v>
      </c>
      <c r="B1494" s="5">
        <v>1493</v>
      </c>
      <c r="C1494" s="5" t="s">
        <v>813</v>
      </c>
      <c r="D1494" s="5" t="s">
        <v>2997</v>
      </c>
      <c r="E1494" s="6">
        <v>25815</v>
      </c>
      <c r="F1494" s="5" t="s">
        <v>2998</v>
      </c>
      <c r="G1494" s="5" t="s">
        <v>2999</v>
      </c>
    </row>
    <row r="1495" spans="1:7">
      <c r="A1495" s="5" t="s">
        <v>7</v>
      </c>
      <c r="B1495" s="5">
        <v>1494</v>
      </c>
      <c r="C1495" s="5" t="s">
        <v>2891</v>
      </c>
      <c r="D1495" s="5" t="s">
        <v>2892</v>
      </c>
      <c r="E1495" s="6">
        <v>13001</v>
      </c>
      <c r="F1495" s="5" t="s">
        <v>3000</v>
      </c>
      <c r="G1495" s="5" t="s">
        <v>3001</v>
      </c>
    </row>
    <row r="1496" spans="1:7">
      <c r="A1496" s="5" t="s">
        <v>7</v>
      </c>
      <c r="B1496" s="5">
        <v>1495</v>
      </c>
      <c r="C1496" s="5" t="s">
        <v>2781</v>
      </c>
      <c r="D1496" s="5" t="s">
        <v>2782</v>
      </c>
      <c r="E1496" s="6">
        <v>23001</v>
      </c>
      <c r="F1496" s="5" t="s">
        <v>3002</v>
      </c>
      <c r="G1496" s="5" t="s">
        <v>3003</v>
      </c>
    </row>
    <row r="1497" spans="1:7">
      <c r="A1497" s="5" t="s">
        <v>7</v>
      </c>
      <c r="B1497" s="5">
        <v>1496</v>
      </c>
      <c r="C1497" s="5" t="s">
        <v>2542</v>
      </c>
      <c r="D1497" s="5" t="s">
        <v>2543</v>
      </c>
      <c r="E1497" s="6">
        <v>8001</v>
      </c>
      <c r="F1497" s="5" t="s">
        <v>3004</v>
      </c>
      <c r="G1497" s="5" t="s">
        <v>3001</v>
      </c>
    </row>
    <row r="1498" spans="1:7">
      <c r="A1498" s="5" t="s">
        <v>7</v>
      </c>
      <c r="B1498" s="5">
        <v>1497</v>
      </c>
      <c r="C1498" s="5" t="s">
        <v>8</v>
      </c>
      <c r="D1498" s="5" t="s">
        <v>8</v>
      </c>
      <c r="E1498" s="6">
        <v>11001</v>
      </c>
      <c r="F1498" s="5" t="s">
        <v>3005</v>
      </c>
      <c r="G1498" s="5" t="s">
        <v>3006</v>
      </c>
    </row>
    <row r="1499" spans="1:7">
      <c r="A1499" s="5" t="s">
        <v>7</v>
      </c>
      <c r="B1499" s="5">
        <v>1498</v>
      </c>
      <c r="C1499" s="5" t="s">
        <v>8</v>
      </c>
      <c r="D1499" s="5" t="s">
        <v>8</v>
      </c>
      <c r="E1499" s="6">
        <v>11001</v>
      </c>
      <c r="F1499" s="5" t="s">
        <v>3007</v>
      </c>
      <c r="G1499" s="5" t="s">
        <v>3008</v>
      </c>
    </row>
    <row r="1500" spans="1:7">
      <c r="A1500" s="5" t="s">
        <v>7</v>
      </c>
      <c r="B1500" s="5">
        <v>1499</v>
      </c>
      <c r="C1500" s="5" t="s">
        <v>8</v>
      </c>
      <c r="D1500" s="5" t="s">
        <v>8</v>
      </c>
      <c r="E1500" s="6">
        <v>11001</v>
      </c>
      <c r="F1500" s="5" t="s">
        <v>3009</v>
      </c>
      <c r="G1500" s="5" t="s">
        <v>3010</v>
      </c>
    </row>
    <row r="1501" spans="1:7">
      <c r="A1501" s="5" t="s">
        <v>7</v>
      </c>
      <c r="B1501" s="5">
        <v>1500</v>
      </c>
      <c r="C1501" s="5" t="s">
        <v>3011</v>
      </c>
      <c r="D1501" s="5" t="s">
        <v>3012</v>
      </c>
      <c r="E1501" s="6">
        <v>5234</v>
      </c>
      <c r="F1501" s="5" t="s">
        <v>3013</v>
      </c>
      <c r="G1501" s="5" t="s">
        <v>3014</v>
      </c>
    </row>
    <row r="1502" spans="1:7">
      <c r="A1502" s="5" t="s">
        <v>7</v>
      </c>
      <c r="B1502" s="5">
        <v>1501</v>
      </c>
      <c r="C1502" s="5" t="s">
        <v>3015</v>
      </c>
      <c r="D1502" s="5" t="s">
        <v>3016</v>
      </c>
      <c r="E1502" s="6">
        <v>85010</v>
      </c>
      <c r="F1502" s="5" t="s">
        <v>3017</v>
      </c>
      <c r="G1502" s="5" t="s">
        <v>3018</v>
      </c>
    </row>
    <row r="1503" spans="1:7">
      <c r="A1503" s="5" t="s">
        <v>7</v>
      </c>
      <c r="B1503" s="5">
        <v>1502</v>
      </c>
      <c r="C1503" s="5" t="s">
        <v>8</v>
      </c>
      <c r="D1503" s="5" t="s">
        <v>8</v>
      </c>
      <c r="E1503" s="6">
        <v>11001</v>
      </c>
      <c r="F1503" s="5" t="s">
        <v>3019</v>
      </c>
      <c r="G1503" s="5" t="s">
        <v>3020</v>
      </c>
    </row>
    <row r="1504" spans="1:7">
      <c r="A1504" s="5" t="s">
        <v>7</v>
      </c>
      <c r="B1504" s="5">
        <v>1503</v>
      </c>
      <c r="C1504" s="5" t="s">
        <v>8</v>
      </c>
      <c r="D1504" s="5" t="s">
        <v>8</v>
      </c>
      <c r="E1504" s="6">
        <v>11001</v>
      </c>
      <c r="F1504" s="5" t="s">
        <v>3021</v>
      </c>
      <c r="G1504" s="5" t="s">
        <v>3022</v>
      </c>
    </row>
    <row r="1505" spans="1:7">
      <c r="A1505" s="5" t="s">
        <v>7</v>
      </c>
      <c r="B1505" s="5">
        <v>1504</v>
      </c>
      <c r="C1505" s="5" t="s">
        <v>2542</v>
      </c>
      <c r="D1505" s="5" t="s">
        <v>2798</v>
      </c>
      <c r="E1505" s="6">
        <v>8758</v>
      </c>
      <c r="F1505" s="5" t="s">
        <v>3023</v>
      </c>
      <c r="G1505" s="5" t="s">
        <v>3024</v>
      </c>
    </row>
    <row r="1506" spans="1:7">
      <c r="A1506" s="5" t="s">
        <v>7</v>
      </c>
      <c r="B1506" s="5">
        <v>1505</v>
      </c>
      <c r="C1506" s="5" t="s">
        <v>8</v>
      </c>
      <c r="D1506" s="5" t="s">
        <v>8</v>
      </c>
      <c r="E1506" s="6">
        <v>11001</v>
      </c>
      <c r="F1506" s="5" t="s">
        <v>3025</v>
      </c>
      <c r="G1506" s="5" t="s">
        <v>3026</v>
      </c>
    </row>
    <row r="1507" spans="1:7">
      <c r="A1507" s="5" t="s">
        <v>7</v>
      </c>
      <c r="B1507" s="5">
        <v>1506</v>
      </c>
      <c r="C1507" s="5" t="s">
        <v>8</v>
      </c>
      <c r="D1507" s="5" t="s">
        <v>8</v>
      </c>
      <c r="E1507" s="6">
        <v>11001</v>
      </c>
      <c r="F1507" s="5" t="s">
        <v>3027</v>
      </c>
      <c r="G1507" s="5" t="s">
        <v>3028</v>
      </c>
    </row>
    <row r="1508" spans="1:7">
      <c r="A1508" s="5" t="s">
        <v>7</v>
      </c>
      <c r="B1508" s="5">
        <v>1507</v>
      </c>
      <c r="C1508" s="5" t="s">
        <v>8</v>
      </c>
      <c r="D1508" s="5" t="s">
        <v>8</v>
      </c>
      <c r="E1508" s="6">
        <v>11001</v>
      </c>
      <c r="F1508" s="5" t="s">
        <v>3029</v>
      </c>
      <c r="G1508" s="5" t="s">
        <v>3030</v>
      </c>
    </row>
    <row r="1509" spans="1:7">
      <c r="A1509" s="5" t="s">
        <v>7</v>
      </c>
      <c r="B1509" s="5">
        <v>1508</v>
      </c>
      <c r="C1509" s="5" t="s">
        <v>8</v>
      </c>
      <c r="D1509" s="5" t="s">
        <v>8</v>
      </c>
      <c r="E1509" s="6">
        <v>11001</v>
      </c>
      <c r="F1509" s="5" t="s">
        <v>3031</v>
      </c>
      <c r="G1509" s="5" t="s">
        <v>3032</v>
      </c>
    </row>
    <row r="1510" spans="1:7">
      <c r="A1510" s="5" t="s">
        <v>7</v>
      </c>
      <c r="B1510" s="5">
        <v>1509</v>
      </c>
      <c r="C1510" s="5" t="s">
        <v>8</v>
      </c>
      <c r="D1510" s="5" t="s">
        <v>8</v>
      </c>
      <c r="E1510" s="6">
        <v>11001</v>
      </c>
      <c r="F1510" s="5" t="s">
        <v>3033</v>
      </c>
      <c r="G1510" s="5" t="s">
        <v>3034</v>
      </c>
    </row>
    <row r="1511" spans="1:7">
      <c r="A1511" s="5" t="s">
        <v>7</v>
      </c>
      <c r="B1511" s="5">
        <v>1510</v>
      </c>
      <c r="C1511" s="5" t="s">
        <v>8</v>
      </c>
      <c r="D1511" s="5" t="s">
        <v>8</v>
      </c>
      <c r="E1511" s="6">
        <v>11001</v>
      </c>
      <c r="F1511" s="5" t="s">
        <v>3035</v>
      </c>
      <c r="G1511" s="5" t="s">
        <v>3036</v>
      </c>
    </row>
    <row r="1512" spans="1:7">
      <c r="A1512" s="5" t="s">
        <v>7</v>
      </c>
      <c r="B1512" s="5">
        <v>1511</v>
      </c>
      <c r="C1512" s="5" t="s">
        <v>8</v>
      </c>
      <c r="D1512" s="5" t="s">
        <v>8</v>
      </c>
      <c r="E1512" s="6">
        <v>11001</v>
      </c>
      <c r="F1512" s="5" t="s">
        <v>3037</v>
      </c>
      <c r="G1512" s="5" t="s">
        <v>3038</v>
      </c>
    </row>
    <row r="1513" spans="1:7">
      <c r="A1513" s="5" t="s">
        <v>7</v>
      </c>
      <c r="B1513" s="5">
        <v>1512</v>
      </c>
      <c r="C1513" s="5" t="s">
        <v>8</v>
      </c>
      <c r="D1513" s="5" t="s">
        <v>8</v>
      </c>
      <c r="E1513" s="6">
        <v>11001</v>
      </c>
      <c r="F1513" s="5" t="s">
        <v>3039</v>
      </c>
      <c r="G1513" s="5" t="s">
        <v>3040</v>
      </c>
    </row>
    <row r="1514" spans="1:7">
      <c r="A1514" s="5" t="s">
        <v>7</v>
      </c>
      <c r="B1514" s="5">
        <v>1513</v>
      </c>
      <c r="C1514" s="5" t="s">
        <v>8</v>
      </c>
      <c r="D1514" s="5" t="s">
        <v>8</v>
      </c>
      <c r="E1514" s="6">
        <v>11001</v>
      </c>
      <c r="F1514" s="5" t="s">
        <v>3041</v>
      </c>
      <c r="G1514" s="5" t="s">
        <v>3042</v>
      </c>
    </row>
    <row r="1515" spans="1:7">
      <c r="A1515" s="5" t="s">
        <v>7</v>
      </c>
      <c r="B1515" s="5">
        <v>1514</v>
      </c>
      <c r="C1515" s="5" t="s">
        <v>813</v>
      </c>
      <c r="D1515" s="5" t="s">
        <v>814</v>
      </c>
      <c r="E1515" s="6">
        <v>25754</v>
      </c>
      <c r="F1515" s="5" t="s">
        <v>3043</v>
      </c>
      <c r="G1515" s="5" t="s">
        <v>3044</v>
      </c>
    </row>
    <row r="1516" spans="1:7">
      <c r="A1516" s="5" t="s">
        <v>7</v>
      </c>
      <c r="B1516" s="5">
        <v>1515</v>
      </c>
      <c r="C1516" s="5" t="s">
        <v>8</v>
      </c>
      <c r="D1516" s="5" t="s">
        <v>8</v>
      </c>
      <c r="E1516" s="6">
        <v>11001</v>
      </c>
      <c r="F1516" s="5" t="s">
        <v>3045</v>
      </c>
      <c r="G1516" s="5" t="s">
        <v>3046</v>
      </c>
    </row>
    <row r="1517" spans="1:7">
      <c r="A1517" s="5" t="s">
        <v>7</v>
      </c>
      <c r="B1517" s="5">
        <v>1516</v>
      </c>
      <c r="C1517" s="5" t="s">
        <v>8</v>
      </c>
      <c r="D1517" s="5" t="s">
        <v>8</v>
      </c>
      <c r="E1517" s="6">
        <v>11001</v>
      </c>
      <c r="F1517" s="5" t="s">
        <v>3047</v>
      </c>
      <c r="G1517" s="5" t="s">
        <v>3048</v>
      </c>
    </row>
    <row r="1518" spans="1:7">
      <c r="A1518" s="5" t="s">
        <v>7</v>
      </c>
      <c r="B1518" s="5">
        <v>1517</v>
      </c>
      <c r="C1518" s="5" t="s">
        <v>8</v>
      </c>
      <c r="D1518" s="5" t="s">
        <v>8</v>
      </c>
      <c r="E1518" s="6">
        <v>11001</v>
      </c>
      <c r="F1518" s="5" t="s">
        <v>3049</v>
      </c>
      <c r="G1518" s="5" t="s">
        <v>3050</v>
      </c>
    </row>
    <row r="1519" spans="1:7">
      <c r="A1519" s="5" t="s">
        <v>7</v>
      </c>
      <c r="B1519" s="5">
        <v>1518</v>
      </c>
      <c r="C1519" s="5" t="s">
        <v>8</v>
      </c>
      <c r="D1519" s="5" t="s">
        <v>8</v>
      </c>
      <c r="E1519" s="6">
        <v>11001</v>
      </c>
      <c r="F1519" s="5" t="s">
        <v>3051</v>
      </c>
      <c r="G1519" s="5" t="s">
        <v>3052</v>
      </c>
    </row>
    <row r="1520" spans="1:7">
      <c r="A1520" s="5" t="s">
        <v>7</v>
      </c>
      <c r="B1520" s="5">
        <v>1519</v>
      </c>
      <c r="C1520" s="5" t="s">
        <v>8</v>
      </c>
      <c r="D1520" s="5" t="s">
        <v>8</v>
      </c>
      <c r="E1520" s="6">
        <v>11001</v>
      </c>
      <c r="F1520" s="5" t="s">
        <v>3053</v>
      </c>
      <c r="G1520" s="5" t="s">
        <v>3054</v>
      </c>
    </row>
    <row r="1521" spans="1:7">
      <c r="A1521" s="5" t="s">
        <v>7</v>
      </c>
      <c r="B1521" s="5">
        <v>1520</v>
      </c>
      <c r="C1521" s="5" t="s">
        <v>8</v>
      </c>
      <c r="D1521" s="5" t="s">
        <v>8</v>
      </c>
      <c r="E1521" s="6">
        <v>11001</v>
      </c>
      <c r="F1521" s="5" t="s">
        <v>3055</v>
      </c>
      <c r="G1521" s="5" t="s">
        <v>3056</v>
      </c>
    </row>
    <row r="1522" spans="1:7">
      <c r="A1522" s="5" t="s">
        <v>7</v>
      </c>
      <c r="B1522" s="5">
        <v>1521</v>
      </c>
      <c r="C1522" s="5" t="s">
        <v>8</v>
      </c>
      <c r="D1522" s="5" t="s">
        <v>8</v>
      </c>
      <c r="E1522" s="6">
        <v>11001</v>
      </c>
      <c r="F1522" s="5" t="s">
        <v>3057</v>
      </c>
      <c r="G1522" s="5" t="s">
        <v>3058</v>
      </c>
    </row>
    <row r="1523" spans="1:7">
      <c r="A1523" s="5" t="s">
        <v>7</v>
      </c>
      <c r="B1523" s="5">
        <v>1522</v>
      </c>
      <c r="C1523" s="5" t="s">
        <v>8</v>
      </c>
      <c r="D1523" s="5" t="s">
        <v>8</v>
      </c>
      <c r="E1523" s="6">
        <v>11001</v>
      </c>
      <c r="F1523" s="5" t="s">
        <v>3059</v>
      </c>
      <c r="G1523" s="5" t="s">
        <v>3060</v>
      </c>
    </row>
    <row r="1524" spans="1:7">
      <c r="A1524" s="5" t="s">
        <v>7</v>
      </c>
      <c r="B1524" s="5">
        <v>1523</v>
      </c>
      <c r="C1524" s="5" t="s">
        <v>8</v>
      </c>
      <c r="D1524" s="5" t="s">
        <v>8</v>
      </c>
      <c r="E1524" s="6">
        <v>11001</v>
      </c>
      <c r="F1524" s="5" t="s">
        <v>3061</v>
      </c>
      <c r="G1524" s="5" t="s">
        <v>3062</v>
      </c>
    </row>
    <row r="1525" spans="1:7">
      <c r="A1525" s="5" t="s">
        <v>7</v>
      </c>
      <c r="B1525" s="5">
        <v>1524</v>
      </c>
      <c r="C1525" s="5" t="s">
        <v>8</v>
      </c>
      <c r="D1525" s="5" t="s">
        <v>8</v>
      </c>
      <c r="E1525" s="6">
        <v>11001</v>
      </c>
      <c r="F1525" s="5" t="s">
        <v>3063</v>
      </c>
      <c r="G1525" s="5" t="s">
        <v>3064</v>
      </c>
    </row>
    <row r="1526" spans="1:7">
      <c r="A1526" s="5" t="s">
        <v>7</v>
      </c>
      <c r="B1526" s="5">
        <v>1525</v>
      </c>
      <c r="C1526" s="5" t="s">
        <v>8</v>
      </c>
      <c r="D1526" s="5" t="s">
        <v>8</v>
      </c>
      <c r="E1526" s="6">
        <v>11001</v>
      </c>
      <c r="F1526" s="5" t="s">
        <v>3065</v>
      </c>
      <c r="G1526" s="5" t="s">
        <v>3066</v>
      </c>
    </row>
    <row r="1527" spans="1:7">
      <c r="A1527" s="5" t="s">
        <v>7</v>
      </c>
      <c r="B1527" s="5">
        <v>1526</v>
      </c>
      <c r="C1527" s="5" t="s">
        <v>8</v>
      </c>
      <c r="D1527" s="5" t="s">
        <v>8</v>
      </c>
      <c r="E1527" s="6">
        <v>11001</v>
      </c>
      <c r="F1527" s="5" t="s">
        <v>3067</v>
      </c>
      <c r="G1527" s="5" t="s">
        <v>3068</v>
      </c>
    </row>
    <row r="1528" spans="1:7">
      <c r="A1528" s="5" t="s">
        <v>7</v>
      </c>
      <c r="B1528" s="5">
        <v>1527</v>
      </c>
      <c r="C1528" s="5" t="s">
        <v>8</v>
      </c>
      <c r="D1528" s="5" t="s">
        <v>8</v>
      </c>
      <c r="E1528" s="6">
        <v>11001</v>
      </c>
      <c r="F1528" s="5" t="s">
        <v>3069</v>
      </c>
      <c r="G1528" s="5" t="s">
        <v>3070</v>
      </c>
    </row>
    <row r="1529" spans="1:7">
      <c r="A1529" s="5" t="s">
        <v>7</v>
      </c>
      <c r="B1529" s="5">
        <v>1528</v>
      </c>
      <c r="C1529" s="5" t="s">
        <v>8</v>
      </c>
      <c r="D1529" s="5" t="s">
        <v>8</v>
      </c>
      <c r="E1529" s="6">
        <v>11001</v>
      </c>
      <c r="F1529" s="5" t="s">
        <v>3071</v>
      </c>
      <c r="G1529" s="5" t="s">
        <v>3072</v>
      </c>
    </row>
    <row r="1530" spans="1:7">
      <c r="A1530" s="5" t="s">
        <v>7</v>
      </c>
      <c r="B1530" s="5">
        <v>1529</v>
      </c>
      <c r="C1530" s="5" t="s">
        <v>8</v>
      </c>
      <c r="D1530" s="5" t="s">
        <v>8</v>
      </c>
      <c r="E1530" s="6">
        <v>11001</v>
      </c>
      <c r="F1530" s="5" t="s">
        <v>3073</v>
      </c>
      <c r="G1530" s="5" t="s">
        <v>3074</v>
      </c>
    </row>
    <row r="1531" spans="1:7">
      <c r="A1531" s="5" t="s">
        <v>7</v>
      </c>
      <c r="B1531" s="5">
        <v>1530</v>
      </c>
      <c r="C1531" s="5" t="s">
        <v>8</v>
      </c>
      <c r="D1531" s="5" t="s">
        <v>8</v>
      </c>
      <c r="E1531" s="6">
        <v>11001</v>
      </c>
      <c r="F1531" s="5" t="s">
        <v>3075</v>
      </c>
      <c r="G1531" s="5" t="s">
        <v>3076</v>
      </c>
    </row>
    <row r="1532" spans="1:7">
      <c r="A1532" s="5" t="s">
        <v>7</v>
      </c>
      <c r="B1532" s="5">
        <v>1531</v>
      </c>
      <c r="C1532" s="5" t="s">
        <v>8</v>
      </c>
      <c r="D1532" s="5" t="s">
        <v>8</v>
      </c>
      <c r="E1532" s="6">
        <v>11001</v>
      </c>
      <c r="F1532" s="5" t="s">
        <v>3077</v>
      </c>
      <c r="G1532" s="5" t="s">
        <v>3078</v>
      </c>
    </row>
    <row r="1533" spans="1:7">
      <c r="A1533" s="5" t="s">
        <v>7</v>
      </c>
      <c r="B1533" s="5">
        <v>1532</v>
      </c>
      <c r="C1533" s="5" t="s">
        <v>8</v>
      </c>
      <c r="D1533" s="5" t="s">
        <v>8</v>
      </c>
      <c r="E1533" s="6">
        <v>11001</v>
      </c>
      <c r="F1533" s="5" t="s">
        <v>3079</v>
      </c>
      <c r="G1533" s="5" t="s">
        <v>3080</v>
      </c>
    </row>
    <row r="1534" spans="1:7">
      <c r="A1534" s="5" t="s">
        <v>7</v>
      </c>
      <c r="B1534" s="5">
        <v>1533</v>
      </c>
      <c r="C1534" s="5" t="s">
        <v>8</v>
      </c>
      <c r="D1534" s="5" t="s">
        <v>8</v>
      </c>
      <c r="E1534" s="6">
        <v>11001</v>
      </c>
      <c r="F1534" s="5" t="s">
        <v>3081</v>
      </c>
      <c r="G1534" s="5" t="s">
        <v>3082</v>
      </c>
    </row>
    <row r="1535" spans="1:7">
      <c r="A1535" s="5" t="s">
        <v>7</v>
      </c>
      <c r="B1535" s="5">
        <v>1534</v>
      </c>
      <c r="C1535" s="5" t="s">
        <v>8</v>
      </c>
      <c r="D1535" s="5" t="s">
        <v>8</v>
      </c>
      <c r="E1535" s="6">
        <v>11001</v>
      </c>
      <c r="F1535" s="5" t="s">
        <v>3083</v>
      </c>
      <c r="G1535" s="5" t="s">
        <v>3084</v>
      </c>
    </row>
    <row r="1536" spans="1:7">
      <c r="A1536" s="5" t="s">
        <v>7</v>
      </c>
      <c r="B1536" s="5">
        <v>1535</v>
      </c>
      <c r="C1536" s="5" t="s">
        <v>8</v>
      </c>
      <c r="D1536" s="5" t="s">
        <v>8</v>
      </c>
      <c r="E1536" s="6">
        <v>11001</v>
      </c>
      <c r="F1536" s="5" t="s">
        <v>3085</v>
      </c>
      <c r="G1536" s="5" t="s">
        <v>3086</v>
      </c>
    </row>
    <row r="1537" spans="1:7">
      <c r="A1537" s="5" t="s">
        <v>7</v>
      </c>
      <c r="B1537" s="5">
        <v>1536</v>
      </c>
      <c r="C1537" s="5" t="s">
        <v>8</v>
      </c>
      <c r="D1537" s="5" t="s">
        <v>8</v>
      </c>
      <c r="E1537" s="6">
        <v>11001</v>
      </c>
      <c r="F1537" s="5" t="s">
        <v>3087</v>
      </c>
      <c r="G1537" s="5" t="s">
        <v>3088</v>
      </c>
    </row>
    <row r="1538" spans="1:7">
      <c r="A1538" s="5" t="s">
        <v>7</v>
      </c>
      <c r="B1538" s="5">
        <v>1537</v>
      </c>
      <c r="C1538" s="5" t="s">
        <v>813</v>
      </c>
      <c r="D1538" s="5" t="s">
        <v>814</v>
      </c>
      <c r="E1538" s="6">
        <v>25754</v>
      </c>
      <c r="F1538" s="5" t="s">
        <v>3089</v>
      </c>
      <c r="G1538" s="5" t="s">
        <v>3090</v>
      </c>
    </row>
    <row r="1539" spans="1:7">
      <c r="A1539" s="5" t="s">
        <v>7</v>
      </c>
      <c r="B1539" s="5">
        <v>1538</v>
      </c>
      <c r="C1539" s="5" t="s">
        <v>8</v>
      </c>
      <c r="D1539" s="5" t="s">
        <v>8</v>
      </c>
      <c r="E1539" s="6">
        <v>11001</v>
      </c>
      <c r="F1539" s="5" t="s">
        <v>3091</v>
      </c>
      <c r="G1539" s="5" t="s">
        <v>3092</v>
      </c>
    </row>
    <row r="1540" spans="1:7">
      <c r="A1540" s="5" t="s">
        <v>7</v>
      </c>
      <c r="B1540" s="5">
        <v>1539</v>
      </c>
      <c r="C1540" s="5" t="s">
        <v>8</v>
      </c>
      <c r="D1540" s="5" t="s">
        <v>8</v>
      </c>
      <c r="E1540" s="6">
        <v>11001</v>
      </c>
      <c r="F1540" s="5" t="s">
        <v>3093</v>
      </c>
      <c r="G1540" s="5" t="s">
        <v>3094</v>
      </c>
    </row>
    <row r="1541" spans="1:7">
      <c r="A1541" s="5" t="s">
        <v>7</v>
      </c>
      <c r="B1541" s="5">
        <v>1540</v>
      </c>
      <c r="C1541" s="5" t="s">
        <v>8</v>
      </c>
      <c r="D1541" s="5" t="s">
        <v>8</v>
      </c>
      <c r="E1541" s="6">
        <v>11001</v>
      </c>
      <c r="F1541" s="5" t="s">
        <v>3095</v>
      </c>
      <c r="G1541" s="5" t="s">
        <v>3096</v>
      </c>
    </row>
    <row r="1542" spans="1:7">
      <c r="A1542" s="5" t="s">
        <v>7</v>
      </c>
      <c r="B1542" s="5">
        <v>1541</v>
      </c>
      <c r="C1542" s="5" t="s">
        <v>8</v>
      </c>
      <c r="D1542" s="5" t="s">
        <v>8</v>
      </c>
      <c r="E1542" s="6">
        <v>11001</v>
      </c>
      <c r="F1542" s="5" t="s">
        <v>3097</v>
      </c>
      <c r="G1542" s="5" t="s">
        <v>3098</v>
      </c>
    </row>
    <row r="1543" spans="1:7">
      <c r="A1543" s="5" t="s">
        <v>7</v>
      </c>
      <c r="B1543" s="5">
        <v>1542</v>
      </c>
      <c r="C1543" s="5" t="s">
        <v>8</v>
      </c>
      <c r="D1543" s="5" t="s">
        <v>8</v>
      </c>
      <c r="E1543" s="6">
        <v>11001</v>
      </c>
      <c r="F1543" s="5" t="s">
        <v>3099</v>
      </c>
      <c r="G1543" s="5" t="s">
        <v>3100</v>
      </c>
    </row>
    <row r="1544" spans="1:7">
      <c r="A1544" s="5" t="s">
        <v>7</v>
      </c>
      <c r="B1544" s="5">
        <v>1543</v>
      </c>
      <c r="C1544" s="5" t="s">
        <v>8</v>
      </c>
      <c r="D1544" s="5" t="s">
        <v>8</v>
      </c>
      <c r="E1544" s="6">
        <v>11001</v>
      </c>
      <c r="F1544" s="5" t="s">
        <v>3101</v>
      </c>
      <c r="G1544" s="5" t="s">
        <v>3102</v>
      </c>
    </row>
    <row r="1545" spans="1:7">
      <c r="A1545" s="5" t="s">
        <v>7</v>
      </c>
      <c r="B1545" s="5">
        <v>1544</v>
      </c>
      <c r="C1545" s="5" t="s">
        <v>8</v>
      </c>
      <c r="D1545" s="5" t="s">
        <v>8</v>
      </c>
      <c r="E1545" s="6">
        <v>11001</v>
      </c>
      <c r="F1545" s="5" t="s">
        <v>3103</v>
      </c>
      <c r="G1545" s="5" t="s">
        <v>3104</v>
      </c>
    </row>
    <row r="1546" spans="1:7">
      <c r="A1546" s="5" t="s">
        <v>7</v>
      </c>
      <c r="B1546" s="5">
        <v>1545</v>
      </c>
      <c r="C1546" s="5" t="s">
        <v>8</v>
      </c>
      <c r="D1546" s="5" t="s">
        <v>8</v>
      </c>
      <c r="E1546" s="6">
        <v>11001</v>
      </c>
      <c r="F1546" s="5" t="s">
        <v>3105</v>
      </c>
      <c r="G1546" s="5" t="s">
        <v>3106</v>
      </c>
    </row>
    <row r="1547" spans="1:7">
      <c r="A1547" s="5" t="s">
        <v>7</v>
      </c>
      <c r="B1547" s="5">
        <v>1546</v>
      </c>
      <c r="C1547" s="5" t="s">
        <v>8</v>
      </c>
      <c r="D1547" s="5" t="s">
        <v>8</v>
      </c>
      <c r="E1547" s="6">
        <v>11001</v>
      </c>
      <c r="F1547" s="5" t="s">
        <v>3107</v>
      </c>
      <c r="G1547" s="5" t="s">
        <v>3108</v>
      </c>
    </row>
    <row r="1548" spans="1:7">
      <c r="A1548" s="5" t="s">
        <v>7</v>
      </c>
      <c r="B1548" s="5">
        <v>1547</v>
      </c>
      <c r="C1548" s="5" t="s">
        <v>8</v>
      </c>
      <c r="D1548" s="5" t="s">
        <v>8</v>
      </c>
      <c r="E1548" s="6">
        <v>11001</v>
      </c>
      <c r="F1548" s="5" t="s">
        <v>3109</v>
      </c>
      <c r="G1548" s="5" t="s">
        <v>3110</v>
      </c>
    </row>
    <row r="1549" spans="1:7">
      <c r="A1549" s="5" t="s">
        <v>7</v>
      </c>
      <c r="B1549" s="5">
        <v>1548</v>
      </c>
      <c r="C1549" s="5" t="s">
        <v>813</v>
      </c>
      <c r="D1549" s="5" t="s">
        <v>2755</v>
      </c>
      <c r="E1549" s="6">
        <v>25473</v>
      </c>
      <c r="F1549" s="5" t="s">
        <v>2995</v>
      </c>
      <c r="G1549" s="5" t="s">
        <v>2996</v>
      </c>
    </row>
    <row r="1550" spans="1:7">
      <c r="A1550" s="5" t="s">
        <v>7</v>
      </c>
      <c r="B1550" s="5">
        <v>1549</v>
      </c>
      <c r="C1550" s="5" t="s">
        <v>8</v>
      </c>
      <c r="D1550" s="5" t="s">
        <v>8</v>
      </c>
      <c r="E1550" s="6">
        <v>11001</v>
      </c>
      <c r="F1550" s="5" t="s">
        <v>3111</v>
      </c>
      <c r="G1550" s="5" t="s">
        <v>3112</v>
      </c>
    </row>
    <row r="1551" spans="1:7">
      <c r="A1551" s="5" t="s">
        <v>7</v>
      </c>
      <c r="B1551" s="5">
        <v>1550</v>
      </c>
      <c r="C1551" s="5" t="s">
        <v>8</v>
      </c>
      <c r="D1551" s="5" t="s">
        <v>8</v>
      </c>
      <c r="E1551" s="6">
        <v>11001</v>
      </c>
      <c r="F1551" s="5" t="s">
        <v>3113</v>
      </c>
      <c r="G1551" s="5" t="s">
        <v>3114</v>
      </c>
    </row>
    <row r="1552" spans="1:7">
      <c r="A1552" s="5" t="s">
        <v>7</v>
      </c>
      <c r="B1552" s="5">
        <v>1551</v>
      </c>
      <c r="C1552" s="5" t="s">
        <v>8</v>
      </c>
      <c r="D1552" s="5" t="s">
        <v>8</v>
      </c>
      <c r="E1552" s="6">
        <v>11001</v>
      </c>
      <c r="F1552" s="5" t="s">
        <v>3115</v>
      </c>
      <c r="G1552" s="5" t="s">
        <v>3116</v>
      </c>
    </row>
    <row r="1553" spans="1:7">
      <c r="A1553" s="5" t="s">
        <v>7</v>
      </c>
      <c r="B1553" s="5">
        <v>1552</v>
      </c>
      <c r="C1553" s="5" t="s">
        <v>8</v>
      </c>
      <c r="D1553" s="5" t="s">
        <v>8</v>
      </c>
      <c r="E1553" s="6">
        <v>11001</v>
      </c>
      <c r="F1553" s="5" t="s">
        <v>3117</v>
      </c>
      <c r="G1553" s="5" t="s">
        <v>3118</v>
      </c>
    </row>
    <row r="1554" spans="1:7">
      <c r="A1554" s="5" t="s">
        <v>7</v>
      </c>
      <c r="B1554" s="5">
        <v>1553</v>
      </c>
      <c r="C1554" s="5" t="s">
        <v>2542</v>
      </c>
      <c r="D1554" s="5" t="s">
        <v>2543</v>
      </c>
      <c r="E1554" s="6">
        <v>8001</v>
      </c>
      <c r="F1554" s="5" t="s">
        <v>3119</v>
      </c>
      <c r="G1554" s="5" t="s">
        <v>3120</v>
      </c>
    </row>
    <row r="1555" spans="1:7">
      <c r="A1555" s="5" t="s">
        <v>7</v>
      </c>
      <c r="B1555" s="5">
        <v>1554</v>
      </c>
      <c r="C1555" s="5" t="s">
        <v>8</v>
      </c>
      <c r="D1555" s="5" t="s">
        <v>8</v>
      </c>
      <c r="E1555" s="6">
        <v>11001</v>
      </c>
      <c r="F1555" s="5" t="s">
        <v>3121</v>
      </c>
      <c r="G1555" s="5" t="s">
        <v>3122</v>
      </c>
    </row>
    <row r="1556" spans="1:7">
      <c r="A1556" s="5" t="s">
        <v>7</v>
      </c>
      <c r="B1556" s="5">
        <v>1555</v>
      </c>
      <c r="C1556" s="5" t="s">
        <v>8</v>
      </c>
      <c r="D1556" s="5" t="s">
        <v>8</v>
      </c>
      <c r="E1556" s="6">
        <v>11001</v>
      </c>
      <c r="F1556" s="5" t="s">
        <v>3123</v>
      </c>
      <c r="G1556" s="5" t="s">
        <v>3124</v>
      </c>
    </row>
    <row r="1557" spans="1:7">
      <c r="A1557" s="5" t="s">
        <v>7</v>
      </c>
      <c r="B1557" s="5">
        <v>1556</v>
      </c>
      <c r="C1557" s="5" t="s">
        <v>8</v>
      </c>
      <c r="D1557" s="5" t="s">
        <v>8</v>
      </c>
      <c r="E1557" s="6">
        <v>11001</v>
      </c>
      <c r="F1557" s="5" t="s">
        <v>3125</v>
      </c>
      <c r="G1557" s="5" t="s">
        <v>3126</v>
      </c>
    </row>
    <row r="1558" spans="1:7">
      <c r="A1558" s="5" t="s">
        <v>7</v>
      </c>
      <c r="B1558" s="5">
        <v>1557</v>
      </c>
      <c r="C1558" s="5" t="s">
        <v>8</v>
      </c>
      <c r="D1558" s="5" t="s">
        <v>8</v>
      </c>
      <c r="E1558" s="6">
        <v>11001</v>
      </c>
      <c r="F1558" s="5" t="s">
        <v>3127</v>
      </c>
      <c r="G1558" s="5" t="s">
        <v>3128</v>
      </c>
    </row>
    <row r="1559" spans="1:7">
      <c r="A1559" s="5" t="s">
        <v>7</v>
      </c>
      <c r="B1559" s="5">
        <v>1558</v>
      </c>
      <c r="C1559" s="5" t="s">
        <v>8</v>
      </c>
      <c r="D1559" s="5" t="s">
        <v>8</v>
      </c>
      <c r="E1559" s="6">
        <v>11001</v>
      </c>
      <c r="F1559" s="5" t="s">
        <v>3129</v>
      </c>
      <c r="G1559" s="5" t="s">
        <v>3130</v>
      </c>
    </row>
    <row r="1560" spans="1:7">
      <c r="A1560" s="5" t="s">
        <v>7</v>
      </c>
      <c r="B1560" s="5">
        <v>1559</v>
      </c>
      <c r="C1560" s="5" t="s">
        <v>8</v>
      </c>
      <c r="D1560" s="5" t="s">
        <v>8</v>
      </c>
      <c r="E1560" s="6">
        <v>11001</v>
      </c>
      <c r="F1560" s="5" t="s">
        <v>3131</v>
      </c>
      <c r="G1560" s="5" t="s">
        <v>3132</v>
      </c>
    </row>
    <row r="1561" spans="1:7">
      <c r="A1561" s="5" t="s">
        <v>7</v>
      </c>
      <c r="B1561" s="5">
        <v>1560</v>
      </c>
      <c r="C1561" s="5" t="s">
        <v>8</v>
      </c>
      <c r="D1561" s="5" t="s">
        <v>8</v>
      </c>
      <c r="E1561" s="6">
        <v>11001</v>
      </c>
      <c r="F1561" s="5" t="s">
        <v>3133</v>
      </c>
      <c r="G1561" s="5" t="s">
        <v>3134</v>
      </c>
    </row>
    <row r="1562" spans="1:7">
      <c r="A1562" s="5" t="s">
        <v>7</v>
      </c>
      <c r="B1562" s="5">
        <v>1561</v>
      </c>
      <c r="C1562" s="5" t="s">
        <v>8</v>
      </c>
      <c r="D1562" s="5" t="s">
        <v>8</v>
      </c>
      <c r="E1562" s="6">
        <v>11001</v>
      </c>
      <c r="F1562" s="5" t="s">
        <v>3135</v>
      </c>
      <c r="G1562" s="5" t="s">
        <v>3136</v>
      </c>
    </row>
    <row r="1563" spans="1:7">
      <c r="A1563" s="5" t="s">
        <v>7</v>
      </c>
      <c r="B1563" s="5">
        <v>1562</v>
      </c>
      <c r="C1563" s="5" t="s">
        <v>8</v>
      </c>
      <c r="D1563" s="5" t="s">
        <v>8</v>
      </c>
      <c r="E1563" s="6">
        <v>11001</v>
      </c>
      <c r="F1563" s="5" t="s">
        <v>3137</v>
      </c>
      <c r="G1563" s="5" t="s">
        <v>3138</v>
      </c>
    </row>
    <row r="1564" spans="1:7">
      <c r="A1564" s="5" t="s">
        <v>7</v>
      </c>
      <c r="B1564" s="5">
        <v>1563</v>
      </c>
      <c r="C1564" s="5" t="s">
        <v>8</v>
      </c>
      <c r="D1564" s="5" t="s">
        <v>8</v>
      </c>
      <c r="E1564" s="6">
        <v>11001</v>
      </c>
      <c r="F1564" s="5" t="s">
        <v>3139</v>
      </c>
      <c r="G1564" s="5" t="s">
        <v>3140</v>
      </c>
    </row>
    <row r="1565" spans="1:7">
      <c r="A1565" s="5" t="s">
        <v>7</v>
      </c>
      <c r="B1565" s="5">
        <v>1564</v>
      </c>
      <c r="C1565" s="5" t="s">
        <v>8</v>
      </c>
      <c r="D1565" s="5" t="s">
        <v>8</v>
      </c>
      <c r="E1565" s="6">
        <v>11001</v>
      </c>
      <c r="F1565" s="5" t="s">
        <v>3141</v>
      </c>
      <c r="G1565" s="5" t="s">
        <v>3142</v>
      </c>
    </row>
    <row r="1566" spans="1:7">
      <c r="A1566" s="5" t="s">
        <v>7</v>
      </c>
      <c r="B1566" s="5">
        <v>1565</v>
      </c>
      <c r="C1566" s="5" t="s">
        <v>8</v>
      </c>
      <c r="D1566" s="5" t="s">
        <v>8</v>
      </c>
      <c r="E1566" s="6">
        <v>11001</v>
      </c>
      <c r="F1566" s="5" t="s">
        <v>3143</v>
      </c>
      <c r="G1566" s="5" t="s">
        <v>3144</v>
      </c>
    </row>
    <row r="1567" spans="1:7">
      <c r="A1567" s="5" t="s">
        <v>7</v>
      </c>
      <c r="B1567" s="5">
        <v>1566</v>
      </c>
      <c r="C1567" s="5" t="s">
        <v>8</v>
      </c>
      <c r="D1567" s="5" t="s">
        <v>8</v>
      </c>
      <c r="E1567" s="6">
        <v>11001</v>
      </c>
      <c r="F1567" s="5" t="s">
        <v>3145</v>
      </c>
      <c r="G1567" s="5" t="s">
        <v>3146</v>
      </c>
    </row>
    <row r="1568" spans="1:7">
      <c r="A1568" s="5" t="s">
        <v>7</v>
      </c>
      <c r="B1568" s="5">
        <v>1567</v>
      </c>
      <c r="C1568" s="5" t="s">
        <v>8</v>
      </c>
      <c r="D1568" s="5" t="s">
        <v>8</v>
      </c>
      <c r="E1568" s="6">
        <v>11001</v>
      </c>
      <c r="F1568" s="5" t="s">
        <v>3147</v>
      </c>
      <c r="G1568" s="5" t="s">
        <v>3148</v>
      </c>
    </row>
    <row r="1569" spans="1:7">
      <c r="A1569" s="5" t="s">
        <v>7</v>
      </c>
      <c r="B1569" s="5">
        <v>1568</v>
      </c>
      <c r="C1569" s="5" t="s">
        <v>8</v>
      </c>
      <c r="D1569" s="5" t="s">
        <v>8</v>
      </c>
      <c r="E1569" s="6">
        <v>11001</v>
      </c>
      <c r="F1569" s="5" t="s">
        <v>3149</v>
      </c>
      <c r="G1569" s="5" t="s">
        <v>3150</v>
      </c>
    </row>
    <row r="1570" spans="1:7">
      <c r="A1570" s="5" t="s">
        <v>7</v>
      </c>
      <c r="B1570" s="5">
        <v>1569</v>
      </c>
      <c r="C1570" s="5" t="s">
        <v>8</v>
      </c>
      <c r="D1570" s="5" t="s">
        <v>8</v>
      </c>
      <c r="E1570" s="6">
        <v>11001</v>
      </c>
      <c r="F1570" s="5" t="s">
        <v>3151</v>
      </c>
      <c r="G1570" s="5" t="s">
        <v>3152</v>
      </c>
    </row>
    <row r="1571" spans="1:7">
      <c r="A1571" s="5" t="s">
        <v>7</v>
      </c>
      <c r="B1571" s="5">
        <v>1570</v>
      </c>
      <c r="C1571" s="5" t="s">
        <v>8</v>
      </c>
      <c r="D1571" s="5" t="s">
        <v>8</v>
      </c>
      <c r="E1571" s="6">
        <v>11001</v>
      </c>
      <c r="F1571" s="5" t="s">
        <v>3153</v>
      </c>
      <c r="G1571" s="5" t="s">
        <v>3154</v>
      </c>
    </row>
    <row r="1572" spans="1:7">
      <c r="A1572" s="5" t="s">
        <v>7</v>
      </c>
      <c r="B1572" s="5">
        <v>1571</v>
      </c>
      <c r="C1572" s="5" t="s">
        <v>813</v>
      </c>
      <c r="D1572" s="5" t="s">
        <v>2290</v>
      </c>
      <c r="E1572" s="6">
        <v>25286</v>
      </c>
      <c r="F1572" s="5" t="s">
        <v>3155</v>
      </c>
      <c r="G1572" s="5" t="s">
        <v>3156</v>
      </c>
    </row>
    <row r="1573" spans="1:7">
      <c r="A1573" s="5" t="s">
        <v>7</v>
      </c>
      <c r="B1573" s="5">
        <v>1572</v>
      </c>
      <c r="C1573" s="5" t="s">
        <v>8</v>
      </c>
      <c r="D1573" s="5" t="s">
        <v>8</v>
      </c>
      <c r="E1573" s="6">
        <v>11001</v>
      </c>
      <c r="F1573" s="5" t="s">
        <v>3157</v>
      </c>
      <c r="G1573" s="5" t="s">
        <v>3158</v>
      </c>
    </row>
    <row r="1574" spans="1:7">
      <c r="A1574" s="5" t="s">
        <v>7</v>
      </c>
      <c r="B1574" s="5">
        <v>1573</v>
      </c>
      <c r="C1574" s="5" t="s">
        <v>8</v>
      </c>
      <c r="D1574" s="5" t="s">
        <v>8</v>
      </c>
      <c r="E1574" s="6">
        <v>11001</v>
      </c>
      <c r="F1574" s="5" t="s">
        <v>3159</v>
      </c>
      <c r="G1574" s="5" t="s">
        <v>3160</v>
      </c>
    </row>
    <row r="1575" spans="1:7">
      <c r="A1575" s="5" t="s">
        <v>7</v>
      </c>
      <c r="B1575" s="5">
        <v>1574</v>
      </c>
      <c r="C1575" s="5" t="s">
        <v>8</v>
      </c>
      <c r="D1575" s="5" t="s">
        <v>8</v>
      </c>
      <c r="E1575" s="6">
        <v>11001</v>
      </c>
      <c r="F1575" s="5" t="s">
        <v>3161</v>
      </c>
      <c r="G1575" s="5" t="s">
        <v>3162</v>
      </c>
    </row>
    <row r="1576" spans="1:7">
      <c r="A1576" s="5" t="s">
        <v>7</v>
      </c>
      <c r="B1576" s="5">
        <v>1575</v>
      </c>
      <c r="C1576" s="5" t="s">
        <v>8</v>
      </c>
      <c r="D1576" s="5" t="s">
        <v>8</v>
      </c>
      <c r="E1576" s="6">
        <v>11001</v>
      </c>
      <c r="F1576" s="5" t="s">
        <v>3163</v>
      </c>
      <c r="G1576" s="5" t="s">
        <v>3164</v>
      </c>
    </row>
    <row r="1577" spans="1:7">
      <c r="A1577" s="5" t="s">
        <v>7</v>
      </c>
      <c r="B1577" s="5">
        <v>1576</v>
      </c>
      <c r="C1577" s="5" t="s">
        <v>8</v>
      </c>
      <c r="D1577" s="5" t="s">
        <v>8</v>
      </c>
      <c r="E1577" s="6">
        <v>11001</v>
      </c>
      <c r="F1577" s="5" t="s">
        <v>3165</v>
      </c>
      <c r="G1577" s="5" t="s">
        <v>3166</v>
      </c>
    </row>
    <row r="1578" spans="1:7">
      <c r="A1578" s="5" t="s">
        <v>7</v>
      </c>
      <c r="B1578" s="5">
        <v>1577</v>
      </c>
      <c r="C1578" s="5" t="s">
        <v>8</v>
      </c>
      <c r="D1578" s="5" t="s">
        <v>8</v>
      </c>
      <c r="E1578" s="6">
        <v>11001</v>
      </c>
      <c r="F1578" s="5" t="s">
        <v>3167</v>
      </c>
      <c r="G1578" s="5" t="s">
        <v>3168</v>
      </c>
    </row>
    <row r="1579" spans="1:7">
      <c r="A1579" s="5" t="s">
        <v>7</v>
      </c>
      <c r="B1579" s="5">
        <v>1578</v>
      </c>
      <c r="C1579" s="5" t="s">
        <v>2891</v>
      </c>
      <c r="D1579" s="5" t="s">
        <v>2892</v>
      </c>
      <c r="E1579" s="6">
        <v>13001</v>
      </c>
      <c r="F1579" s="5" t="s">
        <v>3169</v>
      </c>
      <c r="G1579" s="5" t="s">
        <v>3170</v>
      </c>
    </row>
    <row r="1580" spans="1:7">
      <c r="A1580" s="5" t="s">
        <v>7</v>
      </c>
      <c r="B1580" s="5">
        <v>1579</v>
      </c>
      <c r="C1580" s="5" t="s">
        <v>2542</v>
      </c>
      <c r="D1580" s="5" t="s">
        <v>2543</v>
      </c>
      <c r="E1580" s="6">
        <v>8001</v>
      </c>
      <c r="F1580" s="5" t="s">
        <v>3171</v>
      </c>
      <c r="G1580" s="5" t="s">
        <v>3172</v>
      </c>
    </row>
    <row r="1581" spans="1:7">
      <c r="A1581" s="5" t="s">
        <v>7</v>
      </c>
      <c r="B1581" s="5">
        <v>1580</v>
      </c>
      <c r="C1581" s="5" t="s">
        <v>2891</v>
      </c>
      <c r="D1581" s="5" t="s">
        <v>2892</v>
      </c>
      <c r="E1581" s="6">
        <v>13001</v>
      </c>
      <c r="F1581" s="5" t="s">
        <v>3173</v>
      </c>
      <c r="G1581" s="5" t="s">
        <v>3174</v>
      </c>
    </row>
    <row r="1582" spans="1:7">
      <c r="A1582" s="5" t="s">
        <v>7</v>
      </c>
      <c r="B1582" s="5">
        <v>1581</v>
      </c>
      <c r="C1582" s="5" t="s">
        <v>8</v>
      </c>
      <c r="D1582" s="5" t="s">
        <v>8</v>
      </c>
      <c r="E1582" s="6">
        <v>11001</v>
      </c>
      <c r="F1582" s="5" t="s">
        <v>3175</v>
      </c>
      <c r="G1582" s="5" t="s">
        <v>3176</v>
      </c>
    </row>
    <row r="1583" spans="1:7">
      <c r="A1583" s="5" t="s">
        <v>7</v>
      </c>
      <c r="B1583" s="5">
        <v>1582</v>
      </c>
      <c r="C1583" s="5" t="s">
        <v>8</v>
      </c>
      <c r="D1583" s="5" t="s">
        <v>8</v>
      </c>
      <c r="E1583" s="6">
        <v>11001</v>
      </c>
      <c r="F1583" s="5" t="s">
        <v>3177</v>
      </c>
      <c r="G1583" s="5" t="s">
        <v>3178</v>
      </c>
    </row>
    <row r="1584" spans="1:7">
      <c r="A1584" s="5" t="s">
        <v>7</v>
      </c>
      <c r="B1584" s="5">
        <v>1583</v>
      </c>
      <c r="C1584" s="5" t="s">
        <v>813</v>
      </c>
      <c r="D1584" s="5" t="s">
        <v>814</v>
      </c>
      <c r="E1584" s="6">
        <v>25754</v>
      </c>
      <c r="F1584" s="5" t="s">
        <v>3179</v>
      </c>
      <c r="G1584" s="5" t="s">
        <v>3180</v>
      </c>
    </row>
    <row r="1585" spans="1:7">
      <c r="A1585" s="5" t="s">
        <v>7</v>
      </c>
      <c r="B1585" s="5">
        <v>1584</v>
      </c>
      <c r="C1585" s="5" t="s">
        <v>2891</v>
      </c>
      <c r="D1585" s="5" t="s">
        <v>2892</v>
      </c>
      <c r="E1585" s="6">
        <v>13001</v>
      </c>
      <c r="F1585" s="5" t="s">
        <v>3181</v>
      </c>
      <c r="G1585" s="5" t="s">
        <v>3182</v>
      </c>
    </row>
    <row r="1586" spans="1:7">
      <c r="A1586" s="5" t="s">
        <v>7</v>
      </c>
      <c r="B1586" s="5">
        <v>1585</v>
      </c>
      <c r="C1586" s="5" t="s">
        <v>8</v>
      </c>
      <c r="D1586" s="5" t="s">
        <v>8</v>
      </c>
      <c r="E1586" s="6">
        <v>11001</v>
      </c>
      <c r="F1586" s="5" t="s">
        <v>3183</v>
      </c>
      <c r="G1586" s="5" t="s">
        <v>3184</v>
      </c>
    </row>
    <row r="1587" spans="1:7">
      <c r="A1587" s="5" t="s">
        <v>7</v>
      </c>
      <c r="B1587" s="5">
        <v>1586</v>
      </c>
      <c r="C1587" s="5" t="s">
        <v>8</v>
      </c>
      <c r="D1587" s="5" t="s">
        <v>8</v>
      </c>
      <c r="E1587" s="6">
        <v>11001</v>
      </c>
      <c r="F1587" s="5" t="s">
        <v>3185</v>
      </c>
      <c r="G1587" s="5" t="s">
        <v>3186</v>
      </c>
    </row>
    <row r="1588" spans="1:7">
      <c r="A1588" s="5" t="s">
        <v>7</v>
      </c>
      <c r="B1588" s="5">
        <v>1587</v>
      </c>
      <c r="C1588" s="5" t="s">
        <v>8</v>
      </c>
      <c r="D1588" s="5" t="s">
        <v>8</v>
      </c>
      <c r="E1588" s="6">
        <v>11001</v>
      </c>
      <c r="F1588" s="5" t="s">
        <v>3187</v>
      </c>
      <c r="G1588" s="5" t="s">
        <v>3188</v>
      </c>
    </row>
    <row r="1589" spans="1:7">
      <c r="A1589" s="5" t="s">
        <v>7</v>
      </c>
      <c r="B1589" s="5">
        <v>1588</v>
      </c>
      <c r="C1589" s="5" t="s">
        <v>8</v>
      </c>
      <c r="D1589" s="5" t="s">
        <v>8</v>
      </c>
      <c r="E1589" s="6">
        <v>11001</v>
      </c>
      <c r="F1589" s="5" t="s">
        <v>3189</v>
      </c>
      <c r="G1589" s="5" t="s">
        <v>3190</v>
      </c>
    </row>
    <row r="1590" spans="1:7">
      <c r="A1590" s="5" t="s">
        <v>7</v>
      </c>
      <c r="B1590" s="5">
        <v>1589</v>
      </c>
      <c r="C1590" s="5" t="s">
        <v>8</v>
      </c>
      <c r="D1590" s="5" t="s">
        <v>8</v>
      </c>
      <c r="E1590" s="6">
        <v>11001</v>
      </c>
      <c r="F1590" s="5" t="s">
        <v>3191</v>
      </c>
      <c r="G1590" s="5" t="s">
        <v>3192</v>
      </c>
    </row>
    <row r="1591" spans="1:7">
      <c r="A1591" s="5" t="s">
        <v>7</v>
      </c>
      <c r="B1591" s="5">
        <v>1590</v>
      </c>
      <c r="C1591" s="5" t="s">
        <v>8</v>
      </c>
      <c r="D1591" s="5" t="s">
        <v>8</v>
      </c>
      <c r="E1591" s="6">
        <v>11001</v>
      </c>
      <c r="F1591" s="5" t="s">
        <v>3193</v>
      </c>
      <c r="G1591" s="5" t="s">
        <v>3194</v>
      </c>
    </row>
    <row r="1592" spans="1:7">
      <c r="A1592" s="5" t="s">
        <v>7</v>
      </c>
      <c r="B1592" s="5">
        <v>1591</v>
      </c>
      <c r="C1592" s="5" t="s">
        <v>8</v>
      </c>
      <c r="D1592" s="5" t="s">
        <v>8</v>
      </c>
      <c r="E1592" s="6">
        <v>11001</v>
      </c>
      <c r="F1592" s="5" t="s">
        <v>3195</v>
      </c>
      <c r="G1592" s="5" t="s">
        <v>3196</v>
      </c>
    </row>
    <row r="1593" spans="1:7">
      <c r="A1593" s="5" t="s">
        <v>7</v>
      </c>
      <c r="B1593" s="5">
        <v>1592</v>
      </c>
      <c r="C1593" s="5" t="s">
        <v>8</v>
      </c>
      <c r="D1593" s="5" t="s">
        <v>8</v>
      </c>
      <c r="E1593" s="6">
        <v>11001</v>
      </c>
      <c r="F1593" s="5" t="s">
        <v>3197</v>
      </c>
      <c r="G1593" s="5" t="s">
        <v>3198</v>
      </c>
    </row>
    <row r="1594" spans="1:7">
      <c r="A1594" s="5" t="s">
        <v>7</v>
      </c>
      <c r="B1594" s="5">
        <v>1593</v>
      </c>
      <c r="C1594" s="5" t="s">
        <v>8</v>
      </c>
      <c r="D1594" s="5" t="s">
        <v>8</v>
      </c>
      <c r="E1594" s="6">
        <v>11001</v>
      </c>
      <c r="F1594" s="5" t="s">
        <v>3199</v>
      </c>
      <c r="G1594" s="5" t="s">
        <v>3200</v>
      </c>
    </row>
    <row r="1595" spans="1:7">
      <c r="A1595" s="5" t="s">
        <v>7</v>
      </c>
      <c r="B1595" s="5">
        <v>1594</v>
      </c>
      <c r="C1595" s="5" t="s">
        <v>8</v>
      </c>
      <c r="D1595" s="5" t="s">
        <v>8</v>
      </c>
      <c r="E1595" s="6">
        <v>11001</v>
      </c>
      <c r="F1595" s="5" t="s">
        <v>3201</v>
      </c>
      <c r="G1595" s="5" t="s">
        <v>3202</v>
      </c>
    </row>
    <row r="1596" spans="1:7">
      <c r="A1596" s="5" t="s">
        <v>7</v>
      </c>
      <c r="B1596" s="5">
        <v>1595</v>
      </c>
      <c r="C1596" s="5" t="s">
        <v>3203</v>
      </c>
      <c r="D1596" s="5" t="s">
        <v>3204</v>
      </c>
      <c r="E1596" s="6">
        <v>63470</v>
      </c>
      <c r="F1596" s="5" t="s">
        <v>3205</v>
      </c>
      <c r="G1596" s="5" t="s">
        <v>3206</v>
      </c>
    </row>
    <row r="1597" spans="1:7">
      <c r="A1597" s="5" t="s">
        <v>7</v>
      </c>
      <c r="B1597" s="5">
        <v>1596</v>
      </c>
      <c r="C1597" s="5" t="s">
        <v>8</v>
      </c>
      <c r="D1597" s="5" t="s">
        <v>8</v>
      </c>
      <c r="E1597" s="6">
        <v>11001</v>
      </c>
      <c r="F1597" s="5" t="s">
        <v>3207</v>
      </c>
      <c r="G1597" s="5" t="s">
        <v>3208</v>
      </c>
    </row>
    <row r="1598" spans="1:7">
      <c r="A1598" s="5" t="s">
        <v>7</v>
      </c>
      <c r="B1598" s="5">
        <v>1597</v>
      </c>
      <c r="C1598" s="5" t="s">
        <v>813</v>
      </c>
      <c r="D1598" s="5" t="s">
        <v>2793</v>
      </c>
      <c r="E1598" s="6">
        <v>25269</v>
      </c>
      <c r="F1598" s="5" t="s">
        <v>3209</v>
      </c>
      <c r="G1598" s="5" t="s">
        <v>3210</v>
      </c>
    </row>
    <row r="1599" spans="1:7">
      <c r="A1599" s="5" t="s">
        <v>7</v>
      </c>
      <c r="B1599" s="5">
        <v>1598</v>
      </c>
      <c r="C1599" s="5" t="s">
        <v>8</v>
      </c>
      <c r="D1599" s="5" t="s">
        <v>8</v>
      </c>
      <c r="E1599" s="6">
        <v>11001</v>
      </c>
      <c r="F1599" s="5" t="s">
        <v>3211</v>
      </c>
      <c r="G1599" s="5" t="s">
        <v>3212</v>
      </c>
    </row>
    <row r="1600" spans="1:7">
      <c r="A1600" s="5" t="s">
        <v>7</v>
      </c>
      <c r="B1600" s="5">
        <v>1599</v>
      </c>
      <c r="C1600" s="5" t="s">
        <v>8</v>
      </c>
      <c r="D1600" s="5" t="s">
        <v>8</v>
      </c>
      <c r="E1600" s="6">
        <v>11001</v>
      </c>
      <c r="F1600" s="5" t="s">
        <v>3213</v>
      </c>
      <c r="G1600" s="5" t="s">
        <v>3214</v>
      </c>
    </row>
    <row r="1601" spans="1:7">
      <c r="A1601" s="5" t="s">
        <v>7</v>
      </c>
      <c r="B1601" s="5">
        <v>1600</v>
      </c>
      <c r="C1601" s="5" t="s">
        <v>3215</v>
      </c>
      <c r="D1601" s="5" t="s">
        <v>3216</v>
      </c>
      <c r="E1601" s="6">
        <v>20001</v>
      </c>
      <c r="F1601" s="5" t="s">
        <v>3217</v>
      </c>
      <c r="G1601" s="5" t="s">
        <v>3218</v>
      </c>
    </row>
    <row r="1602" spans="1:7">
      <c r="A1602" s="5" t="s">
        <v>7</v>
      </c>
      <c r="B1602" s="5">
        <v>1601</v>
      </c>
      <c r="C1602" s="5" t="s">
        <v>813</v>
      </c>
      <c r="D1602" s="5" t="s">
        <v>3219</v>
      </c>
      <c r="E1602" s="6">
        <v>25175</v>
      </c>
      <c r="F1602" s="5" t="s">
        <v>3220</v>
      </c>
      <c r="G1602" s="5" t="s">
        <v>3221</v>
      </c>
    </row>
    <row r="1603" spans="1:7">
      <c r="A1603" s="5" t="s">
        <v>7</v>
      </c>
      <c r="B1603" s="5">
        <v>1602</v>
      </c>
      <c r="C1603" s="5" t="s">
        <v>8</v>
      </c>
      <c r="D1603" s="5" t="s">
        <v>8</v>
      </c>
      <c r="E1603" s="6">
        <v>11001</v>
      </c>
      <c r="F1603" s="5" t="s">
        <v>3222</v>
      </c>
      <c r="G1603" s="5" t="s">
        <v>3223</v>
      </c>
    </row>
    <row r="1604" spans="1:7">
      <c r="A1604" s="5" t="s">
        <v>7</v>
      </c>
      <c r="B1604" s="5">
        <v>1603</v>
      </c>
      <c r="C1604" s="5" t="s">
        <v>8</v>
      </c>
      <c r="D1604" s="5" t="s">
        <v>8</v>
      </c>
      <c r="E1604" s="6">
        <v>11001</v>
      </c>
      <c r="F1604" s="5" t="s">
        <v>3224</v>
      </c>
      <c r="G1604" s="5" t="s">
        <v>3225</v>
      </c>
    </row>
    <row r="1605" spans="1:7">
      <c r="A1605" s="5" t="s">
        <v>7</v>
      </c>
      <c r="B1605" s="5">
        <v>1604</v>
      </c>
      <c r="C1605" s="5" t="s">
        <v>8</v>
      </c>
      <c r="D1605" s="5" t="s">
        <v>8</v>
      </c>
      <c r="E1605" s="6">
        <v>11001</v>
      </c>
      <c r="F1605" s="5" t="s">
        <v>3226</v>
      </c>
      <c r="G1605" s="5" t="s">
        <v>3227</v>
      </c>
    </row>
    <row r="1606" spans="1:7">
      <c r="A1606" s="5" t="s">
        <v>7</v>
      </c>
      <c r="B1606" s="5">
        <v>1605</v>
      </c>
      <c r="C1606" s="5" t="s">
        <v>8</v>
      </c>
      <c r="D1606" s="5" t="s">
        <v>8</v>
      </c>
      <c r="E1606" s="6">
        <v>11001</v>
      </c>
      <c r="F1606" s="5" t="s">
        <v>1150</v>
      </c>
      <c r="G1606" s="5" t="s">
        <v>3228</v>
      </c>
    </row>
    <row r="1607" spans="1:7">
      <c r="A1607" s="5" t="s">
        <v>7</v>
      </c>
      <c r="B1607" s="5">
        <v>1606</v>
      </c>
      <c r="C1607" s="5" t="s">
        <v>8</v>
      </c>
      <c r="D1607" s="5" t="s">
        <v>8</v>
      </c>
      <c r="E1607" s="6">
        <v>11001</v>
      </c>
      <c r="F1607" s="5" t="s">
        <v>3229</v>
      </c>
      <c r="G1607" s="5" t="s">
        <v>3230</v>
      </c>
    </row>
    <row r="1608" spans="1:7">
      <c r="A1608" s="5" t="s">
        <v>7</v>
      </c>
      <c r="B1608" s="5">
        <v>1607</v>
      </c>
      <c r="C1608" s="5" t="s">
        <v>8</v>
      </c>
      <c r="D1608" s="5" t="s">
        <v>8</v>
      </c>
      <c r="E1608" s="6">
        <v>11001</v>
      </c>
      <c r="F1608" s="5" t="s">
        <v>3231</v>
      </c>
      <c r="G1608" s="5" t="s">
        <v>3232</v>
      </c>
    </row>
    <row r="1609" spans="1:7">
      <c r="A1609" s="5" t="s">
        <v>7</v>
      </c>
      <c r="B1609" s="5">
        <v>1608</v>
      </c>
      <c r="C1609" s="5" t="s">
        <v>8</v>
      </c>
      <c r="D1609" s="5" t="s">
        <v>8</v>
      </c>
      <c r="E1609" s="6">
        <v>11001</v>
      </c>
      <c r="F1609" s="5" t="s">
        <v>3233</v>
      </c>
      <c r="G1609" s="5" t="s">
        <v>1919</v>
      </c>
    </row>
    <row r="1610" spans="1:7">
      <c r="A1610" s="5" t="s">
        <v>7</v>
      </c>
      <c r="B1610" s="5">
        <v>1609</v>
      </c>
      <c r="C1610" s="5" t="s">
        <v>8</v>
      </c>
      <c r="D1610" s="5" t="s">
        <v>8</v>
      </c>
      <c r="E1610" s="6">
        <v>11001</v>
      </c>
      <c r="F1610" s="5" t="s">
        <v>3234</v>
      </c>
      <c r="G1610" s="5" t="s">
        <v>3235</v>
      </c>
    </row>
    <row r="1611" spans="1:7">
      <c r="A1611" s="5" t="s">
        <v>7</v>
      </c>
      <c r="B1611" s="5">
        <v>1610</v>
      </c>
      <c r="C1611" s="5" t="s">
        <v>8</v>
      </c>
      <c r="D1611" s="5" t="s">
        <v>8</v>
      </c>
      <c r="E1611" s="6">
        <v>11001</v>
      </c>
      <c r="F1611" s="5" t="s">
        <v>3236</v>
      </c>
      <c r="G1611" s="5" t="s">
        <v>3237</v>
      </c>
    </row>
    <row r="1612" spans="1:7">
      <c r="A1612" s="5" t="s">
        <v>7</v>
      </c>
      <c r="B1612" s="5">
        <v>1611</v>
      </c>
      <c r="C1612" s="5" t="s">
        <v>8</v>
      </c>
      <c r="D1612" s="5" t="s">
        <v>8</v>
      </c>
      <c r="E1612" s="6">
        <v>11001</v>
      </c>
      <c r="F1612" s="5" t="s">
        <v>3238</v>
      </c>
      <c r="G1612" s="5" t="s">
        <v>3239</v>
      </c>
    </row>
    <row r="1613" spans="1:7">
      <c r="A1613" s="5" t="s">
        <v>7</v>
      </c>
      <c r="B1613" s="5">
        <v>1612</v>
      </c>
      <c r="C1613" s="5" t="s">
        <v>8</v>
      </c>
      <c r="D1613" s="5" t="s">
        <v>8</v>
      </c>
      <c r="E1613" s="6">
        <v>11001</v>
      </c>
      <c r="F1613" s="5" t="s">
        <v>3240</v>
      </c>
      <c r="G1613" s="5" t="s">
        <v>3241</v>
      </c>
    </row>
    <row r="1614" spans="1:7">
      <c r="A1614" s="5" t="s">
        <v>7</v>
      </c>
      <c r="B1614" s="5">
        <v>1613</v>
      </c>
      <c r="C1614" s="5" t="s">
        <v>8</v>
      </c>
      <c r="D1614" s="5" t="s">
        <v>8</v>
      </c>
      <c r="E1614" s="6">
        <v>11001</v>
      </c>
      <c r="F1614" s="5" t="s">
        <v>3242</v>
      </c>
      <c r="G1614" s="5" t="s">
        <v>3239</v>
      </c>
    </row>
    <row r="1615" spans="1:7">
      <c r="A1615" s="5" t="s">
        <v>7</v>
      </c>
      <c r="B1615" s="5">
        <v>1614</v>
      </c>
      <c r="C1615" s="5" t="s">
        <v>8</v>
      </c>
      <c r="D1615" s="5" t="s">
        <v>8</v>
      </c>
      <c r="E1615" s="6">
        <v>11001</v>
      </c>
      <c r="F1615" s="5" t="s">
        <v>3243</v>
      </c>
      <c r="G1615" s="5" t="s">
        <v>1725</v>
      </c>
    </row>
    <row r="1616" spans="1:7">
      <c r="A1616" s="5" t="s">
        <v>7</v>
      </c>
      <c r="B1616" s="5">
        <v>1615</v>
      </c>
      <c r="C1616" s="5" t="s">
        <v>8</v>
      </c>
      <c r="D1616" s="5" t="s">
        <v>8</v>
      </c>
      <c r="E1616" s="6">
        <v>11001</v>
      </c>
      <c r="F1616" s="5" t="s">
        <v>3244</v>
      </c>
      <c r="G1616" s="5" t="s">
        <v>3245</v>
      </c>
    </row>
    <row r="1617" spans="1:7">
      <c r="A1617" s="5" t="s">
        <v>7</v>
      </c>
      <c r="B1617" s="5">
        <v>1616</v>
      </c>
      <c r="C1617" s="5" t="s">
        <v>8</v>
      </c>
      <c r="D1617" s="5" t="s">
        <v>8</v>
      </c>
      <c r="E1617" s="6">
        <v>11001</v>
      </c>
      <c r="F1617" s="5" t="s">
        <v>3246</v>
      </c>
      <c r="G1617" s="5" t="s">
        <v>3247</v>
      </c>
    </row>
    <row r="1618" spans="1:7">
      <c r="A1618" s="5" t="s">
        <v>7</v>
      </c>
      <c r="B1618" s="5">
        <v>1617</v>
      </c>
      <c r="C1618" s="5" t="s">
        <v>8</v>
      </c>
      <c r="D1618" s="5" t="s">
        <v>8</v>
      </c>
      <c r="E1618" s="6">
        <v>11001</v>
      </c>
      <c r="F1618" s="5" t="s">
        <v>3248</v>
      </c>
      <c r="G1618" s="5" t="s">
        <v>3249</v>
      </c>
    </row>
    <row r="1619" spans="1:7">
      <c r="A1619" s="5" t="s">
        <v>7</v>
      </c>
      <c r="B1619" s="5">
        <v>1618</v>
      </c>
      <c r="C1619" s="5" t="s">
        <v>8</v>
      </c>
      <c r="D1619" s="5" t="s">
        <v>8</v>
      </c>
      <c r="E1619" s="6">
        <v>11001</v>
      </c>
      <c r="F1619" s="5" t="s">
        <v>3250</v>
      </c>
      <c r="G1619" s="5" t="s">
        <v>3251</v>
      </c>
    </row>
    <row r="1620" spans="1:7">
      <c r="A1620" s="5" t="s">
        <v>7</v>
      </c>
      <c r="B1620" s="5">
        <v>1619</v>
      </c>
      <c r="C1620" s="5" t="s">
        <v>8</v>
      </c>
      <c r="D1620" s="5" t="s">
        <v>8</v>
      </c>
      <c r="E1620" s="6">
        <v>11001</v>
      </c>
      <c r="F1620" s="5" t="s">
        <v>3252</v>
      </c>
      <c r="G1620" s="5" t="s">
        <v>3253</v>
      </c>
    </row>
    <row r="1621" spans="1:7">
      <c r="A1621" s="5" t="s">
        <v>7</v>
      </c>
      <c r="B1621" s="5">
        <v>1620</v>
      </c>
      <c r="C1621" s="5" t="s">
        <v>8</v>
      </c>
      <c r="D1621" s="5" t="s">
        <v>8</v>
      </c>
      <c r="E1621" s="6">
        <v>11001</v>
      </c>
      <c r="F1621" s="5" t="s">
        <v>3254</v>
      </c>
      <c r="G1621" s="5" t="s">
        <v>3255</v>
      </c>
    </row>
    <row r="1622" spans="1:7">
      <c r="A1622" s="5" t="s">
        <v>7</v>
      </c>
      <c r="B1622" s="5">
        <v>1621</v>
      </c>
      <c r="C1622" s="5" t="s">
        <v>8</v>
      </c>
      <c r="D1622" s="5" t="s">
        <v>8</v>
      </c>
      <c r="E1622" s="6">
        <v>11001</v>
      </c>
      <c r="F1622" s="5" t="s">
        <v>3256</v>
      </c>
      <c r="G1622" s="5" t="s">
        <v>3257</v>
      </c>
    </row>
    <row r="1623" spans="1:7">
      <c r="A1623" s="5" t="s">
        <v>7</v>
      </c>
      <c r="B1623" s="5">
        <v>1622</v>
      </c>
      <c r="C1623" s="5" t="s">
        <v>8</v>
      </c>
      <c r="D1623" s="5" t="s">
        <v>8</v>
      </c>
      <c r="E1623" s="6">
        <v>11001</v>
      </c>
      <c r="F1623" s="5" t="s">
        <v>3258</v>
      </c>
      <c r="G1623" s="5" t="s">
        <v>3259</v>
      </c>
    </row>
    <row r="1624" spans="1:7">
      <c r="A1624" s="5" t="s">
        <v>7</v>
      </c>
      <c r="B1624" s="5">
        <v>1623</v>
      </c>
      <c r="C1624" s="5" t="s">
        <v>8</v>
      </c>
      <c r="D1624" s="5" t="s">
        <v>8</v>
      </c>
      <c r="E1624" s="6">
        <v>11001</v>
      </c>
      <c r="F1624" s="5" t="s">
        <v>3260</v>
      </c>
      <c r="G1624" s="5" t="s">
        <v>3261</v>
      </c>
    </row>
    <row r="1625" spans="1:7">
      <c r="A1625" s="5" t="s">
        <v>7</v>
      </c>
      <c r="B1625" s="5">
        <v>1624</v>
      </c>
      <c r="C1625" s="5" t="s">
        <v>8</v>
      </c>
      <c r="D1625" s="5" t="s">
        <v>8</v>
      </c>
      <c r="E1625" s="6">
        <v>11001</v>
      </c>
      <c r="F1625" s="5" t="s">
        <v>3262</v>
      </c>
      <c r="G1625" s="5" t="s">
        <v>3263</v>
      </c>
    </row>
    <row r="1626" spans="1:7">
      <c r="A1626" s="5" t="s">
        <v>7</v>
      </c>
      <c r="B1626" s="5">
        <v>1625</v>
      </c>
      <c r="C1626" s="5" t="s">
        <v>8</v>
      </c>
      <c r="D1626" s="5" t="s">
        <v>8</v>
      </c>
      <c r="E1626" s="6">
        <v>11001</v>
      </c>
      <c r="F1626" s="5" t="s">
        <v>3264</v>
      </c>
      <c r="G1626" s="5" t="s">
        <v>3265</v>
      </c>
    </row>
    <row r="1627" spans="1:7">
      <c r="A1627" s="5" t="s">
        <v>7</v>
      </c>
      <c r="B1627" s="5">
        <v>1626</v>
      </c>
      <c r="C1627" s="5" t="s">
        <v>8</v>
      </c>
      <c r="D1627" s="5" t="s">
        <v>8</v>
      </c>
      <c r="E1627" s="6">
        <v>11001</v>
      </c>
      <c r="F1627" s="5" t="s">
        <v>3266</v>
      </c>
      <c r="G1627" s="5" t="s">
        <v>3267</v>
      </c>
    </row>
    <row r="1628" spans="1:7">
      <c r="A1628" s="5" t="s">
        <v>7</v>
      </c>
      <c r="B1628" s="5">
        <v>1627</v>
      </c>
      <c r="C1628" s="5" t="s">
        <v>8</v>
      </c>
      <c r="D1628" s="5" t="s">
        <v>8</v>
      </c>
      <c r="E1628" s="6">
        <v>11001</v>
      </c>
      <c r="F1628" s="5" t="s">
        <v>3268</v>
      </c>
      <c r="G1628" s="5" t="s">
        <v>3269</v>
      </c>
    </row>
    <row r="1629" spans="1:7">
      <c r="A1629" s="5" t="s">
        <v>7</v>
      </c>
      <c r="B1629" s="5">
        <v>1628</v>
      </c>
      <c r="C1629" s="5" t="s">
        <v>8</v>
      </c>
      <c r="D1629" s="5" t="s">
        <v>8</v>
      </c>
      <c r="E1629" s="6">
        <v>11001</v>
      </c>
      <c r="F1629" s="5" t="s">
        <v>3270</v>
      </c>
      <c r="G1629" s="5" t="s">
        <v>3271</v>
      </c>
    </row>
    <row r="1630" spans="1:7">
      <c r="A1630" s="5" t="s">
        <v>7</v>
      </c>
      <c r="B1630" s="5">
        <v>1629</v>
      </c>
      <c r="C1630" s="5" t="s">
        <v>8</v>
      </c>
      <c r="D1630" s="5" t="s">
        <v>8</v>
      </c>
      <c r="E1630" s="6">
        <v>11001</v>
      </c>
      <c r="F1630" s="5" t="s">
        <v>3272</v>
      </c>
      <c r="G1630" s="5" t="s">
        <v>3273</v>
      </c>
    </row>
    <row r="1631" spans="1:7">
      <c r="A1631" s="5" t="s">
        <v>7</v>
      </c>
      <c r="B1631" s="5">
        <v>1630</v>
      </c>
      <c r="C1631" s="5" t="s">
        <v>8</v>
      </c>
      <c r="D1631" s="5" t="s">
        <v>8</v>
      </c>
      <c r="E1631" s="6">
        <v>11001</v>
      </c>
      <c r="F1631" s="5" t="s">
        <v>3274</v>
      </c>
      <c r="G1631" s="5" t="s">
        <v>3275</v>
      </c>
    </row>
    <row r="1632" spans="1:7">
      <c r="A1632" s="5" t="s">
        <v>7</v>
      </c>
      <c r="B1632" s="5">
        <v>1631</v>
      </c>
      <c r="C1632" s="5" t="s">
        <v>8</v>
      </c>
      <c r="D1632" s="5" t="s">
        <v>8</v>
      </c>
      <c r="E1632" s="6">
        <v>11001</v>
      </c>
      <c r="F1632" s="5" t="s">
        <v>3276</v>
      </c>
      <c r="G1632" s="5" t="s">
        <v>3277</v>
      </c>
    </row>
    <row r="1633" spans="1:7">
      <c r="A1633" s="5" t="s">
        <v>7</v>
      </c>
      <c r="B1633" s="5">
        <v>1632</v>
      </c>
      <c r="C1633" s="5" t="s">
        <v>8</v>
      </c>
      <c r="D1633" s="5" t="s">
        <v>8</v>
      </c>
      <c r="E1633" s="6">
        <v>11001</v>
      </c>
      <c r="F1633" s="5" t="s">
        <v>3278</v>
      </c>
      <c r="G1633" s="5" t="s">
        <v>3279</v>
      </c>
    </row>
    <row r="1634" spans="1:7">
      <c r="A1634" s="5" t="s">
        <v>7</v>
      </c>
      <c r="B1634" s="5">
        <v>1633</v>
      </c>
      <c r="C1634" s="5" t="s">
        <v>8</v>
      </c>
      <c r="D1634" s="5" t="s">
        <v>8</v>
      </c>
      <c r="E1634" s="6">
        <v>11001</v>
      </c>
      <c r="F1634" s="5" t="s">
        <v>3280</v>
      </c>
      <c r="G1634" s="5" t="s">
        <v>3281</v>
      </c>
    </row>
    <row r="1635" spans="1:7">
      <c r="A1635" s="5" t="s">
        <v>7</v>
      </c>
      <c r="B1635" s="5">
        <v>1634</v>
      </c>
      <c r="C1635" s="5" t="s">
        <v>8</v>
      </c>
      <c r="D1635" s="5" t="s">
        <v>8</v>
      </c>
      <c r="E1635" s="6">
        <v>11001</v>
      </c>
      <c r="F1635" s="5" t="s">
        <v>1608</v>
      </c>
      <c r="G1635" s="5" t="s">
        <v>3282</v>
      </c>
    </row>
    <row r="1636" spans="1:7">
      <c r="A1636" s="5" t="s">
        <v>7</v>
      </c>
      <c r="B1636" s="5">
        <v>1635</v>
      </c>
      <c r="C1636" s="5" t="s">
        <v>8</v>
      </c>
      <c r="D1636" s="5" t="s">
        <v>8</v>
      </c>
      <c r="E1636" s="6">
        <v>11001</v>
      </c>
      <c r="F1636" s="5" t="s">
        <v>3283</v>
      </c>
      <c r="G1636" s="5" t="s">
        <v>3284</v>
      </c>
    </row>
    <row r="1637" spans="1:7">
      <c r="A1637" s="5" t="s">
        <v>7</v>
      </c>
      <c r="B1637" s="5">
        <v>1636</v>
      </c>
      <c r="C1637" s="5" t="s">
        <v>8</v>
      </c>
      <c r="D1637" s="5" t="s">
        <v>8</v>
      </c>
      <c r="E1637" s="6">
        <v>11001</v>
      </c>
      <c r="F1637" s="5" t="s">
        <v>3285</v>
      </c>
      <c r="G1637" s="5" t="s">
        <v>3286</v>
      </c>
    </row>
    <row r="1638" spans="1:7">
      <c r="A1638" s="5" t="s">
        <v>7</v>
      </c>
      <c r="B1638" s="5">
        <v>1637</v>
      </c>
      <c r="C1638" s="5" t="s">
        <v>8</v>
      </c>
      <c r="D1638" s="5" t="s">
        <v>8</v>
      </c>
      <c r="E1638" s="6">
        <v>11001</v>
      </c>
      <c r="F1638" s="5" t="s">
        <v>3287</v>
      </c>
      <c r="G1638" s="5" t="s">
        <v>3288</v>
      </c>
    </row>
    <row r="1639" spans="1:7">
      <c r="A1639" s="5" t="s">
        <v>7</v>
      </c>
      <c r="B1639" s="5">
        <v>1638</v>
      </c>
      <c r="C1639" s="5" t="s">
        <v>8</v>
      </c>
      <c r="D1639" s="5" t="s">
        <v>8</v>
      </c>
      <c r="E1639" s="6">
        <v>11001</v>
      </c>
      <c r="F1639" s="5" t="s">
        <v>3289</v>
      </c>
      <c r="G1639" s="5" t="s">
        <v>3290</v>
      </c>
    </row>
    <row r="1640" spans="1:7">
      <c r="A1640" s="5" t="s">
        <v>7</v>
      </c>
      <c r="B1640" s="5">
        <v>1639</v>
      </c>
      <c r="C1640" s="5" t="s">
        <v>8</v>
      </c>
      <c r="D1640" s="5" t="s">
        <v>8</v>
      </c>
      <c r="E1640" s="6">
        <v>11001</v>
      </c>
      <c r="F1640" s="5" t="s">
        <v>3291</v>
      </c>
      <c r="G1640" s="5" t="s">
        <v>740</v>
      </c>
    </row>
    <row r="1641" spans="1:7">
      <c r="A1641" s="5" t="s">
        <v>7</v>
      </c>
      <c r="B1641" s="5">
        <v>1640</v>
      </c>
      <c r="C1641" s="5" t="s">
        <v>8</v>
      </c>
      <c r="D1641" s="5" t="s">
        <v>8</v>
      </c>
      <c r="E1641" s="6">
        <v>11001</v>
      </c>
      <c r="F1641" s="5" t="s">
        <v>1604</v>
      </c>
      <c r="G1641" s="5" t="s">
        <v>1605</v>
      </c>
    </row>
    <row r="1642" spans="1:7">
      <c r="A1642" s="5" t="s">
        <v>7</v>
      </c>
      <c r="B1642" s="5">
        <v>1641</v>
      </c>
      <c r="C1642" s="5" t="s">
        <v>8</v>
      </c>
      <c r="D1642" s="5" t="s">
        <v>8</v>
      </c>
      <c r="E1642" s="6">
        <v>11001</v>
      </c>
      <c r="F1642" s="5" t="s">
        <v>2911</v>
      </c>
      <c r="G1642" s="5" t="s">
        <v>2912</v>
      </c>
    </row>
    <row r="1643" spans="1:7">
      <c r="A1643" s="5" t="s">
        <v>7</v>
      </c>
      <c r="B1643" s="5">
        <v>1642</v>
      </c>
      <c r="C1643" s="5" t="s">
        <v>8</v>
      </c>
      <c r="D1643" s="5" t="s">
        <v>8</v>
      </c>
      <c r="E1643" s="6">
        <v>11001</v>
      </c>
      <c r="F1643" s="5" t="s">
        <v>3292</v>
      </c>
      <c r="G1643" s="5" t="s">
        <v>3293</v>
      </c>
    </row>
    <row r="1644" spans="1:7">
      <c r="A1644" s="5" t="s">
        <v>7</v>
      </c>
      <c r="B1644" s="5">
        <v>1643</v>
      </c>
      <c r="C1644" s="5" t="s">
        <v>8</v>
      </c>
      <c r="D1644" s="5" t="s">
        <v>8</v>
      </c>
      <c r="E1644" s="6">
        <v>11001</v>
      </c>
      <c r="F1644" s="5" t="s">
        <v>3294</v>
      </c>
      <c r="G1644" s="5" t="s">
        <v>3295</v>
      </c>
    </row>
    <row r="1645" spans="1:7">
      <c r="A1645" s="5" t="s">
        <v>7</v>
      </c>
      <c r="B1645" s="5">
        <v>1644</v>
      </c>
      <c r="C1645" s="5" t="s">
        <v>8</v>
      </c>
      <c r="D1645" s="5" t="s">
        <v>8</v>
      </c>
      <c r="E1645" s="6">
        <v>11001</v>
      </c>
      <c r="F1645" s="5" t="s">
        <v>3296</v>
      </c>
      <c r="G1645" s="5" t="s">
        <v>3297</v>
      </c>
    </row>
    <row r="1646" spans="1:7">
      <c r="A1646" s="5" t="s">
        <v>7</v>
      </c>
      <c r="B1646" s="5">
        <v>1645</v>
      </c>
      <c r="C1646" s="5" t="s">
        <v>8</v>
      </c>
      <c r="D1646" s="5" t="s">
        <v>8</v>
      </c>
      <c r="E1646" s="6">
        <v>11001</v>
      </c>
      <c r="F1646" s="5" t="s">
        <v>3298</v>
      </c>
      <c r="G1646" s="5" t="s">
        <v>3299</v>
      </c>
    </row>
    <row r="1647" spans="1:7">
      <c r="A1647" s="5" t="s">
        <v>7</v>
      </c>
      <c r="B1647" s="5">
        <v>1646</v>
      </c>
      <c r="C1647" s="5" t="s">
        <v>8</v>
      </c>
      <c r="D1647" s="5" t="s">
        <v>8</v>
      </c>
      <c r="E1647" s="6">
        <v>11001</v>
      </c>
      <c r="F1647" s="5" t="s">
        <v>3300</v>
      </c>
      <c r="G1647" s="5" t="s">
        <v>3301</v>
      </c>
    </row>
    <row r="1648" spans="1:7">
      <c r="A1648" s="5" t="s">
        <v>7</v>
      </c>
      <c r="B1648" s="5">
        <v>1699</v>
      </c>
      <c r="C1648" s="5" t="s">
        <v>8</v>
      </c>
      <c r="D1648" s="5" t="s">
        <v>8</v>
      </c>
      <c r="E1648" s="6">
        <v>11001</v>
      </c>
      <c r="F1648" s="5" t="s">
        <v>3302</v>
      </c>
      <c r="G1648" s="5" t="s">
        <v>3303</v>
      </c>
    </row>
    <row r="1649" spans="1:7">
      <c r="A1649" s="5" t="s">
        <v>7</v>
      </c>
      <c r="B1649" s="5">
        <v>1700</v>
      </c>
      <c r="C1649" s="5" t="s">
        <v>8</v>
      </c>
      <c r="D1649" s="5" t="s">
        <v>8</v>
      </c>
      <c r="E1649" s="6">
        <v>11001</v>
      </c>
      <c r="F1649" s="5" t="s">
        <v>3304</v>
      </c>
      <c r="G1649" s="5" t="s">
        <v>3305</v>
      </c>
    </row>
    <row r="1650" spans="1:7">
      <c r="A1650" s="5" t="s">
        <v>7</v>
      </c>
      <c r="B1650" s="5">
        <v>1701</v>
      </c>
      <c r="C1650" s="5" t="s">
        <v>3306</v>
      </c>
      <c r="D1650" s="5" t="s">
        <v>3307</v>
      </c>
      <c r="E1650" s="6">
        <v>50226</v>
      </c>
      <c r="F1650" s="5" t="s">
        <v>3308</v>
      </c>
      <c r="G1650" s="5" t="s">
        <v>3309</v>
      </c>
    </row>
    <row r="1651" spans="1:7">
      <c r="A1651" s="5" t="s">
        <v>7</v>
      </c>
      <c r="B1651" s="5">
        <v>1702</v>
      </c>
      <c r="C1651" s="5" t="s">
        <v>8</v>
      </c>
      <c r="D1651" s="5" t="s">
        <v>8</v>
      </c>
      <c r="E1651" s="6">
        <v>11001</v>
      </c>
      <c r="F1651" s="5" t="s">
        <v>1350</v>
      </c>
      <c r="G1651" s="5" t="s">
        <v>3310</v>
      </c>
    </row>
    <row r="1652" spans="1:7">
      <c r="A1652" s="5" t="s">
        <v>7</v>
      </c>
      <c r="B1652" s="5">
        <v>1703</v>
      </c>
      <c r="C1652" s="5" t="s">
        <v>8</v>
      </c>
      <c r="D1652" s="5" t="s">
        <v>8</v>
      </c>
      <c r="E1652" s="6">
        <v>11001</v>
      </c>
      <c r="F1652" s="5" t="s">
        <v>2476</v>
      </c>
      <c r="G1652" s="5" t="s">
        <v>3311</v>
      </c>
    </row>
    <row r="1653" spans="1:7">
      <c r="A1653" s="5" t="s">
        <v>7</v>
      </c>
      <c r="B1653" s="5">
        <v>1704</v>
      </c>
      <c r="C1653" s="5" t="s">
        <v>8</v>
      </c>
      <c r="D1653" s="5" t="s">
        <v>8</v>
      </c>
      <c r="E1653" s="6">
        <v>11001</v>
      </c>
      <c r="F1653" s="5" t="s">
        <v>3312</v>
      </c>
      <c r="G1653" s="5" t="s">
        <v>3313</v>
      </c>
    </row>
    <row r="1654" spans="1:7">
      <c r="A1654" s="5" t="s">
        <v>7</v>
      </c>
      <c r="B1654" s="5">
        <v>1705</v>
      </c>
      <c r="C1654" s="5" t="s">
        <v>8</v>
      </c>
      <c r="D1654" s="5" t="s">
        <v>8</v>
      </c>
      <c r="E1654" s="6">
        <v>11001</v>
      </c>
      <c r="F1654" s="5" t="s">
        <v>1152</v>
      </c>
      <c r="G1654" s="5" t="s">
        <v>1153</v>
      </c>
    </row>
    <row r="1655" spans="1:7">
      <c r="A1655" s="5" t="s">
        <v>7</v>
      </c>
      <c r="B1655" s="5">
        <v>1706</v>
      </c>
      <c r="C1655" s="5" t="s">
        <v>8</v>
      </c>
      <c r="D1655" s="5" t="s">
        <v>8</v>
      </c>
      <c r="E1655" s="6">
        <v>11001</v>
      </c>
      <c r="F1655" s="5" t="s">
        <v>1768</v>
      </c>
      <c r="G1655" s="5" t="s">
        <v>1769</v>
      </c>
    </row>
    <row r="1656" spans="1:7">
      <c r="A1656" s="5" t="s">
        <v>7</v>
      </c>
      <c r="B1656" s="5">
        <v>1707</v>
      </c>
      <c r="C1656" s="5" t="s">
        <v>8</v>
      </c>
      <c r="D1656" s="5" t="s">
        <v>8</v>
      </c>
      <c r="E1656" s="6">
        <v>11001</v>
      </c>
      <c r="F1656" s="5" t="s">
        <v>3314</v>
      </c>
      <c r="G1656" s="5" t="s">
        <v>3315</v>
      </c>
    </row>
    <row r="1657" spans="1:7">
      <c r="A1657" s="5" t="s">
        <v>7</v>
      </c>
      <c r="B1657" s="5">
        <v>1708</v>
      </c>
      <c r="C1657" s="5" t="s">
        <v>2542</v>
      </c>
      <c r="D1657" s="5" t="s">
        <v>2543</v>
      </c>
      <c r="E1657" s="6">
        <v>8001</v>
      </c>
      <c r="F1657" s="5" t="s">
        <v>3316</v>
      </c>
      <c r="G1657" s="5" t="s">
        <v>3317</v>
      </c>
    </row>
    <row r="1658" spans="1:7">
      <c r="A1658" s="5" t="s">
        <v>7</v>
      </c>
      <c r="B1658" s="5">
        <v>1709</v>
      </c>
      <c r="C1658" s="5" t="s">
        <v>2542</v>
      </c>
      <c r="D1658" s="5" t="s">
        <v>2543</v>
      </c>
      <c r="E1658" s="6">
        <v>8001</v>
      </c>
      <c r="F1658" s="5" t="s">
        <v>3004</v>
      </c>
      <c r="G1658" s="5" t="s">
        <v>3318</v>
      </c>
    </row>
    <row r="1659" spans="1:7">
      <c r="A1659" s="5" t="s">
        <v>7</v>
      </c>
      <c r="B1659" s="5">
        <v>1710</v>
      </c>
      <c r="C1659" s="5" t="s">
        <v>2542</v>
      </c>
      <c r="D1659" s="5" t="s">
        <v>2543</v>
      </c>
      <c r="E1659" s="6">
        <v>8001</v>
      </c>
      <c r="F1659" s="5" t="s">
        <v>3319</v>
      </c>
      <c r="G1659" s="5" t="s">
        <v>3320</v>
      </c>
    </row>
    <row r="1660" spans="1:7">
      <c r="A1660" s="5" t="s">
        <v>7</v>
      </c>
      <c r="B1660" s="5">
        <v>1711</v>
      </c>
      <c r="C1660" s="5" t="s">
        <v>2542</v>
      </c>
      <c r="D1660" s="5" t="s">
        <v>2543</v>
      </c>
      <c r="E1660" s="6">
        <v>8001</v>
      </c>
      <c r="F1660" s="5" t="s">
        <v>2834</v>
      </c>
      <c r="G1660" s="5" t="s">
        <v>2835</v>
      </c>
    </row>
    <row r="1661" spans="1:7">
      <c r="A1661" s="5" t="s">
        <v>7</v>
      </c>
      <c r="B1661" s="5">
        <v>1712</v>
      </c>
      <c r="C1661" s="5" t="s">
        <v>2542</v>
      </c>
      <c r="D1661" s="5" t="s">
        <v>2543</v>
      </c>
      <c r="E1661" s="6">
        <v>8001</v>
      </c>
      <c r="F1661" s="5" t="s">
        <v>3321</v>
      </c>
      <c r="G1661" s="5" t="s">
        <v>3322</v>
      </c>
    </row>
    <row r="1662" spans="1:7">
      <c r="A1662" s="5" t="s">
        <v>7</v>
      </c>
      <c r="B1662" s="5">
        <v>1713</v>
      </c>
      <c r="C1662" s="5" t="s">
        <v>3323</v>
      </c>
      <c r="D1662" s="5" t="s">
        <v>3324</v>
      </c>
      <c r="E1662" s="6">
        <v>54743</v>
      </c>
      <c r="F1662" s="5" t="s">
        <v>3325</v>
      </c>
      <c r="G1662" s="5" t="s">
        <v>3326</v>
      </c>
    </row>
    <row r="1663" spans="1:7">
      <c r="A1663" s="5" t="s">
        <v>7</v>
      </c>
      <c r="B1663" s="5">
        <v>1714</v>
      </c>
      <c r="C1663" s="5" t="s">
        <v>8</v>
      </c>
      <c r="D1663" s="5" t="s">
        <v>8</v>
      </c>
      <c r="E1663" s="6">
        <v>11001</v>
      </c>
      <c r="F1663" s="5" t="s">
        <v>3327</v>
      </c>
      <c r="G1663" s="5" t="s">
        <v>3328</v>
      </c>
    </row>
    <row r="1664" spans="1:7">
      <c r="A1664" s="5" t="s">
        <v>7</v>
      </c>
      <c r="B1664" s="5">
        <v>1715</v>
      </c>
      <c r="C1664" s="5" t="s">
        <v>8</v>
      </c>
      <c r="D1664" s="5" t="s">
        <v>8</v>
      </c>
      <c r="E1664" s="6">
        <v>11001</v>
      </c>
      <c r="F1664" s="5" t="s">
        <v>3329</v>
      </c>
      <c r="G1664" s="5" t="s">
        <v>3330</v>
      </c>
    </row>
    <row r="1665" spans="1:7">
      <c r="A1665" s="5" t="s">
        <v>7</v>
      </c>
      <c r="B1665" s="5">
        <v>1716</v>
      </c>
      <c r="C1665" s="5" t="s">
        <v>8</v>
      </c>
      <c r="D1665" s="5" t="s">
        <v>8</v>
      </c>
      <c r="E1665" s="6">
        <v>11001</v>
      </c>
      <c r="F1665" s="5" t="s">
        <v>3331</v>
      </c>
      <c r="G1665" s="5" t="s">
        <v>3332</v>
      </c>
    </row>
    <row r="1666" spans="1:7">
      <c r="A1666" s="5" t="s">
        <v>7</v>
      </c>
      <c r="B1666" s="5">
        <v>1717</v>
      </c>
      <c r="C1666" s="5" t="s">
        <v>8</v>
      </c>
      <c r="D1666" s="5" t="s">
        <v>8</v>
      </c>
      <c r="E1666" s="6">
        <v>11001</v>
      </c>
      <c r="F1666" s="5" t="s">
        <v>3333</v>
      </c>
      <c r="G1666" s="5" t="s">
        <v>3334</v>
      </c>
    </row>
    <row r="1667" spans="1:7">
      <c r="A1667" s="5" t="s">
        <v>7</v>
      </c>
      <c r="B1667" s="5">
        <v>1718</v>
      </c>
      <c r="C1667" s="5" t="s">
        <v>8</v>
      </c>
      <c r="D1667" s="5" t="s">
        <v>8</v>
      </c>
      <c r="E1667" s="6">
        <v>11001</v>
      </c>
      <c r="F1667" s="5" t="s">
        <v>3335</v>
      </c>
      <c r="G1667" s="5" t="s">
        <v>3336</v>
      </c>
    </row>
    <row r="1668" spans="1:7">
      <c r="A1668" s="5" t="s">
        <v>7</v>
      </c>
      <c r="B1668" s="5">
        <v>1719</v>
      </c>
      <c r="C1668" s="5" t="s">
        <v>8</v>
      </c>
      <c r="D1668" s="5" t="s">
        <v>8</v>
      </c>
      <c r="E1668" s="6">
        <v>11001</v>
      </c>
      <c r="F1668" s="5" t="s">
        <v>3337</v>
      </c>
      <c r="G1668" s="5" t="s">
        <v>3338</v>
      </c>
    </row>
    <row r="1669" spans="1:7">
      <c r="A1669" s="5" t="s">
        <v>7</v>
      </c>
      <c r="B1669" s="5">
        <v>1720</v>
      </c>
      <c r="C1669" s="5" t="s">
        <v>8</v>
      </c>
      <c r="D1669" s="5" t="s">
        <v>8</v>
      </c>
      <c r="E1669" s="6">
        <v>11001</v>
      </c>
      <c r="F1669" s="5" t="s">
        <v>3339</v>
      </c>
      <c r="G1669" s="5" t="s">
        <v>3340</v>
      </c>
    </row>
    <row r="1670" spans="1:7">
      <c r="A1670" s="5" t="s">
        <v>7</v>
      </c>
      <c r="B1670" s="5">
        <v>1721</v>
      </c>
      <c r="C1670" s="5" t="s">
        <v>813</v>
      </c>
      <c r="D1670" s="5" t="s">
        <v>3341</v>
      </c>
      <c r="E1670" s="6">
        <v>25126</v>
      </c>
      <c r="F1670" s="5" t="s">
        <v>3342</v>
      </c>
      <c r="G1670" s="5" t="s">
        <v>3343</v>
      </c>
    </row>
    <row r="1671" spans="1:7">
      <c r="A1671" s="5" t="s">
        <v>7</v>
      </c>
      <c r="B1671" s="5">
        <v>1722</v>
      </c>
      <c r="C1671" s="5" t="s">
        <v>8</v>
      </c>
      <c r="D1671" s="5" t="s">
        <v>8</v>
      </c>
      <c r="E1671" s="6">
        <v>11001</v>
      </c>
      <c r="F1671" s="5" t="s">
        <v>3344</v>
      </c>
      <c r="G1671" s="5" t="s">
        <v>3345</v>
      </c>
    </row>
    <row r="1672" spans="1:7">
      <c r="A1672" s="5" t="s">
        <v>7</v>
      </c>
      <c r="B1672" s="5">
        <v>1723</v>
      </c>
      <c r="C1672" s="5" t="s">
        <v>8</v>
      </c>
      <c r="D1672" s="5" t="s">
        <v>8</v>
      </c>
      <c r="E1672" s="6">
        <v>11001</v>
      </c>
      <c r="F1672" s="5" t="s">
        <v>3346</v>
      </c>
      <c r="G1672" s="5" t="s">
        <v>3347</v>
      </c>
    </row>
    <row r="1673" spans="1:7">
      <c r="A1673" s="5" t="s">
        <v>7</v>
      </c>
      <c r="B1673" s="5">
        <v>1724</v>
      </c>
      <c r="C1673" s="5" t="s">
        <v>8</v>
      </c>
      <c r="D1673" s="5" t="s">
        <v>8</v>
      </c>
      <c r="E1673" s="6">
        <v>11001</v>
      </c>
      <c r="F1673" s="5" t="s">
        <v>3348</v>
      </c>
      <c r="G1673" s="5" t="s">
        <v>3349</v>
      </c>
    </row>
    <row r="1674" spans="1:7">
      <c r="A1674" s="5" t="s">
        <v>7</v>
      </c>
      <c r="B1674" s="5">
        <v>1725</v>
      </c>
      <c r="C1674" s="5" t="s">
        <v>8</v>
      </c>
      <c r="D1674" s="5" t="s">
        <v>8</v>
      </c>
      <c r="E1674" s="6">
        <v>11001</v>
      </c>
      <c r="F1674" s="5" t="s">
        <v>3350</v>
      </c>
      <c r="G1674" s="5" t="s">
        <v>3351</v>
      </c>
    </row>
    <row r="1675" spans="1:7">
      <c r="A1675" s="5" t="s">
        <v>7</v>
      </c>
      <c r="B1675" s="5">
        <v>1726</v>
      </c>
      <c r="C1675" s="5" t="s">
        <v>8</v>
      </c>
      <c r="D1675" s="5" t="s">
        <v>8</v>
      </c>
      <c r="E1675" s="6">
        <v>11001</v>
      </c>
      <c r="F1675" s="5" t="s">
        <v>3352</v>
      </c>
      <c r="G1675" s="5" t="s">
        <v>3353</v>
      </c>
    </row>
    <row r="1676" spans="1:7">
      <c r="A1676" s="5" t="s">
        <v>7</v>
      </c>
      <c r="B1676" s="5">
        <v>1727</v>
      </c>
      <c r="C1676" s="5" t="s">
        <v>8</v>
      </c>
      <c r="D1676" s="5" t="s">
        <v>8</v>
      </c>
      <c r="E1676" s="6">
        <v>11001</v>
      </c>
      <c r="F1676" s="5" t="s">
        <v>3354</v>
      </c>
      <c r="G1676" s="5" t="s">
        <v>3355</v>
      </c>
    </row>
    <row r="1677" spans="1:7">
      <c r="A1677" s="5" t="s">
        <v>7</v>
      </c>
      <c r="B1677" s="5">
        <v>1728</v>
      </c>
      <c r="C1677" s="5" t="s">
        <v>8</v>
      </c>
      <c r="D1677" s="5" t="s">
        <v>8</v>
      </c>
      <c r="E1677" s="6">
        <v>11001</v>
      </c>
      <c r="F1677" s="5" t="s">
        <v>3356</v>
      </c>
      <c r="G1677" s="5" t="s">
        <v>3357</v>
      </c>
    </row>
    <row r="1678" spans="1:7">
      <c r="A1678" s="5" t="s">
        <v>7</v>
      </c>
      <c r="B1678" s="5">
        <v>1729</v>
      </c>
      <c r="C1678" s="5" t="s">
        <v>8</v>
      </c>
      <c r="D1678" s="5" t="s">
        <v>8</v>
      </c>
      <c r="E1678" s="6">
        <v>11001</v>
      </c>
      <c r="F1678" s="5" t="s">
        <v>3358</v>
      </c>
      <c r="G1678" s="5" t="s">
        <v>3359</v>
      </c>
    </row>
    <row r="1679" spans="1:7">
      <c r="A1679" s="5" t="s">
        <v>7</v>
      </c>
      <c r="B1679" s="5">
        <v>1730</v>
      </c>
      <c r="C1679" s="5" t="s">
        <v>8</v>
      </c>
      <c r="D1679" s="5" t="s">
        <v>8</v>
      </c>
      <c r="E1679" s="6">
        <v>11001</v>
      </c>
      <c r="F1679" s="5" t="s">
        <v>3360</v>
      </c>
      <c r="G1679" s="5" t="s">
        <v>3361</v>
      </c>
    </row>
    <row r="1680" spans="1:7">
      <c r="A1680" s="5" t="s">
        <v>7</v>
      </c>
      <c r="B1680" s="5">
        <v>1731</v>
      </c>
      <c r="C1680" s="5" t="s">
        <v>8</v>
      </c>
      <c r="D1680" s="5" t="s">
        <v>8</v>
      </c>
      <c r="E1680" s="6">
        <v>11001</v>
      </c>
      <c r="F1680" s="5" t="s">
        <v>3362</v>
      </c>
      <c r="G1680" s="5" t="s">
        <v>3363</v>
      </c>
    </row>
    <row r="1681" spans="1:7">
      <c r="A1681" s="5" t="s">
        <v>7</v>
      </c>
      <c r="B1681" s="5">
        <v>1732</v>
      </c>
      <c r="C1681" s="5" t="s">
        <v>8</v>
      </c>
      <c r="D1681" s="5" t="s">
        <v>8</v>
      </c>
      <c r="E1681" s="6">
        <v>11001</v>
      </c>
      <c r="F1681" s="5" t="s">
        <v>3364</v>
      </c>
      <c r="G1681" s="5" t="s">
        <v>3365</v>
      </c>
    </row>
    <row r="1682" spans="1:7">
      <c r="A1682" s="5" t="s">
        <v>7</v>
      </c>
      <c r="B1682" s="5">
        <v>1733</v>
      </c>
      <c r="C1682" s="5" t="s">
        <v>8</v>
      </c>
      <c r="D1682" s="5" t="s">
        <v>8</v>
      </c>
      <c r="E1682" s="6">
        <v>11001</v>
      </c>
      <c r="F1682" s="5" t="s">
        <v>3366</v>
      </c>
      <c r="G1682" s="5" t="s">
        <v>3367</v>
      </c>
    </row>
    <row r="1683" spans="1:7">
      <c r="A1683" s="5" t="s">
        <v>7</v>
      </c>
      <c r="B1683" s="5">
        <v>1734</v>
      </c>
      <c r="C1683" s="5" t="s">
        <v>8</v>
      </c>
      <c r="D1683" s="5" t="s">
        <v>8</v>
      </c>
      <c r="E1683" s="6">
        <v>11001</v>
      </c>
      <c r="F1683" s="5" t="s">
        <v>3368</v>
      </c>
      <c r="G1683" s="5" t="s">
        <v>3369</v>
      </c>
    </row>
    <row r="1684" spans="1:7">
      <c r="A1684" s="5" t="s">
        <v>7</v>
      </c>
      <c r="B1684" s="5">
        <v>1735</v>
      </c>
      <c r="C1684" s="5" t="s">
        <v>8</v>
      </c>
      <c r="D1684" s="5" t="s">
        <v>8</v>
      </c>
      <c r="E1684" s="6">
        <v>11001</v>
      </c>
      <c r="F1684" s="5" t="s">
        <v>3370</v>
      </c>
      <c r="G1684" s="5" t="s">
        <v>3371</v>
      </c>
    </row>
    <row r="1685" spans="1:7">
      <c r="A1685" s="5" t="s">
        <v>7</v>
      </c>
      <c r="B1685" s="5">
        <v>1736</v>
      </c>
      <c r="C1685" s="5" t="s">
        <v>3011</v>
      </c>
      <c r="D1685" s="5" t="s">
        <v>3372</v>
      </c>
      <c r="E1685" s="6">
        <v>5376</v>
      </c>
      <c r="F1685" s="5" t="s">
        <v>3373</v>
      </c>
      <c r="G1685" s="5" t="s">
        <v>3374</v>
      </c>
    </row>
    <row r="1686" spans="1:7">
      <c r="A1686" s="5" t="s">
        <v>7</v>
      </c>
      <c r="B1686" s="5">
        <v>1737</v>
      </c>
      <c r="C1686" s="5" t="s">
        <v>8</v>
      </c>
      <c r="D1686" s="5" t="s">
        <v>8</v>
      </c>
      <c r="E1686" s="6">
        <v>11001</v>
      </c>
      <c r="F1686" s="5" t="s">
        <v>3375</v>
      </c>
      <c r="G1686" s="5" t="s">
        <v>3376</v>
      </c>
    </row>
    <row r="1687" spans="1:7">
      <c r="A1687" s="5" t="s">
        <v>7</v>
      </c>
      <c r="B1687" s="5">
        <v>1738</v>
      </c>
      <c r="C1687" s="5" t="s">
        <v>8</v>
      </c>
      <c r="D1687" s="5" t="s">
        <v>8</v>
      </c>
      <c r="E1687" s="6">
        <v>11001</v>
      </c>
      <c r="F1687" s="5" t="s">
        <v>3377</v>
      </c>
      <c r="G1687" s="5" t="s">
        <v>3378</v>
      </c>
    </row>
    <row r="1688" spans="1:7">
      <c r="A1688" s="5" t="s">
        <v>7</v>
      </c>
      <c r="B1688" s="5">
        <v>1739</v>
      </c>
      <c r="C1688" s="5" t="s">
        <v>8</v>
      </c>
      <c r="D1688" s="5" t="s">
        <v>8</v>
      </c>
      <c r="E1688" s="6">
        <v>11001</v>
      </c>
      <c r="F1688" s="5" t="s">
        <v>3379</v>
      </c>
      <c r="G1688" s="5" t="s">
        <v>3380</v>
      </c>
    </row>
    <row r="1689" spans="1:7">
      <c r="A1689" s="5" t="s">
        <v>7</v>
      </c>
      <c r="B1689" s="5">
        <v>1740</v>
      </c>
      <c r="C1689" s="5" t="s">
        <v>8</v>
      </c>
      <c r="D1689" s="5" t="s">
        <v>8</v>
      </c>
      <c r="E1689" s="6">
        <v>11001</v>
      </c>
      <c r="F1689" s="5" t="s">
        <v>3381</v>
      </c>
      <c r="G1689" s="5" t="s">
        <v>3382</v>
      </c>
    </row>
    <row r="1690" spans="1:7">
      <c r="A1690" s="5" t="s">
        <v>7</v>
      </c>
      <c r="B1690" s="5">
        <v>1741</v>
      </c>
      <c r="C1690" s="5" t="s">
        <v>8</v>
      </c>
      <c r="D1690" s="5" t="s">
        <v>8</v>
      </c>
      <c r="E1690" s="6">
        <v>11001</v>
      </c>
      <c r="F1690" s="5" t="s">
        <v>3383</v>
      </c>
      <c r="G1690" s="5" t="s">
        <v>3384</v>
      </c>
    </row>
    <row r="1691" spans="1:7">
      <c r="A1691" s="5" t="s">
        <v>7</v>
      </c>
      <c r="B1691" s="5">
        <v>1742</v>
      </c>
      <c r="C1691" s="5" t="s">
        <v>8</v>
      </c>
      <c r="D1691" s="5" t="s">
        <v>8</v>
      </c>
      <c r="E1691" s="6">
        <v>11001</v>
      </c>
      <c r="F1691" s="5" t="s">
        <v>3331</v>
      </c>
      <c r="G1691" s="5" t="s">
        <v>3332</v>
      </c>
    </row>
    <row r="1692" spans="1:7">
      <c r="A1692" s="5" t="s">
        <v>7</v>
      </c>
      <c r="B1692" s="5">
        <v>1743</v>
      </c>
      <c r="C1692" s="5" t="s">
        <v>8</v>
      </c>
      <c r="D1692" s="5" t="s">
        <v>8</v>
      </c>
      <c r="E1692" s="6">
        <v>11001</v>
      </c>
      <c r="F1692" s="5" t="s">
        <v>3385</v>
      </c>
      <c r="G1692" s="5" t="s">
        <v>3386</v>
      </c>
    </row>
    <row r="1693" spans="1:7">
      <c r="A1693" s="5" t="s">
        <v>7</v>
      </c>
      <c r="B1693" s="5">
        <v>1744</v>
      </c>
      <c r="C1693" s="5" t="s">
        <v>8</v>
      </c>
      <c r="D1693" s="5" t="s">
        <v>8</v>
      </c>
      <c r="E1693" s="6">
        <v>11001</v>
      </c>
      <c r="F1693" s="5" t="s">
        <v>3387</v>
      </c>
      <c r="G1693" s="5" t="s">
        <v>3388</v>
      </c>
    </row>
    <row r="1694" spans="1:7">
      <c r="A1694" s="5" t="s">
        <v>7</v>
      </c>
      <c r="B1694" s="5">
        <v>1745</v>
      </c>
      <c r="C1694" s="5" t="s">
        <v>8</v>
      </c>
      <c r="D1694" s="5" t="s">
        <v>8</v>
      </c>
      <c r="E1694" s="6">
        <v>11001</v>
      </c>
      <c r="F1694" s="5" t="s">
        <v>3389</v>
      </c>
      <c r="G1694" s="5" t="s">
        <v>3390</v>
      </c>
    </row>
    <row r="1695" spans="1:7">
      <c r="A1695" s="5" t="s">
        <v>7</v>
      </c>
      <c r="B1695" s="5">
        <v>1746</v>
      </c>
      <c r="C1695" s="5" t="s">
        <v>8</v>
      </c>
      <c r="D1695" s="5" t="s">
        <v>8</v>
      </c>
      <c r="E1695" s="6">
        <v>11001</v>
      </c>
      <c r="F1695" s="5" t="s">
        <v>3391</v>
      </c>
      <c r="G1695" s="5" t="s">
        <v>3392</v>
      </c>
    </row>
    <row r="1696" spans="1:7">
      <c r="A1696" s="5" t="s">
        <v>7</v>
      </c>
      <c r="B1696" s="5">
        <v>1747</v>
      </c>
      <c r="C1696" s="5" t="s">
        <v>8</v>
      </c>
      <c r="D1696" s="5" t="s">
        <v>8</v>
      </c>
      <c r="E1696" s="6">
        <v>11001</v>
      </c>
      <c r="F1696" s="5" t="s">
        <v>3393</v>
      </c>
      <c r="G1696" s="5" t="s">
        <v>3394</v>
      </c>
    </row>
    <row r="1697" spans="1:7">
      <c r="A1697" s="5" t="s">
        <v>7</v>
      </c>
      <c r="B1697" s="5">
        <v>1748</v>
      </c>
      <c r="C1697" s="5" t="s">
        <v>8</v>
      </c>
      <c r="D1697" s="5" t="s">
        <v>8</v>
      </c>
      <c r="E1697" s="6">
        <v>11001</v>
      </c>
      <c r="F1697" s="5" t="s">
        <v>3395</v>
      </c>
      <c r="G1697" s="5" t="s">
        <v>3396</v>
      </c>
    </row>
    <row r="1698" spans="1:7">
      <c r="A1698" s="5" t="s">
        <v>7</v>
      </c>
      <c r="B1698" s="5">
        <v>1749</v>
      </c>
      <c r="C1698" s="5" t="s">
        <v>8</v>
      </c>
      <c r="D1698" s="5" t="s">
        <v>8</v>
      </c>
      <c r="E1698" s="6">
        <v>11001</v>
      </c>
      <c r="F1698" s="5" t="s">
        <v>3397</v>
      </c>
      <c r="G1698" s="5" t="s">
        <v>3398</v>
      </c>
    </row>
    <row r="1699" spans="1:7">
      <c r="A1699" s="5" t="s">
        <v>7</v>
      </c>
      <c r="B1699" s="5">
        <v>1750</v>
      </c>
      <c r="C1699" s="5" t="s">
        <v>8</v>
      </c>
      <c r="D1699" s="5" t="s">
        <v>8</v>
      </c>
      <c r="E1699" s="6">
        <v>11001</v>
      </c>
      <c r="F1699" s="5" t="s">
        <v>3399</v>
      </c>
      <c r="G1699" s="5" t="s">
        <v>3400</v>
      </c>
    </row>
    <row r="1700" spans="1:7">
      <c r="A1700" s="5" t="s">
        <v>7</v>
      </c>
      <c r="B1700" s="5">
        <v>1753</v>
      </c>
      <c r="C1700" s="5" t="s">
        <v>8</v>
      </c>
      <c r="D1700" s="5" t="s">
        <v>8</v>
      </c>
      <c r="E1700" s="6">
        <v>11001</v>
      </c>
      <c r="F1700" s="5" t="s">
        <v>3401</v>
      </c>
      <c r="G1700" s="5" t="s">
        <v>3402</v>
      </c>
    </row>
    <row r="1701" spans="1:7">
      <c r="A1701" s="5" t="s">
        <v>7</v>
      </c>
      <c r="B1701" s="5">
        <v>1754</v>
      </c>
      <c r="C1701" s="5" t="s">
        <v>2929</v>
      </c>
      <c r="D1701" s="5" t="s">
        <v>3403</v>
      </c>
      <c r="E1701" s="6">
        <v>73001</v>
      </c>
      <c r="F1701" s="5" t="s">
        <v>3404</v>
      </c>
      <c r="G1701" s="5" t="s">
        <v>3405</v>
      </c>
    </row>
    <row r="1702" spans="1:7">
      <c r="A1702" s="5" t="s">
        <v>7</v>
      </c>
      <c r="B1702" s="5">
        <v>1755</v>
      </c>
      <c r="C1702" s="5" t="s">
        <v>8</v>
      </c>
      <c r="D1702" s="5" t="s">
        <v>8</v>
      </c>
      <c r="E1702" s="6">
        <v>11001</v>
      </c>
      <c r="F1702" s="5" t="s">
        <v>3406</v>
      </c>
      <c r="G1702" s="5" t="s">
        <v>3407</v>
      </c>
    </row>
    <row r="1703" spans="1:7">
      <c r="A1703" s="5" t="s">
        <v>7</v>
      </c>
      <c r="B1703" s="5">
        <v>1756</v>
      </c>
      <c r="C1703" s="5" t="s">
        <v>8</v>
      </c>
      <c r="D1703" s="5" t="s">
        <v>8</v>
      </c>
      <c r="E1703" s="6">
        <v>11001</v>
      </c>
      <c r="F1703" s="5" t="s">
        <v>3408</v>
      </c>
      <c r="G1703" s="5" t="s">
        <v>3409</v>
      </c>
    </row>
    <row r="1704" spans="1:7">
      <c r="A1704" s="5" t="s">
        <v>7</v>
      </c>
      <c r="B1704" s="5">
        <v>1757</v>
      </c>
      <c r="C1704" s="5" t="s">
        <v>8</v>
      </c>
      <c r="D1704" s="5" t="s">
        <v>8</v>
      </c>
      <c r="E1704" s="6">
        <v>11001</v>
      </c>
      <c r="F1704" s="5" t="s">
        <v>3410</v>
      </c>
      <c r="G1704" s="5" t="s">
        <v>3411</v>
      </c>
    </row>
    <row r="1705" spans="1:7">
      <c r="A1705" s="5" t="s">
        <v>7</v>
      </c>
      <c r="B1705" s="5">
        <v>1758</v>
      </c>
      <c r="C1705" s="5" t="s">
        <v>8</v>
      </c>
      <c r="D1705" s="5" t="s">
        <v>8</v>
      </c>
      <c r="E1705" s="6">
        <v>11001</v>
      </c>
      <c r="F1705" s="5" t="s">
        <v>3412</v>
      </c>
      <c r="G1705" s="5" t="s">
        <v>3413</v>
      </c>
    </row>
    <row r="1706" spans="1:7">
      <c r="A1706" s="5" t="s">
        <v>7</v>
      </c>
      <c r="B1706" s="5">
        <v>1759</v>
      </c>
      <c r="C1706" s="5" t="s">
        <v>8</v>
      </c>
      <c r="D1706" s="5" t="s">
        <v>8</v>
      </c>
      <c r="E1706" s="6">
        <v>11001</v>
      </c>
      <c r="F1706" s="5" t="s">
        <v>3414</v>
      </c>
      <c r="G1706" s="5" t="s">
        <v>3415</v>
      </c>
    </row>
    <row r="1707" spans="1:7">
      <c r="A1707" s="5" t="s">
        <v>7</v>
      </c>
      <c r="B1707" s="5">
        <v>1760</v>
      </c>
      <c r="C1707" s="5" t="s">
        <v>8</v>
      </c>
      <c r="D1707" s="5" t="s">
        <v>8</v>
      </c>
      <c r="E1707" s="6">
        <v>11001</v>
      </c>
      <c r="F1707" s="5" t="s">
        <v>3416</v>
      </c>
      <c r="G1707" s="5" t="s">
        <v>3417</v>
      </c>
    </row>
    <row r="1708" spans="1:7">
      <c r="A1708" s="5" t="s">
        <v>7</v>
      </c>
      <c r="B1708" s="5">
        <v>1761</v>
      </c>
      <c r="C1708" s="5" t="s">
        <v>8</v>
      </c>
      <c r="D1708" s="5" t="s">
        <v>8</v>
      </c>
      <c r="E1708" s="6">
        <v>11001</v>
      </c>
      <c r="F1708" s="5" t="s">
        <v>3418</v>
      </c>
      <c r="G1708" s="5" t="s">
        <v>3419</v>
      </c>
    </row>
    <row r="1709" spans="1:7">
      <c r="A1709" s="5" t="s">
        <v>7</v>
      </c>
      <c r="B1709" s="5">
        <v>1762</v>
      </c>
      <c r="C1709" s="5" t="s">
        <v>8</v>
      </c>
      <c r="D1709" s="5" t="s">
        <v>8</v>
      </c>
      <c r="E1709" s="6">
        <v>11001</v>
      </c>
      <c r="F1709" s="5" t="s">
        <v>3420</v>
      </c>
      <c r="G1709" s="5" t="s">
        <v>3421</v>
      </c>
    </row>
    <row r="1710" spans="1:7">
      <c r="A1710" s="5" t="s">
        <v>7</v>
      </c>
      <c r="B1710" s="5">
        <v>1763</v>
      </c>
      <c r="C1710" s="5" t="s">
        <v>8</v>
      </c>
      <c r="D1710" s="5" t="s">
        <v>8</v>
      </c>
      <c r="E1710" s="6">
        <v>11001</v>
      </c>
      <c r="F1710" s="5" t="s">
        <v>3422</v>
      </c>
      <c r="G1710" s="5" t="s">
        <v>3423</v>
      </c>
    </row>
    <row r="1711" spans="1:7">
      <c r="A1711" s="5" t="s">
        <v>7</v>
      </c>
      <c r="B1711" s="5">
        <v>1764</v>
      </c>
      <c r="C1711" s="5" t="s">
        <v>8</v>
      </c>
      <c r="D1711" s="5" t="s">
        <v>8</v>
      </c>
      <c r="E1711" s="6">
        <v>11001</v>
      </c>
      <c r="F1711" s="5" t="s">
        <v>3424</v>
      </c>
      <c r="G1711" s="5" t="s">
        <v>3425</v>
      </c>
    </row>
    <row r="1712" spans="1:7">
      <c r="A1712" s="5" t="s">
        <v>7</v>
      </c>
      <c r="B1712" s="5">
        <v>1765</v>
      </c>
      <c r="C1712" s="5" t="s">
        <v>8</v>
      </c>
      <c r="D1712" s="5" t="s">
        <v>8</v>
      </c>
      <c r="E1712" s="6">
        <v>11001</v>
      </c>
      <c r="F1712" s="5" t="s">
        <v>3426</v>
      </c>
      <c r="G1712" s="5" t="s">
        <v>3427</v>
      </c>
    </row>
    <row r="1713" spans="1:7">
      <c r="A1713" s="5" t="s">
        <v>7</v>
      </c>
      <c r="B1713" s="5">
        <v>1766</v>
      </c>
      <c r="C1713" s="5" t="s">
        <v>8</v>
      </c>
      <c r="D1713" s="5" t="s">
        <v>8</v>
      </c>
      <c r="E1713" s="6">
        <v>11001</v>
      </c>
      <c r="F1713" s="5" t="s">
        <v>1128</v>
      </c>
      <c r="G1713" s="5" t="s">
        <v>3428</v>
      </c>
    </row>
    <row r="1714" spans="1:7">
      <c r="A1714" s="5" t="s">
        <v>7</v>
      </c>
      <c r="B1714" s="5">
        <v>1767</v>
      </c>
      <c r="C1714" s="5" t="s">
        <v>8</v>
      </c>
      <c r="D1714" s="5" t="s">
        <v>8</v>
      </c>
      <c r="E1714" s="6">
        <v>11001</v>
      </c>
      <c r="F1714" s="5" t="s">
        <v>3429</v>
      </c>
      <c r="G1714" s="5" t="s">
        <v>3430</v>
      </c>
    </row>
    <row r="1715" spans="1:7">
      <c r="A1715" s="5" t="s">
        <v>7</v>
      </c>
      <c r="B1715" s="5">
        <v>1768</v>
      </c>
      <c r="C1715" s="5" t="s">
        <v>3323</v>
      </c>
      <c r="D1715" s="5" t="s">
        <v>3431</v>
      </c>
      <c r="E1715" s="6">
        <v>54001</v>
      </c>
      <c r="F1715" s="5" t="s">
        <v>3432</v>
      </c>
      <c r="G1715" s="5" t="s">
        <v>3433</v>
      </c>
    </row>
    <row r="1716" spans="1:7">
      <c r="A1716" s="5" t="s">
        <v>7</v>
      </c>
      <c r="B1716" s="5">
        <v>1769</v>
      </c>
      <c r="C1716" s="5" t="s">
        <v>8</v>
      </c>
      <c r="D1716" s="5" t="s">
        <v>8</v>
      </c>
      <c r="E1716" s="6">
        <v>11001</v>
      </c>
      <c r="F1716" s="5" t="s">
        <v>3434</v>
      </c>
      <c r="G1716" s="5" t="s">
        <v>3435</v>
      </c>
    </row>
    <row r="1717" spans="1:7">
      <c r="A1717" s="5" t="s">
        <v>7</v>
      </c>
      <c r="B1717" s="5">
        <v>1770</v>
      </c>
      <c r="C1717" s="5" t="s">
        <v>8</v>
      </c>
      <c r="D1717" s="5" t="s">
        <v>8</v>
      </c>
      <c r="E1717" s="6">
        <v>11001</v>
      </c>
      <c r="F1717" s="5" t="s">
        <v>3436</v>
      </c>
      <c r="G1717" s="5" t="s">
        <v>3437</v>
      </c>
    </row>
    <row r="1718" spans="1:7">
      <c r="A1718" s="5" t="s">
        <v>7</v>
      </c>
      <c r="B1718" s="5">
        <v>1771</v>
      </c>
      <c r="C1718" s="5" t="s">
        <v>2542</v>
      </c>
      <c r="D1718" s="5" t="s">
        <v>2543</v>
      </c>
      <c r="E1718" s="6">
        <v>8001</v>
      </c>
      <c r="F1718" s="5" t="s">
        <v>3438</v>
      </c>
      <c r="G1718" s="5" t="s">
        <v>3439</v>
      </c>
    </row>
    <row r="1719" spans="1:7">
      <c r="A1719" s="5" t="s">
        <v>7</v>
      </c>
      <c r="B1719" s="5">
        <v>1772</v>
      </c>
      <c r="C1719" s="5" t="s">
        <v>8</v>
      </c>
      <c r="D1719" s="5" t="s">
        <v>8</v>
      </c>
      <c r="E1719" s="6">
        <v>11001</v>
      </c>
      <c r="F1719" s="5" t="s">
        <v>3440</v>
      </c>
      <c r="G1719" s="5" t="s">
        <v>3441</v>
      </c>
    </row>
    <row r="1720" spans="1:7">
      <c r="A1720" s="5" t="s">
        <v>7</v>
      </c>
      <c r="B1720" s="5">
        <v>1773</v>
      </c>
      <c r="C1720" s="5" t="s">
        <v>8</v>
      </c>
      <c r="D1720" s="5" t="s">
        <v>8</v>
      </c>
      <c r="E1720" s="6">
        <v>11001</v>
      </c>
      <c r="F1720" s="5" t="s">
        <v>3442</v>
      </c>
      <c r="G1720" s="5" t="s">
        <v>3443</v>
      </c>
    </row>
    <row r="1721" spans="1:7">
      <c r="A1721" s="5" t="s">
        <v>7</v>
      </c>
      <c r="B1721" s="5">
        <v>1774</v>
      </c>
      <c r="C1721" s="5" t="s">
        <v>2891</v>
      </c>
      <c r="D1721" s="5" t="s">
        <v>2892</v>
      </c>
      <c r="E1721" s="6">
        <v>13001</v>
      </c>
      <c r="F1721" s="5" t="s">
        <v>3444</v>
      </c>
      <c r="G1721" s="5" t="s">
        <v>3445</v>
      </c>
    </row>
    <row r="1722" spans="1:7">
      <c r="A1722" s="5" t="s">
        <v>7</v>
      </c>
      <c r="B1722" s="5">
        <v>1775</v>
      </c>
      <c r="C1722" s="5" t="s">
        <v>8</v>
      </c>
      <c r="D1722" s="5" t="s">
        <v>8</v>
      </c>
      <c r="E1722" s="6">
        <v>11001</v>
      </c>
      <c r="F1722" s="5" t="s">
        <v>3446</v>
      </c>
      <c r="G1722" s="5" t="s">
        <v>3447</v>
      </c>
    </row>
    <row r="1723" spans="1:7">
      <c r="A1723" s="5" t="s">
        <v>7</v>
      </c>
      <c r="B1723" s="5">
        <v>1776</v>
      </c>
      <c r="C1723" s="5" t="s">
        <v>8</v>
      </c>
      <c r="D1723" s="5" t="s">
        <v>8</v>
      </c>
      <c r="E1723" s="6">
        <v>11001</v>
      </c>
      <c r="F1723" s="5" t="s">
        <v>3448</v>
      </c>
      <c r="G1723" s="5" t="s">
        <v>3449</v>
      </c>
    </row>
    <row r="1724" spans="1:7">
      <c r="A1724" s="5" t="s">
        <v>7</v>
      </c>
      <c r="B1724" s="5">
        <v>1777</v>
      </c>
      <c r="C1724" s="5" t="s">
        <v>8</v>
      </c>
      <c r="D1724" s="5" t="s">
        <v>8</v>
      </c>
      <c r="E1724" s="6">
        <v>11001</v>
      </c>
      <c r="F1724" s="5" t="s">
        <v>3450</v>
      </c>
      <c r="G1724" s="5" t="s">
        <v>3451</v>
      </c>
    </row>
    <row r="1725" spans="1:7">
      <c r="A1725" s="5" t="s">
        <v>7</v>
      </c>
      <c r="B1725" s="5">
        <v>1778</v>
      </c>
      <c r="C1725" s="5" t="s">
        <v>8</v>
      </c>
      <c r="D1725" s="5" t="s">
        <v>8</v>
      </c>
      <c r="E1725" s="6">
        <v>11001</v>
      </c>
      <c r="F1725" s="5" t="s">
        <v>3452</v>
      </c>
      <c r="G1725" s="5" t="s">
        <v>3453</v>
      </c>
    </row>
    <row r="1726" spans="1:7">
      <c r="A1726" s="5" t="s">
        <v>7</v>
      </c>
      <c r="B1726" s="5">
        <v>1779</v>
      </c>
      <c r="C1726" s="5" t="s">
        <v>8</v>
      </c>
      <c r="D1726" s="5" t="s">
        <v>8</v>
      </c>
      <c r="E1726" s="6">
        <v>11001</v>
      </c>
      <c r="F1726" s="5" t="s">
        <v>3454</v>
      </c>
      <c r="G1726" s="5" t="s">
        <v>3455</v>
      </c>
    </row>
    <row r="1727" spans="1:7">
      <c r="A1727" s="5" t="s">
        <v>7</v>
      </c>
      <c r="B1727" s="5">
        <v>1780</v>
      </c>
      <c r="C1727" s="5" t="s">
        <v>8</v>
      </c>
      <c r="D1727" s="5" t="s">
        <v>8</v>
      </c>
      <c r="E1727" s="6">
        <v>11001</v>
      </c>
      <c r="F1727" s="5" t="s">
        <v>3456</v>
      </c>
      <c r="G1727" s="5" t="s">
        <v>3457</v>
      </c>
    </row>
    <row r="1728" spans="1:7">
      <c r="A1728" s="5" t="s">
        <v>7</v>
      </c>
      <c r="B1728" s="5">
        <v>1781</v>
      </c>
      <c r="C1728" s="5" t="s">
        <v>8</v>
      </c>
      <c r="D1728" s="5" t="s">
        <v>8</v>
      </c>
      <c r="E1728" s="6">
        <v>11001</v>
      </c>
      <c r="F1728" s="5" t="s">
        <v>3458</v>
      </c>
      <c r="G1728" s="5" t="s">
        <v>3459</v>
      </c>
    </row>
    <row r="1729" spans="1:7">
      <c r="A1729" s="5" t="s">
        <v>7</v>
      </c>
      <c r="B1729" s="5">
        <v>1782</v>
      </c>
      <c r="C1729" s="5" t="s">
        <v>8</v>
      </c>
      <c r="D1729" s="5" t="s">
        <v>8</v>
      </c>
      <c r="E1729" s="6">
        <v>11001</v>
      </c>
      <c r="F1729" s="5" t="s">
        <v>3460</v>
      </c>
      <c r="G1729" s="5" t="s">
        <v>3461</v>
      </c>
    </row>
    <row r="1730" spans="1:7">
      <c r="A1730" s="5" t="s">
        <v>7</v>
      </c>
      <c r="B1730" s="5">
        <v>1783</v>
      </c>
      <c r="C1730" s="5" t="s">
        <v>8</v>
      </c>
      <c r="D1730" s="5" t="s">
        <v>8</v>
      </c>
      <c r="E1730" s="6">
        <v>11001</v>
      </c>
      <c r="F1730" s="5" t="s">
        <v>3462</v>
      </c>
      <c r="G1730" s="5" t="s">
        <v>3463</v>
      </c>
    </row>
    <row r="1731" spans="1:7">
      <c r="A1731" s="5" t="s">
        <v>7</v>
      </c>
      <c r="B1731" s="5">
        <v>1784</v>
      </c>
      <c r="C1731" s="5" t="s">
        <v>8</v>
      </c>
      <c r="D1731" s="5" t="s">
        <v>8</v>
      </c>
      <c r="E1731" s="6">
        <v>11001</v>
      </c>
      <c r="F1731" s="5" t="s">
        <v>3464</v>
      </c>
      <c r="G1731" s="5" t="s">
        <v>3465</v>
      </c>
    </row>
    <row r="1732" spans="1:7">
      <c r="A1732" s="5" t="s">
        <v>7</v>
      </c>
      <c r="B1732" s="5">
        <v>1785</v>
      </c>
      <c r="C1732" s="5" t="s">
        <v>8</v>
      </c>
      <c r="D1732" s="5" t="s">
        <v>8</v>
      </c>
      <c r="E1732" s="6">
        <v>11001</v>
      </c>
      <c r="F1732" s="5" t="s">
        <v>3466</v>
      </c>
      <c r="G1732" s="5" t="s">
        <v>3467</v>
      </c>
    </row>
    <row r="1733" spans="1:7">
      <c r="A1733" s="5" t="s">
        <v>7</v>
      </c>
      <c r="B1733" s="5">
        <v>1786</v>
      </c>
      <c r="C1733" s="5" t="s">
        <v>8</v>
      </c>
      <c r="D1733" s="5" t="s">
        <v>8</v>
      </c>
      <c r="E1733" s="6">
        <v>11001</v>
      </c>
      <c r="F1733" s="5" t="s">
        <v>3468</v>
      </c>
      <c r="G1733" s="5" t="s">
        <v>3469</v>
      </c>
    </row>
    <row r="1734" spans="1:7">
      <c r="A1734" s="5" t="s">
        <v>7</v>
      </c>
      <c r="B1734" s="5">
        <v>1787</v>
      </c>
      <c r="C1734" s="5" t="s">
        <v>8</v>
      </c>
      <c r="D1734" s="5" t="s">
        <v>8</v>
      </c>
      <c r="E1734" s="6">
        <v>11001</v>
      </c>
      <c r="F1734" s="5" t="s">
        <v>3470</v>
      </c>
      <c r="G1734" s="5" t="s">
        <v>3471</v>
      </c>
    </row>
    <row r="1735" spans="1:7">
      <c r="A1735" s="5" t="s">
        <v>7</v>
      </c>
      <c r="B1735" s="5">
        <v>1788</v>
      </c>
      <c r="C1735" s="5" t="s">
        <v>8</v>
      </c>
      <c r="D1735" s="5" t="s">
        <v>8</v>
      </c>
      <c r="E1735" s="6">
        <v>11001</v>
      </c>
      <c r="F1735" s="5" t="s">
        <v>3472</v>
      </c>
      <c r="G1735" s="5" t="s">
        <v>3473</v>
      </c>
    </row>
    <row r="1736" spans="1:7">
      <c r="A1736" s="5" t="s">
        <v>7</v>
      </c>
      <c r="B1736" s="5">
        <v>1789</v>
      </c>
      <c r="C1736" s="5" t="s">
        <v>8</v>
      </c>
      <c r="D1736" s="5" t="s">
        <v>8</v>
      </c>
      <c r="E1736" s="6">
        <v>11001</v>
      </c>
      <c r="F1736" s="5" t="s">
        <v>3474</v>
      </c>
      <c r="G1736" s="5" t="s">
        <v>3475</v>
      </c>
    </row>
    <row r="1737" spans="1:7">
      <c r="A1737" s="5" t="s">
        <v>7</v>
      </c>
      <c r="B1737" s="5">
        <v>1790</v>
      </c>
      <c r="C1737" s="5" t="s">
        <v>8</v>
      </c>
      <c r="D1737" s="5" t="s">
        <v>8</v>
      </c>
      <c r="E1737" s="6">
        <v>11001</v>
      </c>
      <c r="F1737" s="5" t="s">
        <v>3476</v>
      </c>
      <c r="G1737" s="5" t="s">
        <v>3477</v>
      </c>
    </row>
    <row r="1738" spans="1:7">
      <c r="A1738" s="5" t="s">
        <v>7</v>
      </c>
      <c r="B1738" s="5">
        <v>1791</v>
      </c>
      <c r="C1738" s="5" t="s">
        <v>8</v>
      </c>
      <c r="D1738" s="5" t="s">
        <v>8</v>
      </c>
      <c r="E1738" s="6">
        <v>11001</v>
      </c>
      <c r="F1738" s="5" t="s">
        <v>3478</v>
      </c>
      <c r="G1738" s="5" t="s">
        <v>3479</v>
      </c>
    </row>
    <row r="1739" spans="1:7">
      <c r="A1739" s="5" t="s">
        <v>7</v>
      </c>
      <c r="B1739" s="5">
        <v>1792</v>
      </c>
      <c r="C1739" s="5" t="s">
        <v>2891</v>
      </c>
      <c r="D1739" s="5" t="s">
        <v>2892</v>
      </c>
      <c r="E1739" s="6">
        <v>13001</v>
      </c>
      <c r="F1739" s="5" t="s">
        <v>3480</v>
      </c>
      <c r="G1739" s="5" t="s">
        <v>3481</v>
      </c>
    </row>
    <row r="1740" spans="1:7">
      <c r="A1740" s="5" t="s">
        <v>7</v>
      </c>
      <c r="B1740" s="5">
        <v>1793</v>
      </c>
      <c r="C1740" s="5" t="s">
        <v>8</v>
      </c>
      <c r="D1740" s="5" t="s">
        <v>8</v>
      </c>
      <c r="E1740" s="6">
        <v>11001</v>
      </c>
      <c r="F1740" s="5" t="s">
        <v>3482</v>
      </c>
      <c r="G1740" s="5" t="s">
        <v>3483</v>
      </c>
    </row>
    <row r="1741" spans="1:7">
      <c r="A1741" s="5" t="s">
        <v>7</v>
      </c>
      <c r="B1741" s="5">
        <v>1794</v>
      </c>
      <c r="C1741" s="5" t="s">
        <v>8</v>
      </c>
      <c r="D1741" s="5" t="s">
        <v>8</v>
      </c>
      <c r="E1741" s="6">
        <v>11001</v>
      </c>
      <c r="F1741" s="5" t="s">
        <v>3484</v>
      </c>
      <c r="G1741" s="5" t="s">
        <v>3485</v>
      </c>
    </row>
    <row r="1742" spans="1:7">
      <c r="A1742" s="5" t="s">
        <v>7</v>
      </c>
      <c r="B1742" s="5">
        <v>1795</v>
      </c>
      <c r="C1742" s="5" t="s">
        <v>8</v>
      </c>
      <c r="D1742" s="5" t="s">
        <v>8</v>
      </c>
      <c r="E1742" s="6">
        <v>11001</v>
      </c>
      <c r="F1742" s="5" t="s">
        <v>3486</v>
      </c>
      <c r="G1742" s="5" t="s">
        <v>3487</v>
      </c>
    </row>
    <row r="1743" spans="1:7">
      <c r="A1743" s="5" t="s">
        <v>7</v>
      </c>
      <c r="B1743" s="5">
        <v>1796</v>
      </c>
      <c r="C1743" s="5" t="s">
        <v>8</v>
      </c>
      <c r="D1743" s="5" t="s">
        <v>8</v>
      </c>
      <c r="E1743" s="6">
        <v>11001</v>
      </c>
      <c r="F1743" s="5" t="s">
        <v>3488</v>
      </c>
      <c r="G1743" s="5" t="s">
        <v>3489</v>
      </c>
    </row>
    <row r="1744" spans="1:7">
      <c r="A1744" s="5" t="s">
        <v>7</v>
      </c>
      <c r="B1744" s="5">
        <v>1797</v>
      </c>
      <c r="C1744" s="5" t="s">
        <v>8</v>
      </c>
      <c r="D1744" s="5" t="s">
        <v>8</v>
      </c>
      <c r="E1744" s="6">
        <v>11001</v>
      </c>
      <c r="F1744" s="5" t="s">
        <v>3490</v>
      </c>
      <c r="G1744" s="5" t="s">
        <v>3491</v>
      </c>
    </row>
    <row r="1745" spans="1:7">
      <c r="A1745" s="5" t="s">
        <v>7</v>
      </c>
      <c r="B1745" s="5">
        <v>1798</v>
      </c>
      <c r="C1745" s="5" t="s">
        <v>8</v>
      </c>
      <c r="D1745" s="5" t="s">
        <v>8</v>
      </c>
      <c r="E1745" s="6">
        <v>11001</v>
      </c>
      <c r="F1745" s="5" t="s">
        <v>3492</v>
      </c>
      <c r="G1745" s="5" t="s">
        <v>3493</v>
      </c>
    </row>
    <row r="1746" spans="1:7">
      <c r="A1746" s="5" t="s">
        <v>7</v>
      </c>
      <c r="B1746" s="5">
        <v>1799</v>
      </c>
      <c r="C1746" s="5" t="s">
        <v>8</v>
      </c>
      <c r="D1746" s="5" t="s">
        <v>8</v>
      </c>
      <c r="E1746" s="6">
        <v>11001</v>
      </c>
      <c r="F1746" s="5" t="s">
        <v>3494</v>
      </c>
      <c r="G1746" s="5" t="s">
        <v>3495</v>
      </c>
    </row>
    <row r="1747" spans="1:7">
      <c r="A1747" s="5" t="s">
        <v>7</v>
      </c>
      <c r="B1747" s="5">
        <v>1800</v>
      </c>
      <c r="C1747" s="5" t="s">
        <v>813</v>
      </c>
      <c r="D1747" s="5" t="s">
        <v>814</v>
      </c>
      <c r="E1747" s="6">
        <v>25754</v>
      </c>
      <c r="F1747" s="5" t="s">
        <v>3496</v>
      </c>
      <c r="G1747" s="5" t="s">
        <v>3497</v>
      </c>
    </row>
    <row r="1748" spans="1:7">
      <c r="A1748" s="5" t="s">
        <v>7</v>
      </c>
      <c r="B1748" s="5">
        <v>1801</v>
      </c>
      <c r="C1748" s="5" t="s">
        <v>8</v>
      </c>
      <c r="D1748" s="5" t="s">
        <v>8</v>
      </c>
      <c r="E1748" s="6">
        <v>11001</v>
      </c>
      <c r="F1748" s="5" t="s">
        <v>3498</v>
      </c>
      <c r="G1748" s="5" t="s">
        <v>3499</v>
      </c>
    </row>
    <row r="1749" spans="1:7">
      <c r="A1749" s="5" t="s">
        <v>7</v>
      </c>
      <c r="B1749" s="5">
        <v>1802</v>
      </c>
      <c r="C1749" s="5" t="s">
        <v>8</v>
      </c>
      <c r="D1749" s="5" t="s">
        <v>8</v>
      </c>
      <c r="E1749" s="6">
        <v>11001</v>
      </c>
      <c r="F1749" s="5" t="s">
        <v>3500</v>
      </c>
      <c r="G1749" s="5" t="s">
        <v>3501</v>
      </c>
    </row>
    <row r="1750" spans="1:7">
      <c r="A1750" s="5" t="s">
        <v>7</v>
      </c>
      <c r="B1750" s="5">
        <v>1803</v>
      </c>
      <c r="C1750" s="5" t="s">
        <v>8</v>
      </c>
      <c r="D1750" s="5" t="s">
        <v>8</v>
      </c>
      <c r="E1750" s="6">
        <v>11001</v>
      </c>
      <c r="F1750" s="5" t="s">
        <v>3502</v>
      </c>
      <c r="G1750" s="5" t="s">
        <v>3503</v>
      </c>
    </row>
    <row r="1751" spans="1:7">
      <c r="A1751" s="5" t="s">
        <v>7</v>
      </c>
      <c r="B1751" s="5">
        <v>1804</v>
      </c>
      <c r="C1751" s="5" t="s">
        <v>8</v>
      </c>
      <c r="D1751" s="5" t="s">
        <v>8</v>
      </c>
      <c r="E1751" s="6">
        <v>11001</v>
      </c>
      <c r="F1751" s="5" t="s">
        <v>3504</v>
      </c>
      <c r="G1751" s="5" t="s">
        <v>3505</v>
      </c>
    </row>
    <row r="1752" spans="1:7">
      <c r="A1752" s="5" t="s">
        <v>7</v>
      </c>
      <c r="B1752" s="5">
        <v>1805</v>
      </c>
      <c r="C1752" s="5" t="s">
        <v>2891</v>
      </c>
      <c r="D1752" s="5" t="s">
        <v>2892</v>
      </c>
      <c r="E1752" s="6">
        <v>13001</v>
      </c>
      <c r="F1752" s="5" t="s">
        <v>3506</v>
      </c>
      <c r="G1752" s="5" t="s">
        <v>3507</v>
      </c>
    </row>
    <row r="1753" spans="1:7">
      <c r="A1753" s="5" t="s">
        <v>7</v>
      </c>
      <c r="B1753" s="5">
        <v>1806</v>
      </c>
      <c r="C1753" s="5" t="s">
        <v>8</v>
      </c>
      <c r="D1753" s="5" t="s">
        <v>8</v>
      </c>
      <c r="E1753" s="6">
        <v>11001</v>
      </c>
      <c r="F1753" s="5" t="s">
        <v>3508</v>
      </c>
      <c r="G1753" s="5" t="s">
        <v>3509</v>
      </c>
    </row>
    <row r="1754" spans="1:7">
      <c r="A1754" s="5" t="s">
        <v>7</v>
      </c>
      <c r="B1754" s="5">
        <v>1807</v>
      </c>
      <c r="C1754" s="5" t="s">
        <v>8</v>
      </c>
      <c r="D1754" s="5" t="s">
        <v>8</v>
      </c>
      <c r="E1754" s="6">
        <v>11001</v>
      </c>
      <c r="F1754" s="5" t="s">
        <v>3510</v>
      </c>
      <c r="G1754" s="5" t="s">
        <v>3511</v>
      </c>
    </row>
    <row r="1755" spans="1:7">
      <c r="A1755" s="5" t="s">
        <v>7</v>
      </c>
      <c r="B1755" s="5">
        <v>1808</v>
      </c>
      <c r="C1755" s="5" t="s">
        <v>2891</v>
      </c>
      <c r="D1755" s="5" t="s">
        <v>2892</v>
      </c>
      <c r="E1755" s="6">
        <v>13001</v>
      </c>
      <c r="F1755" s="5" t="s">
        <v>3512</v>
      </c>
      <c r="G1755" s="5" t="s">
        <v>3513</v>
      </c>
    </row>
    <row r="1756" spans="1:7">
      <c r="A1756" s="5" t="s">
        <v>7</v>
      </c>
      <c r="B1756" s="5">
        <v>1809</v>
      </c>
      <c r="C1756" s="5" t="s">
        <v>8</v>
      </c>
      <c r="D1756" s="5" t="s">
        <v>8</v>
      </c>
      <c r="E1756" s="6">
        <v>11001</v>
      </c>
      <c r="F1756" s="5" t="s">
        <v>3514</v>
      </c>
      <c r="G1756" s="5" t="s">
        <v>3515</v>
      </c>
    </row>
    <row r="1757" spans="1:7">
      <c r="A1757" s="5" t="s">
        <v>7</v>
      </c>
      <c r="B1757" s="5">
        <v>1810</v>
      </c>
      <c r="C1757" s="5" t="s">
        <v>8</v>
      </c>
      <c r="D1757" s="5" t="s">
        <v>8</v>
      </c>
      <c r="E1757" s="6">
        <v>11001</v>
      </c>
      <c r="F1757" s="5" t="s">
        <v>3516</v>
      </c>
      <c r="G1757" s="5" t="s">
        <v>3517</v>
      </c>
    </row>
    <row r="1758" spans="1:7">
      <c r="A1758" s="5" t="s">
        <v>7</v>
      </c>
      <c r="B1758" s="5">
        <v>1811</v>
      </c>
      <c r="C1758" s="5" t="s">
        <v>8</v>
      </c>
      <c r="D1758" s="5" t="s">
        <v>8</v>
      </c>
      <c r="E1758" s="6">
        <v>11001</v>
      </c>
      <c r="F1758" s="5" t="s">
        <v>3518</v>
      </c>
      <c r="G1758" s="5" t="s">
        <v>3519</v>
      </c>
    </row>
    <row r="1759" spans="1:7">
      <c r="A1759" s="5" t="s">
        <v>7</v>
      </c>
      <c r="B1759" s="5">
        <v>1812</v>
      </c>
      <c r="C1759" s="5" t="s">
        <v>8</v>
      </c>
      <c r="D1759" s="5" t="s">
        <v>8</v>
      </c>
      <c r="E1759" s="6">
        <v>11001</v>
      </c>
      <c r="F1759" s="5" t="s">
        <v>3520</v>
      </c>
      <c r="G1759" s="5" t="s">
        <v>3521</v>
      </c>
    </row>
    <row r="1760" spans="1:7">
      <c r="A1760" s="5" t="s">
        <v>7</v>
      </c>
      <c r="B1760" s="5">
        <v>1813</v>
      </c>
      <c r="C1760" s="5" t="s">
        <v>8</v>
      </c>
      <c r="D1760" s="5" t="s">
        <v>8</v>
      </c>
      <c r="E1760" s="6">
        <v>11001</v>
      </c>
      <c r="F1760" s="5" t="s">
        <v>3522</v>
      </c>
      <c r="G1760" s="5" t="s">
        <v>3523</v>
      </c>
    </row>
    <row r="1761" spans="1:7">
      <c r="A1761" s="5" t="s">
        <v>7</v>
      </c>
      <c r="B1761" s="5">
        <v>1814</v>
      </c>
      <c r="C1761" s="5" t="s">
        <v>8</v>
      </c>
      <c r="D1761" s="5" t="s">
        <v>8</v>
      </c>
      <c r="E1761" s="6">
        <v>11001</v>
      </c>
      <c r="F1761" s="5" t="s">
        <v>3524</v>
      </c>
      <c r="G1761" s="5" t="s">
        <v>3525</v>
      </c>
    </row>
    <row r="1762" spans="1:7">
      <c r="A1762" s="5" t="s">
        <v>7</v>
      </c>
      <c r="B1762" s="5">
        <v>1815</v>
      </c>
      <c r="C1762" s="5" t="s">
        <v>8</v>
      </c>
      <c r="D1762" s="5" t="s">
        <v>8</v>
      </c>
      <c r="E1762" s="6">
        <v>11001</v>
      </c>
      <c r="F1762" s="5" t="s">
        <v>3526</v>
      </c>
      <c r="G1762" s="5" t="s">
        <v>3527</v>
      </c>
    </row>
    <row r="1763" spans="1:7">
      <c r="A1763" s="5" t="s">
        <v>7</v>
      </c>
      <c r="B1763" s="5">
        <v>1816</v>
      </c>
      <c r="C1763" s="5" t="s">
        <v>8</v>
      </c>
      <c r="D1763" s="5" t="s">
        <v>8</v>
      </c>
      <c r="E1763" s="6">
        <v>11001</v>
      </c>
      <c r="F1763" s="5" t="s">
        <v>3528</v>
      </c>
      <c r="G1763" s="5" t="s">
        <v>3529</v>
      </c>
    </row>
    <row r="1764" spans="1:7">
      <c r="A1764" s="5" t="s">
        <v>7</v>
      </c>
      <c r="B1764" s="5">
        <v>1817</v>
      </c>
      <c r="C1764" s="5" t="s">
        <v>8</v>
      </c>
      <c r="D1764" s="5" t="s">
        <v>8</v>
      </c>
      <c r="E1764" s="6">
        <v>11001</v>
      </c>
      <c r="F1764" s="5" t="s">
        <v>3530</v>
      </c>
      <c r="G1764" s="5" t="s">
        <v>3531</v>
      </c>
    </row>
    <row r="1765" spans="1:7">
      <c r="A1765" s="5" t="s">
        <v>7</v>
      </c>
      <c r="B1765" s="5">
        <v>1818</v>
      </c>
      <c r="C1765" s="5" t="s">
        <v>8</v>
      </c>
      <c r="D1765" s="5" t="s">
        <v>8</v>
      </c>
      <c r="E1765" s="6">
        <v>11001</v>
      </c>
      <c r="F1765" s="5" t="s">
        <v>3532</v>
      </c>
      <c r="G1765" s="5" t="s">
        <v>3533</v>
      </c>
    </row>
    <row r="1766" spans="1:7">
      <c r="A1766" s="5" t="s">
        <v>7</v>
      </c>
      <c r="B1766" s="5">
        <v>1819</v>
      </c>
      <c r="C1766" s="5" t="s">
        <v>8</v>
      </c>
      <c r="D1766" s="5" t="s">
        <v>8</v>
      </c>
      <c r="E1766" s="6">
        <v>11001</v>
      </c>
      <c r="F1766" s="5" t="s">
        <v>3534</v>
      </c>
      <c r="G1766" s="5" t="s">
        <v>3535</v>
      </c>
    </row>
    <row r="1767" spans="1:7">
      <c r="A1767" s="5" t="s">
        <v>7</v>
      </c>
      <c r="B1767" s="5">
        <v>1820</v>
      </c>
      <c r="C1767" s="5" t="s">
        <v>8</v>
      </c>
      <c r="D1767" s="5" t="s">
        <v>8</v>
      </c>
      <c r="E1767" s="6">
        <v>11001</v>
      </c>
      <c r="F1767" s="5" t="s">
        <v>3536</v>
      </c>
      <c r="G1767" s="5" t="s">
        <v>3537</v>
      </c>
    </row>
    <row r="1768" spans="1:7">
      <c r="A1768" s="5" t="s">
        <v>7</v>
      </c>
      <c r="B1768" s="5">
        <v>1821</v>
      </c>
      <c r="C1768" s="5" t="s">
        <v>8</v>
      </c>
      <c r="D1768" s="5" t="s">
        <v>8</v>
      </c>
      <c r="E1768" s="6">
        <v>11001</v>
      </c>
      <c r="F1768" s="5" t="s">
        <v>3538</v>
      </c>
      <c r="G1768" s="5" t="s">
        <v>3539</v>
      </c>
    </row>
    <row r="1769" spans="1:7">
      <c r="A1769" s="5" t="s">
        <v>7</v>
      </c>
      <c r="B1769" s="5">
        <v>1822</v>
      </c>
      <c r="C1769" s="5" t="s">
        <v>8</v>
      </c>
      <c r="D1769" s="5" t="s">
        <v>8</v>
      </c>
      <c r="E1769" s="6">
        <v>11001</v>
      </c>
      <c r="F1769" s="5" t="s">
        <v>3540</v>
      </c>
      <c r="G1769" s="5" t="s">
        <v>3541</v>
      </c>
    </row>
    <row r="1770" spans="1:7">
      <c r="A1770" s="5" t="s">
        <v>7</v>
      </c>
      <c r="B1770" s="5">
        <v>1823</v>
      </c>
      <c r="C1770" s="5" t="s">
        <v>8</v>
      </c>
      <c r="D1770" s="5" t="s">
        <v>8</v>
      </c>
      <c r="E1770" s="6">
        <v>11001</v>
      </c>
      <c r="F1770" s="5" t="s">
        <v>3542</v>
      </c>
      <c r="G1770" s="5" t="s">
        <v>3543</v>
      </c>
    </row>
    <row r="1771" spans="1:7">
      <c r="A1771" s="5" t="s">
        <v>7</v>
      </c>
      <c r="B1771" s="5">
        <v>1824</v>
      </c>
      <c r="C1771" s="5" t="s">
        <v>8</v>
      </c>
      <c r="D1771" s="5" t="s">
        <v>8</v>
      </c>
      <c r="E1771" s="6">
        <v>11001</v>
      </c>
      <c r="F1771" s="5" t="s">
        <v>3544</v>
      </c>
      <c r="G1771" s="5" t="s">
        <v>3545</v>
      </c>
    </row>
    <row r="1772" spans="1:7">
      <c r="A1772" s="5" t="s">
        <v>7</v>
      </c>
      <c r="B1772" s="5">
        <v>1825</v>
      </c>
      <c r="C1772" s="5" t="s">
        <v>8</v>
      </c>
      <c r="D1772" s="5" t="s">
        <v>8</v>
      </c>
      <c r="E1772" s="6">
        <v>11001</v>
      </c>
      <c r="F1772" s="5" t="s">
        <v>3546</v>
      </c>
      <c r="G1772" s="5" t="s">
        <v>3547</v>
      </c>
    </row>
    <row r="1773" spans="1:7">
      <c r="A1773" s="5" t="s">
        <v>7</v>
      </c>
      <c r="B1773" s="5">
        <v>1826</v>
      </c>
      <c r="C1773" s="5" t="s">
        <v>8</v>
      </c>
      <c r="D1773" s="5" t="s">
        <v>8</v>
      </c>
      <c r="E1773" s="6">
        <v>11001</v>
      </c>
      <c r="F1773" s="5" t="s">
        <v>3548</v>
      </c>
      <c r="G1773" s="5" t="s">
        <v>3549</v>
      </c>
    </row>
    <row r="1774" spans="1:7">
      <c r="A1774" s="5" t="s">
        <v>7</v>
      </c>
      <c r="B1774" s="5">
        <v>1827</v>
      </c>
      <c r="C1774" s="5" t="s">
        <v>2891</v>
      </c>
      <c r="D1774" s="5" t="s">
        <v>2892</v>
      </c>
      <c r="E1774" s="6">
        <v>13001</v>
      </c>
      <c r="F1774" s="5" t="s">
        <v>3550</v>
      </c>
      <c r="G1774" s="5" t="s">
        <v>3551</v>
      </c>
    </row>
    <row r="1775" spans="1:7">
      <c r="A1775" s="5" t="s">
        <v>7</v>
      </c>
      <c r="B1775" s="5">
        <v>1828</v>
      </c>
      <c r="C1775" s="5" t="s">
        <v>8</v>
      </c>
      <c r="D1775" s="5" t="s">
        <v>8</v>
      </c>
      <c r="E1775" s="6">
        <v>11001</v>
      </c>
      <c r="F1775" s="5" t="s">
        <v>3552</v>
      </c>
      <c r="G1775" s="5" t="s">
        <v>3553</v>
      </c>
    </row>
    <row r="1776" spans="1:7">
      <c r="A1776" s="5" t="s">
        <v>7</v>
      </c>
      <c r="B1776" s="5">
        <v>1829</v>
      </c>
      <c r="C1776" s="5" t="s">
        <v>8</v>
      </c>
      <c r="D1776" s="5" t="s">
        <v>8</v>
      </c>
      <c r="E1776" s="6">
        <v>11001</v>
      </c>
      <c r="F1776" s="5" t="s">
        <v>3554</v>
      </c>
      <c r="G1776" s="5" t="s">
        <v>3555</v>
      </c>
    </row>
    <row r="1777" spans="1:7">
      <c r="A1777" s="5" t="s">
        <v>7</v>
      </c>
      <c r="B1777" s="5">
        <v>1830</v>
      </c>
      <c r="C1777" s="5" t="s">
        <v>8</v>
      </c>
      <c r="D1777" s="5" t="s">
        <v>8</v>
      </c>
      <c r="E1777" s="6">
        <v>11001</v>
      </c>
      <c r="F1777" s="5" t="s">
        <v>3556</v>
      </c>
      <c r="G1777" s="5" t="s">
        <v>3557</v>
      </c>
    </row>
    <row r="1778" spans="1:7">
      <c r="A1778" s="5" t="s">
        <v>7</v>
      </c>
      <c r="B1778" s="5">
        <v>1831</v>
      </c>
      <c r="C1778" s="5" t="s">
        <v>8</v>
      </c>
      <c r="D1778" s="5" t="s">
        <v>8</v>
      </c>
      <c r="E1778" s="6">
        <v>11001</v>
      </c>
      <c r="F1778" s="5" t="s">
        <v>3558</v>
      </c>
      <c r="G1778" s="5" t="s">
        <v>3559</v>
      </c>
    </row>
    <row r="1779" spans="1:7">
      <c r="A1779" s="5" t="s">
        <v>7</v>
      </c>
      <c r="B1779" s="5">
        <v>1832</v>
      </c>
      <c r="C1779" s="5" t="s">
        <v>3011</v>
      </c>
      <c r="D1779" s="5" t="s">
        <v>3560</v>
      </c>
      <c r="E1779" s="6">
        <v>5001</v>
      </c>
      <c r="F1779" s="5" t="s">
        <v>3561</v>
      </c>
      <c r="G1779" s="5" t="s">
        <v>3562</v>
      </c>
    </row>
    <row r="1780" spans="1:7">
      <c r="A1780" s="5" t="s">
        <v>7</v>
      </c>
      <c r="B1780" s="5">
        <v>1833</v>
      </c>
      <c r="C1780" s="5" t="s">
        <v>8</v>
      </c>
      <c r="D1780" s="5" t="s">
        <v>8</v>
      </c>
      <c r="E1780" s="6">
        <v>11001</v>
      </c>
      <c r="F1780" s="5" t="s">
        <v>3563</v>
      </c>
      <c r="G1780" s="5" t="s">
        <v>3564</v>
      </c>
    </row>
    <row r="1781" spans="1:7">
      <c r="A1781" s="5" t="s">
        <v>7</v>
      </c>
      <c r="B1781" s="5">
        <v>1834</v>
      </c>
      <c r="C1781" s="5" t="s">
        <v>8</v>
      </c>
      <c r="D1781" s="5" t="s">
        <v>8</v>
      </c>
      <c r="E1781" s="6">
        <v>11001</v>
      </c>
      <c r="F1781" s="5" t="s">
        <v>3565</v>
      </c>
      <c r="G1781" s="5" t="s">
        <v>3566</v>
      </c>
    </row>
    <row r="1782" spans="1:7">
      <c r="A1782" s="5" t="s">
        <v>7</v>
      </c>
      <c r="B1782" s="5">
        <v>1835</v>
      </c>
      <c r="C1782" s="5" t="s">
        <v>813</v>
      </c>
      <c r="D1782" s="5" t="s">
        <v>814</v>
      </c>
      <c r="E1782" s="6">
        <v>25754</v>
      </c>
      <c r="F1782" s="5" t="s">
        <v>3567</v>
      </c>
      <c r="G1782" s="5" t="s">
        <v>3568</v>
      </c>
    </row>
    <row r="1783" spans="1:7">
      <c r="A1783" s="5" t="s">
        <v>7</v>
      </c>
      <c r="B1783" s="5">
        <v>1836</v>
      </c>
      <c r="C1783" s="5" t="s">
        <v>8</v>
      </c>
      <c r="D1783" s="5" t="s">
        <v>8</v>
      </c>
      <c r="E1783" s="6">
        <v>11001</v>
      </c>
      <c r="F1783" s="5" t="s">
        <v>3569</v>
      </c>
      <c r="G1783" s="5" t="s">
        <v>3570</v>
      </c>
    </row>
    <row r="1784" spans="1:7">
      <c r="A1784" s="5" t="s">
        <v>7</v>
      </c>
      <c r="B1784" s="5">
        <v>1837</v>
      </c>
      <c r="C1784" s="5" t="s">
        <v>8</v>
      </c>
      <c r="D1784" s="5" t="s">
        <v>8</v>
      </c>
      <c r="E1784" s="6">
        <v>11001</v>
      </c>
      <c r="F1784" s="5" t="s">
        <v>3571</v>
      </c>
      <c r="G1784" s="5" t="s">
        <v>3572</v>
      </c>
    </row>
    <row r="1785" spans="1:7">
      <c r="A1785" s="5" t="s">
        <v>7</v>
      </c>
      <c r="B1785" s="5">
        <v>1838</v>
      </c>
      <c r="C1785" s="5" t="s">
        <v>8</v>
      </c>
      <c r="D1785" s="5" t="s">
        <v>8</v>
      </c>
      <c r="E1785" s="6">
        <v>11001</v>
      </c>
      <c r="F1785" s="5" t="s">
        <v>3573</v>
      </c>
      <c r="G1785" s="5" t="s">
        <v>3574</v>
      </c>
    </row>
    <row r="1786" spans="1:7">
      <c r="A1786" s="5" t="s">
        <v>7</v>
      </c>
      <c r="B1786" s="5">
        <v>1839</v>
      </c>
      <c r="C1786" s="5" t="s">
        <v>8</v>
      </c>
      <c r="D1786" s="5" t="s">
        <v>8</v>
      </c>
      <c r="E1786" s="6">
        <v>11001</v>
      </c>
      <c r="F1786" s="5" t="s">
        <v>3575</v>
      </c>
      <c r="G1786" s="5" t="s">
        <v>3576</v>
      </c>
    </row>
    <row r="1787" spans="1:7">
      <c r="A1787" s="5" t="s">
        <v>7</v>
      </c>
      <c r="B1787" s="5">
        <v>1840</v>
      </c>
      <c r="C1787" s="5" t="s">
        <v>8</v>
      </c>
      <c r="D1787" s="5" t="s">
        <v>8</v>
      </c>
      <c r="E1787" s="6">
        <v>11001</v>
      </c>
      <c r="F1787" s="5" t="s">
        <v>3577</v>
      </c>
      <c r="G1787" s="5" t="s">
        <v>3578</v>
      </c>
    </row>
    <row r="1788" spans="1:7">
      <c r="A1788" s="5" t="s">
        <v>7</v>
      </c>
      <c r="B1788" s="5">
        <v>1841</v>
      </c>
      <c r="C1788" s="5" t="s">
        <v>8</v>
      </c>
      <c r="D1788" s="5" t="s">
        <v>8</v>
      </c>
      <c r="E1788" s="6">
        <v>11001</v>
      </c>
      <c r="F1788" s="5" t="s">
        <v>3579</v>
      </c>
      <c r="G1788" s="5" t="s">
        <v>3580</v>
      </c>
    </row>
    <row r="1789" spans="1:7">
      <c r="A1789" s="5" t="s">
        <v>7</v>
      </c>
      <c r="B1789" s="5">
        <v>1842</v>
      </c>
      <c r="C1789" s="5" t="s">
        <v>8</v>
      </c>
      <c r="D1789" s="5" t="s">
        <v>8</v>
      </c>
      <c r="E1789" s="6">
        <v>11001</v>
      </c>
      <c r="F1789" s="5" t="s">
        <v>3581</v>
      </c>
      <c r="G1789" s="5" t="s">
        <v>3582</v>
      </c>
    </row>
    <row r="1790" spans="1:7">
      <c r="A1790" s="5" t="s">
        <v>7</v>
      </c>
      <c r="B1790" s="5">
        <v>1843</v>
      </c>
      <c r="C1790" s="5" t="s">
        <v>8</v>
      </c>
      <c r="D1790" s="5" t="s">
        <v>8</v>
      </c>
      <c r="E1790" s="6">
        <v>11001</v>
      </c>
      <c r="F1790" s="5" t="s">
        <v>3583</v>
      </c>
      <c r="G1790" s="5" t="s">
        <v>3584</v>
      </c>
    </row>
    <row r="1791" spans="1:7">
      <c r="A1791" s="5" t="s">
        <v>7</v>
      </c>
      <c r="B1791" s="5">
        <v>1844</v>
      </c>
      <c r="C1791" s="5" t="s">
        <v>8</v>
      </c>
      <c r="D1791" s="5" t="s">
        <v>8</v>
      </c>
      <c r="E1791" s="6">
        <v>11001</v>
      </c>
      <c r="F1791" s="5" t="s">
        <v>3585</v>
      </c>
      <c r="G1791" s="5" t="s">
        <v>3586</v>
      </c>
    </row>
    <row r="1792" spans="1:7">
      <c r="A1792" s="5" t="s">
        <v>7</v>
      </c>
      <c r="B1792" s="5">
        <v>1845</v>
      </c>
      <c r="C1792" s="5" t="s">
        <v>8</v>
      </c>
      <c r="D1792" s="5" t="s">
        <v>8</v>
      </c>
      <c r="E1792" s="6">
        <v>11001</v>
      </c>
      <c r="F1792" s="5" t="s">
        <v>3587</v>
      </c>
      <c r="G1792" s="5" t="s">
        <v>3588</v>
      </c>
    </row>
    <row r="1793" spans="1:7">
      <c r="A1793" s="5" t="s">
        <v>7</v>
      </c>
      <c r="B1793" s="5">
        <v>1846</v>
      </c>
      <c r="C1793" s="5" t="s">
        <v>8</v>
      </c>
      <c r="D1793" s="5" t="s">
        <v>8</v>
      </c>
      <c r="E1793" s="6">
        <v>11001</v>
      </c>
      <c r="F1793" s="5" t="s">
        <v>3589</v>
      </c>
      <c r="G1793" s="5" t="s">
        <v>3590</v>
      </c>
    </row>
    <row r="1794" spans="1:7">
      <c r="A1794" s="5" t="s">
        <v>7</v>
      </c>
      <c r="B1794" s="5">
        <v>1847</v>
      </c>
      <c r="C1794" s="5" t="s">
        <v>8</v>
      </c>
      <c r="D1794" s="5" t="s">
        <v>8</v>
      </c>
      <c r="E1794" s="6">
        <v>11001</v>
      </c>
      <c r="F1794" s="5" t="s">
        <v>3591</v>
      </c>
      <c r="G1794" s="5" t="s">
        <v>3592</v>
      </c>
    </row>
    <row r="1795" spans="1:7">
      <c r="A1795" s="5" t="s">
        <v>7</v>
      </c>
      <c r="B1795" s="5">
        <v>1848</v>
      </c>
      <c r="C1795" s="5" t="s">
        <v>8</v>
      </c>
      <c r="D1795" s="5" t="s">
        <v>8</v>
      </c>
      <c r="E1795" s="6">
        <v>11001</v>
      </c>
      <c r="F1795" s="5" t="s">
        <v>3593</v>
      </c>
      <c r="G1795" s="5" t="s">
        <v>3594</v>
      </c>
    </row>
    <row r="1796" spans="1:7">
      <c r="A1796" s="5" t="s">
        <v>7</v>
      </c>
      <c r="B1796" s="5">
        <v>1849</v>
      </c>
      <c r="C1796" s="5" t="s">
        <v>8</v>
      </c>
      <c r="D1796" s="5" t="s">
        <v>8</v>
      </c>
      <c r="E1796" s="6">
        <v>11001</v>
      </c>
      <c r="F1796" s="5" t="s">
        <v>3595</v>
      </c>
      <c r="G1796" s="5" t="s">
        <v>3596</v>
      </c>
    </row>
    <row r="1797" spans="1:7">
      <c r="A1797" s="5" t="s">
        <v>7</v>
      </c>
      <c r="B1797" s="5">
        <v>1850</v>
      </c>
      <c r="C1797" s="5" t="s">
        <v>8</v>
      </c>
      <c r="D1797" s="5" t="s">
        <v>8</v>
      </c>
      <c r="E1797" s="6">
        <v>11001</v>
      </c>
      <c r="F1797" s="5" t="s">
        <v>3597</v>
      </c>
      <c r="G1797" s="5" t="s">
        <v>3598</v>
      </c>
    </row>
    <row r="1798" spans="1:7">
      <c r="A1798" s="5" t="s">
        <v>7</v>
      </c>
      <c r="B1798" s="5">
        <v>1851</v>
      </c>
      <c r="C1798" s="5" t="s">
        <v>2542</v>
      </c>
      <c r="D1798" s="5" t="s">
        <v>2543</v>
      </c>
      <c r="E1798" s="6">
        <v>8001</v>
      </c>
      <c r="F1798" s="5" t="s">
        <v>3599</v>
      </c>
      <c r="G1798" s="5" t="s">
        <v>3600</v>
      </c>
    </row>
    <row r="1799" spans="1:7">
      <c r="A1799" s="5" t="s">
        <v>7</v>
      </c>
      <c r="B1799" s="5">
        <v>1852</v>
      </c>
      <c r="C1799" s="5" t="s">
        <v>8</v>
      </c>
      <c r="D1799" s="5" t="s">
        <v>8</v>
      </c>
      <c r="E1799" s="6">
        <v>11001</v>
      </c>
      <c r="F1799" s="5" t="s">
        <v>3601</v>
      </c>
      <c r="G1799" s="5" t="s">
        <v>3602</v>
      </c>
    </row>
    <row r="1800" spans="1:7">
      <c r="A1800" s="5" t="s">
        <v>7</v>
      </c>
      <c r="B1800" s="5">
        <v>1853</v>
      </c>
      <c r="C1800" s="5" t="s">
        <v>8</v>
      </c>
      <c r="D1800" s="5" t="s">
        <v>8</v>
      </c>
      <c r="E1800" s="6">
        <v>11001</v>
      </c>
      <c r="F1800" s="5" t="s">
        <v>3603</v>
      </c>
      <c r="G1800" s="5" t="s">
        <v>3604</v>
      </c>
    </row>
    <row r="1801" spans="1:7">
      <c r="A1801" s="5" t="s">
        <v>7</v>
      </c>
      <c r="B1801" s="5">
        <v>1854</v>
      </c>
      <c r="C1801" s="5" t="s">
        <v>8</v>
      </c>
      <c r="D1801" s="5" t="s">
        <v>8</v>
      </c>
      <c r="E1801" s="6">
        <v>11001</v>
      </c>
      <c r="F1801" s="5" t="s">
        <v>3605</v>
      </c>
      <c r="G1801" s="5" t="s">
        <v>3606</v>
      </c>
    </row>
    <row r="1802" spans="1:7">
      <c r="A1802" s="5" t="s">
        <v>7</v>
      </c>
      <c r="B1802" s="5">
        <v>1855</v>
      </c>
      <c r="C1802" s="5" t="s">
        <v>8</v>
      </c>
      <c r="D1802" s="5" t="s">
        <v>8</v>
      </c>
      <c r="E1802" s="6">
        <v>11001</v>
      </c>
      <c r="F1802" s="5" t="s">
        <v>3607</v>
      </c>
      <c r="G1802" s="5" t="s">
        <v>3608</v>
      </c>
    </row>
    <row r="1803" spans="1:7">
      <c r="A1803" s="5" t="s">
        <v>7</v>
      </c>
      <c r="B1803" s="5">
        <v>1856</v>
      </c>
      <c r="C1803" s="5" t="s">
        <v>2542</v>
      </c>
      <c r="D1803" s="5" t="s">
        <v>2543</v>
      </c>
      <c r="E1803" s="6">
        <v>8001</v>
      </c>
      <c r="F1803" s="5" t="s">
        <v>3609</v>
      </c>
      <c r="G1803" s="5" t="s">
        <v>3610</v>
      </c>
    </row>
    <row r="1804" spans="1:7">
      <c r="A1804" s="5" t="s">
        <v>7</v>
      </c>
      <c r="B1804" s="5">
        <v>1857</v>
      </c>
      <c r="C1804" s="5" t="s">
        <v>8</v>
      </c>
      <c r="D1804" s="5" t="s">
        <v>8</v>
      </c>
      <c r="E1804" s="6">
        <v>11001</v>
      </c>
      <c r="F1804" s="5" t="s">
        <v>3611</v>
      </c>
      <c r="G1804" s="5" t="s">
        <v>3612</v>
      </c>
    </row>
    <row r="1805" spans="1:7">
      <c r="A1805" s="5" t="s">
        <v>7</v>
      </c>
      <c r="B1805" s="5">
        <v>1858</v>
      </c>
      <c r="C1805" s="5" t="s">
        <v>8</v>
      </c>
      <c r="D1805" s="5" t="s">
        <v>8</v>
      </c>
      <c r="E1805" s="6">
        <v>11001</v>
      </c>
      <c r="F1805" s="5" t="s">
        <v>3613</v>
      </c>
      <c r="G1805" s="5" t="s">
        <v>3614</v>
      </c>
    </row>
    <row r="1806" spans="1:7">
      <c r="A1806" s="5" t="s">
        <v>7</v>
      </c>
      <c r="B1806" s="5">
        <v>1859</v>
      </c>
      <c r="C1806" s="5" t="s">
        <v>3615</v>
      </c>
      <c r="D1806" s="5" t="s">
        <v>3616</v>
      </c>
      <c r="E1806" s="6">
        <v>86573</v>
      </c>
      <c r="F1806" s="5" t="s">
        <v>3617</v>
      </c>
      <c r="G1806" s="5" t="s">
        <v>3618</v>
      </c>
    </row>
    <row r="1807" spans="1:7">
      <c r="A1807" s="5" t="s">
        <v>7</v>
      </c>
      <c r="B1807" s="5">
        <v>1860</v>
      </c>
      <c r="C1807" s="5" t="s">
        <v>2891</v>
      </c>
      <c r="D1807" s="5" t="s">
        <v>2892</v>
      </c>
      <c r="E1807" s="6">
        <v>13001</v>
      </c>
      <c r="F1807" s="5" t="s">
        <v>3619</v>
      </c>
      <c r="G1807" s="5" t="s">
        <v>3620</v>
      </c>
    </row>
    <row r="1808" spans="1:7">
      <c r="A1808" s="5" t="s">
        <v>7</v>
      </c>
      <c r="B1808" s="5">
        <v>1861</v>
      </c>
      <c r="C1808" s="5" t="s">
        <v>2891</v>
      </c>
      <c r="D1808" s="5" t="s">
        <v>2892</v>
      </c>
      <c r="E1808" s="6">
        <v>13001</v>
      </c>
      <c r="F1808" s="5" t="s">
        <v>3621</v>
      </c>
      <c r="G1808" s="5" t="s">
        <v>3622</v>
      </c>
    </row>
    <row r="1809" spans="1:7">
      <c r="A1809" s="5" t="s">
        <v>7</v>
      </c>
      <c r="B1809" s="5">
        <v>1862</v>
      </c>
      <c r="C1809" s="5" t="s">
        <v>8</v>
      </c>
      <c r="D1809" s="5" t="s">
        <v>8</v>
      </c>
      <c r="E1809" s="6">
        <v>11001</v>
      </c>
      <c r="F1809" s="5" t="s">
        <v>3623</v>
      </c>
      <c r="G1809" s="5" t="s">
        <v>3624</v>
      </c>
    </row>
    <row r="1810" spans="1:7">
      <c r="A1810" s="5" t="s">
        <v>7</v>
      </c>
      <c r="B1810" s="5">
        <v>1863</v>
      </c>
      <c r="C1810" s="5" t="s">
        <v>8</v>
      </c>
      <c r="D1810" s="5" t="s">
        <v>8</v>
      </c>
      <c r="E1810" s="6">
        <v>11001</v>
      </c>
      <c r="F1810" s="5" t="s">
        <v>3625</v>
      </c>
      <c r="G1810" s="5" t="s">
        <v>3626</v>
      </c>
    </row>
    <row r="1811" spans="1:7">
      <c r="A1811" s="5" t="s">
        <v>7</v>
      </c>
      <c r="B1811" s="5">
        <v>1864</v>
      </c>
      <c r="C1811" s="5" t="s">
        <v>8</v>
      </c>
      <c r="D1811" s="5" t="s">
        <v>8</v>
      </c>
      <c r="E1811" s="6">
        <v>11001</v>
      </c>
      <c r="F1811" s="5" t="s">
        <v>3163</v>
      </c>
      <c r="G1811" s="5" t="s">
        <v>3164</v>
      </c>
    </row>
    <row r="1812" spans="1:7">
      <c r="A1812" s="5" t="s">
        <v>7</v>
      </c>
      <c r="B1812" s="5">
        <v>1865</v>
      </c>
      <c r="C1812" s="5" t="s">
        <v>8</v>
      </c>
      <c r="D1812" s="5" t="s">
        <v>8</v>
      </c>
      <c r="E1812" s="6">
        <v>11001</v>
      </c>
      <c r="F1812" s="5" t="s">
        <v>3627</v>
      </c>
      <c r="G1812" s="5" t="s">
        <v>3628</v>
      </c>
    </row>
    <row r="1813" spans="1:7">
      <c r="A1813" s="5" t="s">
        <v>7</v>
      </c>
      <c r="B1813" s="5">
        <v>1866</v>
      </c>
      <c r="C1813" s="5" t="s">
        <v>8</v>
      </c>
      <c r="D1813" s="5" t="s">
        <v>8</v>
      </c>
      <c r="E1813" s="6">
        <v>11001</v>
      </c>
      <c r="F1813" s="5" t="s">
        <v>3629</v>
      </c>
      <c r="G1813" s="5" t="s">
        <v>3630</v>
      </c>
    </row>
    <row r="1814" spans="1:7">
      <c r="A1814" s="5" t="s">
        <v>7</v>
      </c>
      <c r="B1814" s="5">
        <v>1867</v>
      </c>
      <c r="C1814" s="5" t="s">
        <v>8</v>
      </c>
      <c r="D1814" s="5" t="s">
        <v>8</v>
      </c>
      <c r="E1814" s="6">
        <v>11001</v>
      </c>
      <c r="F1814" s="5" t="s">
        <v>3631</v>
      </c>
      <c r="G1814" s="5" t="s">
        <v>3632</v>
      </c>
    </row>
    <row r="1815" spans="1:7">
      <c r="A1815" s="5" t="s">
        <v>7</v>
      </c>
      <c r="B1815" s="5">
        <v>1868</v>
      </c>
      <c r="C1815" s="5" t="s">
        <v>8</v>
      </c>
      <c r="D1815" s="5" t="s">
        <v>8</v>
      </c>
      <c r="E1815" s="6">
        <v>11001</v>
      </c>
      <c r="F1815" s="5" t="s">
        <v>3633</v>
      </c>
      <c r="G1815" s="5" t="s">
        <v>3634</v>
      </c>
    </row>
    <row r="1816" spans="1:7">
      <c r="A1816" s="5" t="s">
        <v>7</v>
      </c>
      <c r="B1816" s="5">
        <v>1869</v>
      </c>
      <c r="C1816" s="5" t="s">
        <v>8</v>
      </c>
      <c r="D1816" s="5" t="s">
        <v>8</v>
      </c>
      <c r="E1816" s="6">
        <v>11001</v>
      </c>
      <c r="F1816" s="5" t="s">
        <v>3635</v>
      </c>
      <c r="G1816" s="5" t="s">
        <v>3636</v>
      </c>
    </row>
    <row r="1817" spans="1:7">
      <c r="A1817" s="5" t="s">
        <v>7</v>
      </c>
      <c r="B1817" s="5">
        <v>1870</v>
      </c>
      <c r="C1817" s="5" t="s">
        <v>8</v>
      </c>
      <c r="D1817" s="5" t="s">
        <v>8</v>
      </c>
      <c r="E1817" s="6">
        <v>11001</v>
      </c>
      <c r="F1817" s="5" t="s">
        <v>3637</v>
      </c>
      <c r="G1817" s="5" t="s">
        <v>3638</v>
      </c>
    </row>
    <row r="1818" spans="1:7">
      <c r="A1818" s="5" t="s">
        <v>7</v>
      </c>
      <c r="B1818" s="5">
        <v>1871</v>
      </c>
      <c r="C1818" s="5" t="s">
        <v>2891</v>
      </c>
      <c r="D1818" s="5" t="s">
        <v>2892</v>
      </c>
      <c r="E1818" s="6">
        <v>13001</v>
      </c>
      <c r="F1818" s="5" t="s">
        <v>3639</v>
      </c>
      <c r="G1818" s="5" t="s">
        <v>3640</v>
      </c>
    </row>
    <row r="1819" spans="1:7">
      <c r="A1819" s="5" t="s">
        <v>7</v>
      </c>
      <c r="B1819" s="5">
        <v>1872</v>
      </c>
      <c r="C1819" s="5" t="s">
        <v>8</v>
      </c>
      <c r="D1819" s="5" t="s">
        <v>8</v>
      </c>
      <c r="E1819" s="6">
        <v>11001</v>
      </c>
      <c r="F1819" s="5" t="s">
        <v>3641</v>
      </c>
      <c r="G1819" s="5" t="s">
        <v>3642</v>
      </c>
    </row>
    <row r="1820" spans="1:7">
      <c r="A1820" s="5" t="s">
        <v>7</v>
      </c>
      <c r="B1820" s="5">
        <v>1873</v>
      </c>
      <c r="C1820" s="5" t="s">
        <v>8</v>
      </c>
      <c r="D1820" s="5" t="s">
        <v>8</v>
      </c>
      <c r="E1820" s="6">
        <v>11001</v>
      </c>
      <c r="F1820" s="5" t="s">
        <v>3643</v>
      </c>
      <c r="G1820" s="5" t="s">
        <v>3644</v>
      </c>
    </row>
    <row r="1821" spans="1:7">
      <c r="A1821" s="5" t="s">
        <v>7</v>
      </c>
      <c r="B1821" s="5">
        <v>1874</v>
      </c>
      <c r="C1821" s="5" t="s">
        <v>8</v>
      </c>
      <c r="D1821" s="5" t="s">
        <v>8</v>
      </c>
      <c r="E1821" s="6">
        <v>11001</v>
      </c>
      <c r="F1821" s="5" t="s">
        <v>3645</v>
      </c>
      <c r="G1821" s="5" t="s">
        <v>3646</v>
      </c>
    </row>
    <row r="1822" spans="1:7">
      <c r="A1822" s="5" t="s">
        <v>7</v>
      </c>
      <c r="B1822" s="5">
        <v>1875</v>
      </c>
      <c r="C1822" s="5" t="s">
        <v>2781</v>
      </c>
      <c r="D1822" s="5" t="s">
        <v>2782</v>
      </c>
      <c r="E1822" s="6">
        <v>23001</v>
      </c>
      <c r="F1822" s="5" t="s">
        <v>3647</v>
      </c>
      <c r="G1822" s="5" t="s">
        <v>3648</v>
      </c>
    </row>
    <row r="1823" spans="1:7">
      <c r="A1823" s="5" t="s">
        <v>7</v>
      </c>
      <c r="B1823" s="5">
        <v>1876</v>
      </c>
      <c r="C1823" s="5" t="s">
        <v>8</v>
      </c>
      <c r="D1823" s="5" t="s">
        <v>8</v>
      </c>
      <c r="E1823" s="6">
        <v>11001</v>
      </c>
      <c r="F1823" s="5" t="s">
        <v>3649</v>
      </c>
      <c r="G1823" s="5" t="s">
        <v>3650</v>
      </c>
    </row>
    <row r="1824" spans="1:7">
      <c r="A1824" s="5" t="s">
        <v>7</v>
      </c>
      <c r="B1824" s="5">
        <v>1877</v>
      </c>
      <c r="C1824" s="5" t="s">
        <v>2891</v>
      </c>
      <c r="D1824" s="5" t="s">
        <v>2892</v>
      </c>
      <c r="E1824" s="6">
        <v>13001</v>
      </c>
      <c r="F1824" s="5" t="s">
        <v>3651</v>
      </c>
      <c r="G1824" s="5" t="s">
        <v>3652</v>
      </c>
    </row>
    <row r="1825" spans="1:7">
      <c r="A1825" s="5" t="s">
        <v>7</v>
      </c>
      <c r="B1825" s="5">
        <v>1878</v>
      </c>
      <c r="C1825" s="5" t="s">
        <v>2891</v>
      </c>
      <c r="D1825" s="5" t="s">
        <v>2892</v>
      </c>
      <c r="E1825" s="6">
        <v>13001</v>
      </c>
      <c r="F1825" s="5" t="s">
        <v>3653</v>
      </c>
      <c r="G1825" s="5" t="s">
        <v>3654</v>
      </c>
    </row>
    <row r="1826" spans="1:7">
      <c r="A1826" s="5" t="s">
        <v>7</v>
      </c>
      <c r="B1826" s="5">
        <v>1879</v>
      </c>
      <c r="C1826" s="5" t="s">
        <v>2891</v>
      </c>
      <c r="D1826" s="5" t="s">
        <v>2892</v>
      </c>
      <c r="E1826" s="6">
        <v>13001</v>
      </c>
      <c r="F1826" s="5" t="s">
        <v>3655</v>
      </c>
      <c r="G1826" s="5" t="s">
        <v>3656</v>
      </c>
    </row>
    <row r="1827" spans="1:7">
      <c r="A1827" s="5" t="s">
        <v>7</v>
      </c>
      <c r="B1827" s="5">
        <v>1880</v>
      </c>
      <c r="C1827" s="5" t="s">
        <v>8</v>
      </c>
      <c r="D1827" s="5" t="s">
        <v>8</v>
      </c>
      <c r="E1827" s="6">
        <v>11001</v>
      </c>
      <c r="F1827" s="5" t="s">
        <v>3657</v>
      </c>
      <c r="G1827" s="5" t="s">
        <v>3658</v>
      </c>
    </row>
    <row r="1828" spans="1:7">
      <c r="A1828" s="5" t="s">
        <v>7</v>
      </c>
      <c r="B1828" s="5">
        <v>1881</v>
      </c>
      <c r="C1828" s="5" t="s">
        <v>8</v>
      </c>
      <c r="D1828" s="5" t="s">
        <v>8</v>
      </c>
      <c r="E1828" s="6">
        <v>11001</v>
      </c>
      <c r="F1828" s="5" t="s">
        <v>3659</v>
      </c>
      <c r="G1828" s="5" t="s">
        <v>3660</v>
      </c>
    </row>
    <row r="1829" spans="1:7">
      <c r="A1829" s="5" t="s">
        <v>7</v>
      </c>
      <c r="B1829" s="5">
        <v>1882</v>
      </c>
      <c r="C1829" s="5" t="s">
        <v>2891</v>
      </c>
      <c r="D1829" s="5" t="s">
        <v>2892</v>
      </c>
      <c r="E1829" s="6">
        <v>13001</v>
      </c>
      <c r="F1829" s="5" t="s">
        <v>3661</v>
      </c>
      <c r="G1829" s="5" t="s">
        <v>3662</v>
      </c>
    </row>
    <row r="1830" spans="1:7">
      <c r="A1830" s="5" t="s">
        <v>7</v>
      </c>
      <c r="B1830" s="5">
        <v>1883</v>
      </c>
      <c r="C1830" s="5" t="s">
        <v>8</v>
      </c>
      <c r="D1830" s="5" t="s">
        <v>8</v>
      </c>
      <c r="E1830" s="6">
        <v>11001</v>
      </c>
      <c r="F1830" s="5" t="s">
        <v>3663</v>
      </c>
      <c r="G1830" s="5" t="s">
        <v>3664</v>
      </c>
    </row>
    <row r="1831" spans="1:7">
      <c r="A1831" s="5" t="s">
        <v>7</v>
      </c>
      <c r="B1831" s="5">
        <v>1884</v>
      </c>
      <c r="C1831" s="5" t="s">
        <v>8</v>
      </c>
      <c r="D1831" s="5" t="s">
        <v>8</v>
      </c>
      <c r="E1831" s="6">
        <v>11001</v>
      </c>
      <c r="F1831" s="5" t="s">
        <v>3665</v>
      </c>
      <c r="G1831" s="5" t="s">
        <v>3666</v>
      </c>
    </row>
    <row r="1832" spans="1:7">
      <c r="A1832" s="5" t="s">
        <v>7</v>
      </c>
      <c r="B1832" s="5">
        <v>1885</v>
      </c>
      <c r="C1832" s="5" t="s">
        <v>8</v>
      </c>
      <c r="D1832" s="5" t="s">
        <v>8</v>
      </c>
      <c r="E1832" s="6">
        <v>11001</v>
      </c>
      <c r="F1832" s="5" t="s">
        <v>3667</v>
      </c>
      <c r="G1832" s="5" t="s">
        <v>3668</v>
      </c>
    </row>
    <row r="1833" spans="1:7">
      <c r="A1833" s="5" t="s">
        <v>7</v>
      </c>
      <c r="B1833" s="5">
        <v>1886</v>
      </c>
      <c r="C1833" s="5" t="s">
        <v>8</v>
      </c>
      <c r="D1833" s="5" t="s">
        <v>8</v>
      </c>
      <c r="E1833" s="6">
        <v>11001</v>
      </c>
      <c r="F1833" s="5" t="s">
        <v>3669</v>
      </c>
      <c r="G1833" s="5" t="s">
        <v>3670</v>
      </c>
    </row>
    <row r="1834" spans="1:7">
      <c r="A1834" s="5" t="s">
        <v>7</v>
      </c>
      <c r="B1834" s="5">
        <v>1887</v>
      </c>
      <c r="C1834" s="5" t="s">
        <v>8</v>
      </c>
      <c r="D1834" s="5" t="s">
        <v>8</v>
      </c>
      <c r="E1834" s="6">
        <v>11001</v>
      </c>
      <c r="F1834" s="5" t="s">
        <v>3671</v>
      </c>
      <c r="G1834" s="5" t="s">
        <v>3672</v>
      </c>
    </row>
    <row r="1835" spans="1:7">
      <c r="A1835" s="5" t="s">
        <v>7</v>
      </c>
      <c r="B1835" s="5">
        <v>1888</v>
      </c>
      <c r="C1835" s="5" t="s">
        <v>8</v>
      </c>
      <c r="D1835" s="5" t="s">
        <v>8</v>
      </c>
      <c r="E1835" s="6">
        <v>11001</v>
      </c>
      <c r="F1835" s="5" t="s">
        <v>3673</v>
      </c>
      <c r="G1835" s="5" t="s">
        <v>3674</v>
      </c>
    </row>
    <row r="1836" spans="1:7">
      <c r="A1836" s="5" t="s">
        <v>7</v>
      </c>
      <c r="B1836" s="5">
        <v>1889</v>
      </c>
      <c r="C1836" s="5" t="s">
        <v>8</v>
      </c>
      <c r="D1836" s="5" t="s">
        <v>8</v>
      </c>
      <c r="E1836" s="6">
        <v>11001</v>
      </c>
      <c r="F1836" s="5" t="s">
        <v>3675</v>
      </c>
      <c r="G1836" s="5" t="s">
        <v>3676</v>
      </c>
    </row>
    <row r="1837" spans="1:7">
      <c r="A1837" s="5" t="s">
        <v>7</v>
      </c>
      <c r="B1837" s="5">
        <v>1890</v>
      </c>
      <c r="C1837" s="5" t="s">
        <v>2891</v>
      </c>
      <c r="D1837" s="5" t="s">
        <v>2892</v>
      </c>
      <c r="E1837" s="6">
        <v>13001</v>
      </c>
      <c r="F1837" s="5" t="s">
        <v>3677</v>
      </c>
      <c r="G1837" s="5" t="s">
        <v>3678</v>
      </c>
    </row>
    <row r="1838" spans="1:7">
      <c r="A1838" s="5" t="s">
        <v>7</v>
      </c>
      <c r="B1838" s="5">
        <v>1891</v>
      </c>
      <c r="C1838" s="5" t="s">
        <v>2891</v>
      </c>
      <c r="D1838" s="5" t="s">
        <v>2892</v>
      </c>
      <c r="E1838" s="6">
        <v>13001</v>
      </c>
      <c r="F1838" s="5" t="s">
        <v>3679</v>
      </c>
      <c r="G1838" s="5" t="s">
        <v>3680</v>
      </c>
    </row>
    <row r="1839" spans="1:7">
      <c r="A1839" s="5" t="s">
        <v>7</v>
      </c>
      <c r="B1839" s="5">
        <v>1892</v>
      </c>
      <c r="C1839" s="5" t="s">
        <v>2891</v>
      </c>
      <c r="D1839" s="5" t="s">
        <v>2892</v>
      </c>
      <c r="E1839" s="6">
        <v>13001</v>
      </c>
      <c r="F1839" s="5" t="s">
        <v>3681</v>
      </c>
      <c r="G1839" s="5" t="s">
        <v>3682</v>
      </c>
    </row>
    <row r="1840" spans="1:7">
      <c r="A1840" s="5" t="s">
        <v>7</v>
      </c>
      <c r="B1840" s="5">
        <v>1893</v>
      </c>
      <c r="C1840" s="5" t="s">
        <v>8</v>
      </c>
      <c r="D1840" s="5" t="s">
        <v>8</v>
      </c>
      <c r="E1840" s="6">
        <v>11001</v>
      </c>
      <c r="F1840" s="5" t="s">
        <v>3683</v>
      </c>
      <c r="G1840" s="5" t="s">
        <v>3684</v>
      </c>
    </row>
    <row r="1841" spans="1:7">
      <c r="A1841" s="5" t="s">
        <v>7</v>
      </c>
      <c r="B1841" s="5">
        <v>1894</v>
      </c>
      <c r="C1841" s="5" t="s">
        <v>8</v>
      </c>
      <c r="D1841" s="5" t="s">
        <v>8</v>
      </c>
      <c r="E1841" s="6">
        <v>11001</v>
      </c>
      <c r="F1841" s="5" t="s">
        <v>3685</v>
      </c>
      <c r="G1841" s="5" t="s">
        <v>3686</v>
      </c>
    </row>
    <row r="1842" spans="1:7">
      <c r="A1842" s="5" t="s">
        <v>7</v>
      </c>
      <c r="B1842" s="5">
        <v>1895</v>
      </c>
      <c r="C1842" s="5" t="s">
        <v>8</v>
      </c>
      <c r="D1842" s="5" t="s">
        <v>8</v>
      </c>
      <c r="E1842" s="6">
        <v>11001</v>
      </c>
      <c r="F1842" s="5" t="s">
        <v>3687</v>
      </c>
      <c r="G1842" s="5" t="s">
        <v>3688</v>
      </c>
    </row>
    <row r="1843" spans="1:7">
      <c r="A1843" s="5" t="s">
        <v>7</v>
      </c>
      <c r="B1843" s="5">
        <v>1896</v>
      </c>
      <c r="C1843" s="5" t="s">
        <v>8</v>
      </c>
      <c r="D1843" s="5" t="s">
        <v>8</v>
      </c>
      <c r="E1843" s="6">
        <v>11001</v>
      </c>
      <c r="F1843" s="5" t="s">
        <v>3689</v>
      </c>
      <c r="G1843" s="5" t="s">
        <v>3690</v>
      </c>
    </row>
    <row r="1844" spans="1:7">
      <c r="A1844" s="5" t="s">
        <v>7</v>
      </c>
      <c r="B1844" s="5">
        <v>1897</v>
      </c>
      <c r="C1844" s="5" t="s">
        <v>2891</v>
      </c>
      <c r="D1844" s="5" t="s">
        <v>2892</v>
      </c>
      <c r="E1844" s="6">
        <v>13001</v>
      </c>
      <c r="F1844" s="5" t="s">
        <v>3691</v>
      </c>
      <c r="G1844" s="5" t="s">
        <v>3692</v>
      </c>
    </row>
    <row r="1845" spans="1:7">
      <c r="A1845" s="5" t="s">
        <v>7</v>
      </c>
      <c r="B1845" s="5">
        <v>1898</v>
      </c>
      <c r="C1845" s="5" t="s">
        <v>2891</v>
      </c>
      <c r="D1845" s="5" t="s">
        <v>2892</v>
      </c>
      <c r="E1845" s="6">
        <v>13001</v>
      </c>
      <c r="F1845" s="5" t="s">
        <v>3693</v>
      </c>
      <c r="G1845" s="5" t="s">
        <v>3694</v>
      </c>
    </row>
    <row r="1846" spans="1:7">
      <c r="A1846" s="5" t="s">
        <v>7</v>
      </c>
      <c r="B1846" s="5">
        <v>1899</v>
      </c>
      <c r="C1846" s="5" t="s">
        <v>2891</v>
      </c>
      <c r="D1846" s="5" t="s">
        <v>2892</v>
      </c>
      <c r="E1846" s="6">
        <v>13001</v>
      </c>
      <c r="F1846" s="5" t="s">
        <v>3695</v>
      </c>
      <c r="G1846" s="5" t="s">
        <v>3696</v>
      </c>
    </row>
    <row r="1847" spans="1:7">
      <c r="A1847" s="5" t="s">
        <v>7</v>
      </c>
      <c r="B1847" s="5">
        <v>1900</v>
      </c>
      <c r="C1847" s="5" t="s">
        <v>2891</v>
      </c>
      <c r="D1847" s="5" t="s">
        <v>2892</v>
      </c>
      <c r="E1847" s="6">
        <v>13001</v>
      </c>
      <c r="F1847" s="5" t="s">
        <v>3697</v>
      </c>
      <c r="G1847" s="5" t="s">
        <v>3698</v>
      </c>
    </row>
    <row r="1848" spans="1:7">
      <c r="A1848" s="5" t="s">
        <v>7</v>
      </c>
      <c r="B1848" s="5">
        <v>1901</v>
      </c>
      <c r="C1848" s="5" t="s">
        <v>8</v>
      </c>
      <c r="D1848" s="5" t="s">
        <v>8</v>
      </c>
      <c r="E1848" s="6">
        <v>11001</v>
      </c>
      <c r="F1848" s="5" t="s">
        <v>3699</v>
      </c>
      <c r="G1848" s="5" t="s">
        <v>3700</v>
      </c>
    </row>
    <row r="1849" spans="1:7">
      <c r="A1849" s="5" t="s">
        <v>7</v>
      </c>
      <c r="B1849" s="5">
        <v>1902</v>
      </c>
      <c r="C1849" s="5" t="s">
        <v>8</v>
      </c>
      <c r="D1849" s="5" t="s">
        <v>8</v>
      </c>
      <c r="E1849" s="6">
        <v>11001</v>
      </c>
      <c r="F1849" s="5" t="s">
        <v>3701</v>
      </c>
      <c r="G1849" s="5" t="s">
        <v>3702</v>
      </c>
    </row>
    <row r="1850" spans="1:7">
      <c r="A1850" s="5" t="s">
        <v>7</v>
      </c>
      <c r="B1850" s="5">
        <v>1903</v>
      </c>
      <c r="C1850" s="5" t="s">
        <v>8</v>
      </c>
      <c r="D1850" s="5" t="s">
        <v>8</v>
      </c>
      <c r="E1850" s="6">
        <v>11001</v>
      </c>
      <c r="F1850" s="5" t="s">
        <v>3703</v>
      </c>
      <c r="G1850" s="5" t="s">
        <v>3704</v>
      </c>
    </row>
    <row r="1851" spans="1:7">
      <c r="A1851" s="5" t="s">
        <v>7</v>
      </c>
      <c r="B1851" s="5">
        <v>1904</v>
      </c>
      <c r="C1851" s="5" t="s">
        <v>8</v>
      </c>
      <c r="D1851" s="5" t="s">
        <v>8</v>
      </c>
      <c r="E1851" s="6">
        <v>11001</v>
      </c>
      <c r="F1851" s="5" t="s">
        <v>3705</v>
      </c>
      <c r="G1851" s="5" t="s">
        <v>3706</v>
      </c>
    </row>
    <row r="1852" spans="1:7">
      <c r="A1852" s="5" t="s">
        <v>7</v>
      </c>
      <c r="B1852" s="5">
        <v>1905</v>
      </c>
      <c r="C1852" s="5" t="s">
        <v>8</v>
      </c>
      <c r="D1852" s="5" t="s">
        <v>8</v>
      </c>
      <c r="E1852" s="6">
        <v>11001</v>
      </c>
      <c r="F1852" s="5" t="s">
        <v>3707</v>
      </c>
      <c r="G1852" s="5" t="s">
        <v>3708</v>
      </c>
    </row>
    <row r="1853" spans="1:7">
      <c r="A1853" s="5" t="s">
        <v>7</v>
      </c>
      <c r="B1853" s="5">
        <v>1906</v>
      </c>
      <c r="C1853" s="5" t="s">
        <v>2891</v>
      </c>
      <c r="D1853" s="5" t="s">
        <v>2892</v>
      </c>
      <c r="E1853" s="6">
        <v>13001</v>
      </c>
      <c r="F1853" s="5" t="s">
        <v>3709</v>
      </c>
      <c r="G1853" s="5" t="s">
        <v>3710</v>
      </c>
    </row>
    <row r="1854" spans="1:7">
      <c r="A1854" s="5" t="s">
        <v>7</v>
      </c>
      <c r="B1854" s="5">
        <v>1907</v>
      </c>
      <c r="C1854" s="5" t="s">
        <v>2891</v>
      </c>
      <c r="D1854" s="5" t="s">
        <v>2892</v>
      </c>
      <c r="E1854" s="6">
        <v>13001</v>
      </c>
      <c r="F1854" s="5" t="s">
        <v>3711</v>
      </c>
      <c r="G1854" s="5" t="s">
        <v>3712</v>
      </c>
    </row>
    <row r="1855" spans="1:7">
      <c r="A1855" s="5" t="s">
        <v>7</v>
      </c>
      <c r="B1855" s="5">
        <v>1908</v>
      </c>
      <c r="C1855" s="5" t="s">
        <v>8</v>
      </c>
      <c r="D1855" s="5" t="s">
        <v>8</v>
      </c>
      <c r="E1855" s="6">
        <v>11001</v>
      </c>
      <c r="F1855" s="5" t="s">
        <v>3713</v>
      </c>
      <c r="G1855" s="5" t="s">
        <v>3714</v>
      </c>
    </row>
    <row r="1856" spans="1:7">
      <c r="A1856" s="5" t="s">
        <v>7</v>
      </c>
      <c r="B1856" s="5">
        <v>1909</v>
      </c>
      <c r="C1856" s="5" t="s">
        <v>8</v>
      </c>
      <c r="D1856" s="5" t="s">
        <v>8</v>
      </c>
      <c r="E1856" s="6">
        <v>11001</v>
      </c>
      <c r="F1856" s="5" t="s">
        <v>3715</v>
      </c>
      <c r="G1856" s="5" t="s">
        <v>3716</v>
      </c>
    </row>
    <row r="1857" spans="1:7">
      <c r="A1857" s="5" t="s">
        <v>7</v>
      </c>
      <c r="B1857" s="5">
        <v>1910</v>
      </c>
      <c r="C1857" s="5" t="s">
        <v>2891</v>
      </c>
      <c r="D1857" s="5" t="s">
        <v>2892</v>
      </c>
      <c r="E1857" s="6">
        <v>13001</v>
      </c>
      <c r="F1857" s="5" t="s">
        <v>3717</v>
      </c>
      <c r="G1857" s="5" t="s">
        <v>3718</v>
      </c>
    </row>
    <row r="1858" spans="1:7">
      <c r="A1858" s="5" t="s">
        <v>7</v>
      </c>
      <c r="B1858" s="5">
        <v>1911</v>
      </c>
      <c r="C1858" s="5" t="s">
        <v>2891</v>
      </c>
      <c r="D1858" s="5" t="s">
        <v>2892</v>
      </c>
      <c r="E1858" s="6">
        <v>13001</v>
      </c>
      <c r="F1858" s="5" t="s">
        <v>3719</v>
      </c>
      <c r="G1858" s="5" t="s">
        <v>3720</v>
      </c>
    </row>
    <row r="1859" spans="1:7">
      <c r="A1859" s="5" t="s">
        <v>7</v>
      </c>
      <c r="B1859" s="5">
        <v>1912</v>
      </c>
      <c r="C1859" s="5" t="s">
        <v>2891</v>
      </c>
      <c r="D1859" s="5" t="s">
        <v>2892</v>
      </c>
      <c r="E1859" s="6">
        <v>13001</v>
      </c>
      <c r="F1859" s="5" t="s">
        <v>3721</v>
      </c>
      <c r="G1859" s="5" t="s">
        <v>3722</v>
      </c>
    </row>
    <row r="1860" spans="1:7">
      <c r="A1860" s="5" t="s">
        <v>7</v>
      </c>
      <c r="B1860" s="5">
        <v>1913</v>
      </c>
      <c r="C1860" s="5" t="s">
        <v>2891</v>
      </c>
      <c r="D1860" s="5" t="s">
        <v>2892</v>
      </c>
      <c r="E1860" s="6">
        <v>13001</v>
      </c>
      <c r="F1860" s="5" t="s">
        <v>3723</v>
      </c>
      <c r="G1860" s="5" t="s">
        <v>3724</v>
      </c>
    </row>
    <row r="1861" spans="1:7">
      <c r="A1861" s="5" t="s">
        <v>7</v>
      </c>
      <c r="B1861" s="5">
        <v>1914</v>
      </c>
      <c r="C1861" s="5" t="s">
        <v>8</v>
      </c>
      <c r="D1861" s="5" t="s">
        <v>8</v>
      </c>
      <c r="E1861" s="6">
        <v>11001</v>
      </c>
      <c r="F1861" s="5" t="s">
        <v>3725</v>
      </c>
      <c r="G1861" s="5" t="s">
        <v>3726</v>
      </c>
    </row>
    <row r="1862" spans="1:7">
      <c r="A1862" s="5" t="s">
        <v>7</v>
      </c>
      <c r="B1862" s="5">
        <v>1915</v>
      </c>
      <c r="C1862" s="5" t="s">
        <v>8</v>
      </c>
      <c r="D1862" s="5" t="s">
        <v>8</v>
      </c>
      <c r="E1862" s="6">
        <v>11001</v>
      </c>
      <c r="F1862" s="5" t="s">
        <v>3727</v>
      </c>
      <c r="G1862" s="5" t="s">
        <v>3728</v>
      </c>
    </row>
    <row r="1863" spans="1:7">
      <c r="A1863" s="5" t="s">
        <v>7</v>
      </c>
      <c r="B1863" s="5">
        <v>1916</v>
      </c>
      <c r="C1863" s="5" t="s">
        <v>8</v>
      </c>
      <c r="D1863" s="5" t="s">
        <v>8</v>
      </c>
      <c r="E1863" s="6">
        <v>11001</v>
      </c>
      <c r="F1863" s="5" t="s">
        <v>3729</v>
      </c>
      <c r="G1863" s="5" t="s">
        <v>3730</v>
      </c>
    </row>
    <row r="1864" spans="1:7">
      <c r="A1864" s="5" t="s">
        <v>7</v>
      </c>
      <c r="B1864" s="5">
        <v>1917</v>
      </c>
      <c r="C1864" s="5" t="s">
        <v>3323</v>
      </c>
      <c r="D1864" s="5" t="s">
        <v>3431</v>
      </c>
      <c r="E1864" s="6">
        <v>54001</v>
      </c>
      <c r="F1864" s="5" t="s">
        <v>3731</v>
      </c>
      <c r="G1864" s="5" t="s">
        <v>3732</v>
      </c>
    </row>
    <row r="1865" spans="1:7">
      <c r="A1865" s="5" t="s">
        <v>7</v>
      </c>
      <c r="B1865" s="5">
        <v>1918</v>
      </c>
      <c r="C1865" s="5" t="s">
        <v>3733</v>
      </c>
      <c r="D1865" s="5" t="s">
        <v>3734</v>
      </c>
      <c r="E1865" s="6">
        <v>47189</v>
      </c>
      <c r="F1865" s="5" t="s">
        <v>3735</v>
      </c>
      <c r="G1865" s="5" t="s">
        <v>3736</v>
      </c>
    </row>
    <row r="1866" spans="1:7">
      <c r="A1866" s="5" t="s">
        <v>7</v>
      </c>
      <c r="B1866" s="5">
        <v>1919</v>
      </c>
      <c r="C1866" s="5" t="s">
        <v>8</v>
      </c>
      <c r="D1866" s="5" t="s">
        <v>8</v>
      </c>
      <c r="E1866" s="6">
        <v>11001</v>
      </c>
      <c r="F1866" s="5" t="s">
        <v>3737</v>
      </c>
      <c r="G1866" s="5" t="s">
        <v>3738</v>
      </c>
    </row>
    <row r="1867" spans="1:7">
      <c r="A1867" s="5" t="s">
        <v>7</v>
      </c>
      <c r="B1867" s="5">
        <v>1920</v>
      </c>
      <c r="C1867" s="5" t="s">
        <v>8</v>
      </c>
      <c r="D1867" s="5" t="s">
        <v>8</v>
      </c>
      <c r="E1867" s="6">
        <v>11001</v>
      </c>
      <c r="F1867" s="5" t="s">
        <v>3739</v>
      </c>
      <c r="G1867" s="5" t="s">
        <v>3740</v>
      </c>
    </row>
    <row r="1868" spans="1:7">
      <c r="A1868" s="5" t="s">
        <v>7</v>
      </c>
      <c r="B1868" s="5">
        <v>1921</v>
      </c>
      <c r="C1868" s="5" t="s">
        <v>8</v>
      </c>
      <c r="D1868" s="5" t="s">
        <v>8</v>
      </c>
      <c r="E1868" s="6">
        <v>11001</v>
      </c>
      <c r="F1868" s="5" t="s">
        <v>3741</v>
      </c>
      <c r="G1868" s="5" t="s">
        <v>3742</v>
      </c>
    </row>
    <row r="1869" spans="1:7">
      <c r="A1869" s="5" t="s">
        <v>7</v>
      </c>
      <c r="B1869" s="5">
        <v>1922</v>
      </c>
      <c r="C1869" s="5" t="s">
        <v>2891</v>
      </c>
      <c r="D1869" s="5" t="s">
        <v>2892</v>
      </c>
      <c r="E1869" s="6">
        <v>13001</v>
      </c>
      <c r="F1869" s="5" t="s">
        <v>3743</v>
      </c>
      <c r="G1869" s="5" t="s">
        <v>3744</v>
      </c>
    </row>
    <row r="1870" spans="1:7">
      <c r="A1870" s="5" t="s">
        <v>7</v>
      </c>
      <c r="B1870" s="5">
        <v>1923</v>
      </c>
      <c r="C1870" s="5" t="s">
        <v>2891</v>
      </c>
      <c r="D1870" s="5" t="s">
        <v>2892</v>
      </c>
      <c r="E1870" s="6">
        <v>13001</v>
      </c>
      <c r="F1870" s="5" t="s">
        <v>3745</v>
      </c>
      <c r="G1870" s="5" t="s">
        <v>3746</v>
      </c>
    </row>
    <row r="1871" spans="1:7">
      <c r="A1871" s="5" t="s">
        <v>7</v>
      </c>
      <c r="B1871" s="5">
        <v>1924</v>
      </c>
      <c r="C1871" s="5" t="s">
        <v>2891</v>
      </c>
      <c r="D1871" s="5" t="s">
        <v>2892</v>
      </c>
      <c r="E1871" s="6">
        <v>13001</v>
      </c>
      <c r="F1871" s="5" t="s">
        <v>3747</v>
      </c>
      <c r="G1871" s="5" t="s">
        <v>3748</v>
      </c>
    </row>
    <row r="1872" spans="1:7">
      <c r="A1872" s="5" t="s">
        <v>7</v>
      </c>
      <c r="B1872" s="5">
        <v>1925</v>
      </c>
      <c r="C1872" s="5" t="s">
        <v>8</v>
      </c>
      <c r="D1872" s="5" t="s">
        <v>8</v>
      </c>
      <c r="E1872" s="6">
        <v>11001</v>
      </c>
      <c r="F1872" s="5" t="s">
        <v>3749</v>
      </c>
      <c r="G1872" s="5" t="s">
        <v>3750</v>
      </c>
    </row>
    <row r="1873" spans="1:7">
      <c r="A1873" s="5" t="s">
        <v>7</v>
      </c>
      <c r="B1873" s="5">
        <v>1926</v>
      </c>
      <c r="C1873" s="5" t="s">
        <v>8</v>
      </c>
      <c r="D1873" s="5" t="s">
        <v>8</v>
      </c>
      <c r="E1873" s="6">
        <v>11001</v>
      </c>
      <c r="F1873" s="5" t="s">
        <v>3751</v>
      </c>
      <c r="G1873" s="5" t="s">
        <v>3752</v>
      </c>
    </row>
    <row r="1874" spans="1:7">
      <c r="A1874" s="5" t="s">
        <v>7</v>
      </c>
      <c r="B1874" s="5">
        <v>1927</v>
      </c>
      <c r="C1874" s="5" t="s">
        <v>8</v>
      </c>
      <c r="D1874" s="5" t="s">
        <v>8</v>
      </c>
      <c r="E1874" s="6">
        <v>11001</v>
      </c>
      <c r="F1874" s="5" t="s">
        <v>3753</v>
      </c>
      <c r="G1874" s="5" t="s">
        <v>3754</v>
      </c>
    </row>
    <row r="1875" spans="1:7">
      <c r="A1875" s="5" t="s">
        <v>7</v>
      </c>
      <c r="B1875" s="5">
        <v>1928</v>
      </c>
      <c r="C1875" s="5" t="s">
        <v>8</v>
      </c>
      <c r="D1875" s="5" t="s">
        <v>8</v>
      </c>
      <c r="E1875" s="6">
        <v>11001</v>
      </c>
      <c r="F1875" s="5" t="s">
        <v>3755</v>
      </c>
      <c r="G1875" s="5" t="s">
        <v>3756</v>
      </c>
    </row>
    <row r="1876" spans="1:7">
      <c r="A1876" s="5" t="s">
        <v>7</v>
      </c>
      <c r="B1876" s="5">
        <v>1929</v>
      </c>
      <c r="C1876" s="5" t="s">
        <v>8</v>
      </c>
      <c r="D1876" s="5" t="s">
        <v>8</v>
      </c>
      <c r="E1876" s="6">
        <v>11001</v>
      </c>
      <c r="F1876" s="5" t="s">
        <v>3757</v>
      </c>
      <c r="G1876" s="5" t="s">
        <v>3758</v>
      </c>
    </row>
    <row r="1877" spans="1:7">
      <c r="A1877" s="5" t="s">
        <v>7</v>
      </c>
      <c r="B1877" s="5">
        <v>1930</v>
      </c>
      <c r="C1877" s="5" t="s">
        <v>8</v>
      </c>
      <c r="D1877" s="5" t="s">
        <v>8</v>
      </c>
      <c r="E1877" s="6">
        <v>11001</v>
      </c>
      <c r="F1877" s="5" t="s">
        <v>3759</v>
      </c>
      <c r="G1877" s="5" t="s">
        <v>3760</v>
      </c>
    </row>
    <row r="1878" spans="1:7">
      <c r="A1878" s="5" t="s">
        <v>7</v>
      </c>
      <c r="B1878" s="5">
        <v>1931</v>
      </c>
      <c r="C1878" s="5" t="s">
        <v>8</v>
      </c>
      <c r="D1878" s="5" t="s">
        <v>8</v>
      </c>
      <c r="E1878" s="6">
        <v>11001</v>
      </c>
      <c r="F1878" s="5" t="s">
        <v>783</v>
      </c>
      <c r="G1878" s="5" t="s">
        <v>3761</v>
      </c>
    </row>
    <row r="1879" spans="1:7">
      <c r="A1879" s="5" t="s">
        <v>7</v>
      </c>
      <c r="B1879" s="5">
        <v>1932</v>
      </c>
      <c r="C1879" s="5" t="s">
        <v>2891</v>
      </c>
      <c r="D1879" s="5" t="s">
        <v>2892</v>
      </c>
      <c r="E1879" s="6">
        <v>13001</v>
      </c>
      <c r="F1879" s="5" t="s">
        <v>3762</v>
      </c>
      <c r="G1879" s="5" t="s">
        <v>3763</v>
      </c>
    </row>
    <row r="1880" spans="1:7">
      <c r="A1880" s="5" t="s">
        <v>7</v>
      </c>
      <c r="B1880" s="5">
        <v>1933</v>
      </c>
      <c r="C1880" s="5" t="s">
        <v>2891</v>
      </c>
      <c r="D1880" s="5" t="s">
        <v>2892</v>
      </c>
      <c r="E1880" s="6">
        <v>13001</v>
      </c>
      <c r="F1880" s="5" t="s">
        <v>3764</v>
      </c>
      <c r="G1880" s="5" t="s">
        <v>3765</v>
      </c>
    </row>
    <row r="1881" spans="1:7">
      <c r="A1881" s="5" t="s">
        <v>7</v>
      </c>
      <c r="B1881" s="5">
        <v>1934</v>
      </c>
      <c r="C1881" s="5" t="s">
        <v>8</v>
      </c>
      <c r="D1881" s="5" t="s">
        <v>8</v>
      </c>
      <c r="E1881" s="6">
        <v>11001</v>
      </c>
      <c r="F1881" s="5" t="s">
        <v>3766</v>
      </c>
      <c r="G1881" s="5" t="s">
        <v>3767</v>
      </c>
    </row>
    <row r="1882" spans="1:7">
      <c r="A1882" s="5" t="s">
        <v>7</v>
      </c>
      <c r="B1882" s="5">
        <v>1935</v>
      </c>
      <c r="C1882" s="5" t="s">
        <v>2891</v>
      </c>
      <c r="D1882" s="5" t="s">
        <v>2892</v>
      </c>
      <c r="E1882" s="6">
        <v>13001</v>
      </c>
      <c r="F1882" s="5" t="s">
        <v>3768</v>
      </c>
      <c r="G1882" s="5" t="s">
        <v>3769</v>
      </c>
    </row>
    <row r="1883" spans="1:7">
      <c r="A1883" s="5" t="s">
        <v>7</v>
      </c>
      <c r="B1883" s="5">
        <v>1936</v>
      </c>
      <c r="C1883" s="5" t="s">
        <v>8</v>
      </c>
      <c r="D1883" s="5" t="s">
        <v>8</v>
      </c>
      <c r="E1883" s="6">
        <v>11001</v>
      </c>
      <c r="F1883" s="5" t="s">
        <v>3770</v>
      </c>
      <c r="G1883" s="5" t="s">
        <v>3771</v>
      </c>
    </row>
    <row r="1884" spans="1:7">
      <c r="A1884" s="5" t="s">
        <v>7</v>
      </c>
      <c r="B1884" s="5">
        <v>1937</v>
      </c>
      <c r="C1884" s="5" t="s">
        <v>8</v>
      </c>
      <c r="D1884" s="5" t="s">
        <v>8</v>
      </c>
      <c r="E1884" s="6">
        <v>11001</v>
      </c>
      <c r="F1884" s="5" t="s">
        <v>3772</v>
      </c>
      <c r="G1884" s="5" t="s">
        <v>3773</v>
      </c>
    </row>
    <row r="1885" spans="1:7">
      <c r="A1885" s="5" t="s">
        <v>7</v>
      </c>
      <c r="B1885" s="5">
        <v>1938</v>
      </c>
      <c r="C1885" s="5" t="s">
        <v>8</v>
      </c>
      <c r="D1885" s="5" t="s">
        <v>8</v>
      </c>
      <c r="E1885" s="6">
        <v>11001</v>
      </c>
      <c r="F1885" s="5" t="s">
        <v>3774</v>
      </c>
      <c r="G1885" s="5" t="s">
        <v>3775</v>
      </c>
    </row>
    <row r="1886" spans="1:7">
      <c r="A1886" s="5" t="s">
        <v>7</v>
      </c>
      <c r="B1886" s="5">
        <v>1939</v>
      </c>
      <c r="C1886" s="5" t="s">
        <v>8</v>
      </c>
      <c r="D1886" s="5" t="s">
        <v>8</v>
      </c>
      <c r="E1886" s="6">
        <v>11001</v>
      </c>
      <c r="F1886" s="5" t="s">
        <v>3776</v>
      </c>
      <c r="G1886" s="5" t="s">
        <v>3777</v>
      </c>
    </row>
    <row r="1887" spans="1:7">
      <c r="A1887" s="5" t="s">
        <v>7</v>
      </c>
      <c r="B1887" s="5">
        <v>1940</v>
      </c>
      <c r="C1887" s="5" t="s">
        <v>2891</v>
      </c>
      <c r="D1887" s="5" t="s">
        <v>2892</v>
      </c>
      <c r="E1887" s="6">
        <v>13001</v>
      </c>
      <c r="F1887" s="5" t="s">
        <v>3778</v>
      </c>
      <c r="G1887" s="5" t="s">
        <v>3779</v>
      </c>
    </row>
    <row r="1888" spans="1:7">
      <c r="A1888" s="5" t="s">
        <v>7</v>
      </c>
      <c r="B1888" s="5">
        <v>1941</v>
      </c>
      <c r="C1888" s="5" t="s">
        <v>8</v>
      </c>
      <c r="D1888" s="5" t="s">
        <v>8</v>
      </c>
      <c r="E1888" s="6">
        <v>11001</v>
      </c>
      <c r="F1888" s="5" t="s">
        <v>3780</v>
      </c>
      <c r="G1888" s="5" t="s">
        <v>3781</v>
      </c>
    </row>
    <row r="1889" spans="1:7">
      <c r="A1889" s="5" t="s">
        <v>7</v>
      </c>
      <c r="B1889" s="5">
        <v>1942</v>
      </c>
      <c r="C1889" s="5" t="s">
        <v>8</v>
      </c>
      <c r="D1889" s="5" t="s">
        <v>8</v>
      </c>
      <c r="E1889" s="6">
        <v>11001</v>
      </c>
      <c r="F1889" s="5" t="s">
        <v>3782</v>
      </c>
      <c r="G1889" s="5" t="s">
        <v>3783</v>
      </c>
    </row>
    <row r="1890" spans="1:7">
      <c r="A1890" s="5" t="s">
        <v>7</v>
      </c>
      <c r="B1890" s="5">
        <v>1943</v>
      </c>
      <c r="C1890" s="5" t="s">
        <v>3733</v>
      </c>
      <c r="D1890" s="5" t="s">
        <v>3784</v>
      </c>
      <c r="E1890" s="6">
        <v>47555</v>
      </c>
      <c r="F1890" s="5" t="s">
        <v>3785</v>
      </c>
      <c r="G1890" s="5" t="s">
        <v>3786</v>
      </c>
    </row>
    <row r="1891" spans="1:7">
      <c r="A1891" s="5" t="s">
        <v>7</v>
      </c>
      <c r="B1891" s="5">
        <v>1944</v>
      </c>
      <c r="C1891" s="5" t="s">
        <v>8</v>
      </c>
      <c r="D1891" s="5" t="s">
        <v>8</v>
      </c>
      <c r="E1891" s="6">
        <v>11001</v>
      </c>
      <c r="F1891" s="5" t="s">
        <v>3787</v>
      </c>
      <c r="G1891" s="5" t="s">
        <v>3788</v>
      </c>
    </row>
    <row r="1892" spans="1:7">
      <c r="A1892" s="5" t="s">
        <v>7</v>
      </c>
      <c r="B1892" s="5">
        <v>1945</v>
      </c>
      <c r="C1892" s="5" t="s">
        <v>2891</v>
      </c>
      <c r="D1892" s="5" t="s">
        <v>2892</v>
      </c>
      <c r="E1892" s="6">
        <v>13001</v>
      </c>
      <c r="F1892" s="5" t="s">
        <v>3789</v>
      </c>
      <c r="G1892" s="5" t="s">
        <v>3790</v>
      </c>
    </row>
    <row r="1893" spans="1:7">
      <c r="A1893" s="5" t="s">
        <v>7</v>
      </c>
      <c r="B1893" s="5">
        <v>1946</v>
      </c>
      <c r="C1893" s="5" t="s">
        <v>8</v>
      </c>
      <c r="D1893" s="5" t="s">
        <v>8</v>
      </c>
      <c r="E1893" s="6">
        <v>11001</v>
      </c>
      <c r="F1893" s="5" t="s">
        <v>3791</v>
      </c>
      <c r="G1893" s="5" t="s">
        <v>3792</v>
      </c>
    </row>
    <row r="1894" spans="1:7">
      <c r="A1894" s="5" t="s">
        <v>7</v>
      </c>
      <c r="B1894" s="5">
        <v>1947</v>
      </c>
      <c r="C1894" s="5" t="s">
        <v>8</v>
      </c>
      <c r="D1894" s="5" t="s">
        <v>8</v>
      </c>
      <c r="E1894" s="6">
        <v>11001</v>
      </c>
      <c r="F1894" s="5" t="s">
        <v>3793</v>
      </c>
      <c r="G1894" s="5" t="s">
        <v>3794</v>
      </c>
    </row>
    <row r="1895" spans="1:7">
      <c r="A1895" s="5" t="s">
        <v>7</v>
      </c>
      <c r="B1895" s="5">
        <v>1948</v>
      </c>
      <c r="C1895" s="5" t="s">
        <v>2891</v>
      </c>
      <c r="D1895" s="5" t="s">
        <v>2892</v>
      </c>
      <c r="E1895" s="6">
        <v>13001</v>
      </c>
      <c r="F1895" s="5" t="s">
        <v>3795</v>
      </c>
      <c r="G1895" s="5" t="s">
        <v>3796</v>
      </c>
    </row>
    <row r="1896" spans="1:7">
      <c r="A1896" s="5" t="s">
        <v>7</v>
      </c>
      <c r="B1896" s="5">
        <v>1949</v>
      </c>
      <c r="C1896" s="5" t="s">
        <v>8</v>
      </c>
      <c r="D1896" s="5" t="s">
        <v>8</v>
      </c>
      <c r="E1896" s="6">
        <v>11001</v>
      </c>
      <c r="F1896" s="5" t="s">
        <v>1419</v>
      </c>
      <c r="G1896" s="5" t="s">
        <v>3797</v>
      </c>
    </row>
    <row r="1897" spans="1:7">
      <c r="A1897" s="5" t="s">
        <v>7</v>
      </c>
      <c r="B1897" s="5">
        <v>1950</v>
      </c>
      <c r="C1897" s="5" t="s">
        <v>8</v>
      </c>
      <c r="D1897" s="5" t="s">
        <v>8</v>
      </c>
      <c r="E1897" s="6">
        <v>11001</v>
      </c>
      <c r="F1897" s="5" t="s">
        <v>3798</v>
      </c>
      <c r="G1897" s="5" t="s">
        <v>3799</v>
      </c>
    </row>
    <row r="1898" spans="1:7">
      <c r="A1898" s="5" t="s">
        <v>7</v>
      </c>
      <c r="B1898" s="5">
        <v>1951</v>
      </c>
      <c r="C1898" s="5" t="s">
        <v>8</v>
      </c>
      <c r="D1898" s="5" t="s">
        <v>8</v>
      </c>
      <c r="E1898" s="6">
        <v>11001</v>
      </c>
      <c r="F1898" s="5" t="s">
        <v>3800</v>
      </c>
      <c r="G1898" s="5" t="s">
        <v>3801</v>
      </c>
    </row>
    <row r="1899" spans="1:7">
      <c r="A1899" s="5" t="s">
        <v>7</v>
      </c>
      <c r="B1899" s="5">
        <v>1952</v>
      </c>
      <c r="C1899" s="5" t="s">
        <v>813</v>
      </c>
      <c r="D1899" s="5" t="s">
        <v>814</v>
      </c>
      <c r="E1899" s="6">
        <v>25754</v>
      </c>
      <c r="F1899" s="5" t="s">
        <v>3802</v>
      </c>
      <c r="G1899" s="5" t="s">
        <v>3803</v>
      </c>
    </row>
    <row r="1900" spans="1:7">
      <c r="A1900" s="5" t="s">
        <v>7</v>
      </c>
      <c r="B1900" s="5">
        <v>1953</v>
      </c>
      <c r="C1900" s="5" t="s">
        <v>8</v>
      </c>
      <c r="D1900" s="5" t="s">
        <v>8</v>
      </c>
      <c r="E1900" s="6">
        <v>11001</v>
      </c>
      <c r="F1900" s="5" t="s">
        <v>3804</v>
      </c>
      <c r="G1900" s="5" t="s">
        <v>3805</v>
      </c>
    </row>
    <row r="1901" spans="1:7">
      <c r="A1901" s="5" t="s">
        <v>7</v>
      </c>
      <c r="B1901" s="5">
        <v>1954</v>
      </c>
      <c r="C1901" s="5" t="s">
        <v>3323</v>
      </c>
      <c r="D1901" s="5" t="s">
        <v>3431</v>
      </c>
      <c r="E1901" s="6">
        <v>54001</v>
      </c>
      <c r="F1901" s="5" t="s">
        <v>3806</v>
      </c>
      <c r="G1901" s="5" t="s">
        <v>3807</v>
      </c>
    </row>
    <row r="1902" spans="1:7">
      <c r="A1902" s="5" t="s">
        <v>7</v>
      </c>
      <c r="B1902" s="5">
        <v>1955</v>
      </c>
      <c r="C1902" s="5" t="s">
        <v>8</v>
      </c>
      <c r="D1902" s="5" t="s">
        <v>8</v>
      </c>
      <c r="E1902" s="6">
        <v>11001</v>
      </c>
      <c r="F1902" s="5" t="s">
        <v>3808</v>
      </c>
      <c r="G1902" s="5" t="s">
        <v>3809</v>
      </c>
    </row>
    <row r="1903" spans="1:7">
      <c r="A1903" s="5" t="s">
        <v>7</v>
      </c>
      <c r="B1903" s="5">
        <v>1956</v>
      </c>
      <c r="C1903" s="5" t="s">
        <v>8</v>
      </c>
      <c r="D1903" s="5" t="s">
        <v>8</v>
      </c>
      <c r="E1903" s="6">
        <v>11001</v>
      </c>
      <c r="F1903" s="5" t="s">
        <v>3810</v>
      </c>
      <c r="G1903" s="5" t="s">
        <v>3811</v>
      </c>
    </row>
    <row r="1904" spans="1:7">
      <c r="A1904" s="5" t="s">
        <v>7</v>
      </c>
      <c r="B1904" s="5">
        <v>1957</v>
      </c>
      <c r="C1904" s="5" t="s">
        <v>8</v>
      </c>
      <c r="D1904" s="5" t="s">
        <v>8</v>
      </c>
      <c r="E1904" s="6">
        <v>11001</v>
      </c>
      <c r="F1904" s="5" t="s">
        <v>3812</v>
      </c>
      <c r="G1904" s="5" t="s">
        <v>3813</v>
      </c>
    </row>
    <row r="1905" spans="1:7">
      <c r="A1905" s="5" t="s">
        <v>7</v>
      </c>
      <c r="B1905" s="5">
        <v>1958</v>
      </c>
      <c r="C1905" s="5" t="s">
        <v>8</v>
      </c>
      <c r="D1905" s="5" t="s">
        <v>8</v>
      </c>
      <c r="E1905" s="6">
        <v>11001</v>
      </c>
      <c r="F1905" s="5" t="s">
        <v>3814</v>
      </c>
      <c r="G1905" s="5" t="s">
        <v>3815</v>
      </c>
    </row>
    <row r="1906" spans="1:7">
      <c r="A1906" s="5" t="s">
        <v>7</v>
      </c>
      <c r="B1906" s="5">
        <v>1959</v>
      </c>
      <c r="C1906" s="5" t="s">
        <v>8</v>
      </c>
      <c r="D1906" s="5" t="s">
        <v>8</v>
      </c>
      <c r="E1906" s="6">
        <v>11001</v>
      </c>
      <c r="F1906" s="5" t="s">
        <v>3816</v>
      </c>
      <c r="G1906" s="5" t="s">
        <v>3817</v>
      </c>
    </row>
    <row r="1907" spans="1:7">
      <c r="A1907" s="5" t="s">
        <v>7</v>
      </c>
      <c r="B1907" s="5">
        <v>1960</v>
      </c>
      <c r="C1907" s="5" t="s">
        <v>8</v>
      </c>
      <c r="D1907" s="5" t="s">
        <v>8</v>
      </c>
      <c r="E1907" s="6">
        <v>11001</v>
      </c>
      <c r="F1907" s="5" t="s">
        <v>3818</v>
      </c>
      <c r="G1907" s="5" t="s">
        <v>3819</v>
      </c>
    </row>
    <row r="1908" spans="1:7">
      <c r="A1908" s="5" t="s">
        <v>7</v>
      </c>
      <c r="B1908" s="5">
        <v>1961</v>
      </c>
      <c r="C1908" s="5" t="s">
        <v>8</v>
      </c>
      <c r="D1908" s="5" t="s">
        <v>8</v>
      </c>
      <c r="E1908" s="6">
        <v>11001</v>
      </c>
      <c r="F1908" s="5" t="s">
        <v>3820</v>
      </c>
      <c r="G1908" s="5" t="s">
        <v>3821</v>
      </c>
    </row>
    <row r="1909" spans="1:7">
      <c r="A1909" s="5" t="s">
        <v>7</v>
      </c>
      <c r="B1909" s="5">
        <v>1962</v>
      </c>
      <c r="C1909" s="5" t="s">
        <v>8</v>
      </c>
      <c r="D1909" s="5" t="s">
        <v>8</v>
      </c>
      <c r="E1909" s="6">
        <v>11001</v>
      </c>
      <c r="F1909" s="5" t="s">
        <v>3822</v>
      </c>
      <c r="G1909" s="5" t="s">
        <v>3823</v>
      </c>
    </row>
    <row r="1910" spans="1:7">
      <c r="A1910" s="5" t="s">
        <v>7</v>
      </c>
      <c r="B1910" s="5">
        <v>1964</v>
      </c>
      <c r="C1910" s="5" t="s">
        <v>8</v>
      </c>
      <c r="D1910" s="5" t="s">
        <v>8</v>
      </c>
      <c r="E1910" s="6">
        <v>11001</v>
      </c>
      <c r="F1910" s="5" t="s">
        <v>3824</v>
      </c>
      <c r="G1910" s="5" t="s">
        <v>3825</v>
      </c>
    </row>
    <row r="1911" spans="1:7">
      <c r="A1911" s="5" t="s">
        <v>7</v>
      </c>
      <c r="B1911" s="5">
        <v>1965</v>
      </c>
      <c r="C1911" s="5" t="s">
        <v>8</v>
      </c>
      <c r="D1911" s="5" t="s">
        <v>8</v>
      </c>
      <c r="E1911" s="6">
        <v>11001</v>
      </c>
      <c r="F1911" s="5" t="s">
        <v>3826</v>
      </c>
      <c r="G1911" s="5" t="s">
        <v>3827</v>
      </c>
    </row>
    <row r="1912" spans="1:7">
      <c r="A1912" s="5" t="s">
        <v>7</v>
      </c>
      <c r="B1912" s="5">
        <v>1966</v>
      </c>
      <c r="C1912" s="5" t="s">
        <v>8</v>
      </c>
      <c r="D1912" s="5" t="s">
        <v>8</v>
      </c>
      <c r="E1912" s="6">
        <v>11001</v>
      </c>
      <c r="F1912" s="5" t="s">
        <v>3828</v>
      </c>
      <c r="G1912" s="5" t="s">
        <v>3829</v>
      </c>
    </row>
    <row r="1913" spans="1:7">
      <c r="A1913" s="5" t="s">
        <v>7</v>
      </c>
      <c r="B1913" s="5">
        <v>1967</v>
      </c>
      <c r="C1913" s="5" t="s">
        <v>8</v>
      </c>
      <c r="D1913" s="5" t="s">
        <v>8</v>
      </c>
      <c r="E1913" s="6">
        <v>11001</v>
      </c>
      <c r="F1913" s="5" t="s">
        <v>3830</v>
      </c>
      <c r="G1913" s="5" t="s">
        <v>3831</v>
      </c>
    </row>
    <row r="1914" spans="1:7">
      <c r="A1914" s="5" t="s">
        <v>7</v>
      </c>
      <c r="B1914" s="5">
        <v>1968</v>
      </c>
      <c r="C1914" s="5" t="s">
        <v>8</v>
      </c>
      <c r="D1914" s="5" t="s">
        <v>8</v>
      </c>
      <c r="E1914" s="6">
        <v>11001</v>
      </c>
      <c r="F1914" s="5" t="s">
        <v>3832</v>
      </c>
      <c r="G1914" s="5" t="s">
        <v>3833</v>
      </c>
    </row>
    <row r="1915" spans="1:7">
      <c r="A1915" s="5" t="s">
        <v>7</v>
      </c>
      <c r="B1915" s="5">
        <v>1969</v>
      </c>
      <c r="C1915" s="5" t="s">
        <v>8</v>
      </c>
      <c r="D1915" s="5" t="s">
        <v>8</v>
      </c>
      <c r="E1915" s="6">
        <v>11001</v>
      </c>
      <c r="F1915" s="5" t="s">
        <v>3834</v>
      </c>
      <c r="G1915" s="5" t="s">
        <v>3835</v>
      </c>
    </row>
    <row r="1916" spans="1:7">
      <c r="A1916" s="5" t="s">
        <v>7</v>
      </c>
      <c r="B1916" s="5">
        <v>1970</v>
      </c>
      <c r="C1916" s="5" t="s">
        <v>8</v>
      </c>
      <c r="D1916" s="5" t="s">
        <v>8</v>
      </c>
      <c r="E1916" s="6">
        <v>11001</v>
      </c>
      <c r="F1916" s="5" t="s">
        <v>3836</v>
      </c>
      <c r="G1916" s="5" t="s">
        <v>3837</v>
      </c>
    </row>
    <row r="1917" spans="1:7">
      <c r="A1917" s="5" t="s">
        <v>7</v>
      </c>
      <c r="B1917" s="5">
        <v>1971</v>
      </c>
      <c r="C1917" s="5" t="s">
        <v>8</v>
      </c>
      <c r="D1917" s="5" t="s">
        <v>8</v>
      </c>
      <c r="E1917" s="6">
        <v>11001</v>
      </c>
      <c r="F1917" s="5" t="s">
        <v>3838</v>
      </c>
      <c r="G1917" s="5" t="s">
        <v>3839</v>
      </c>
    </row>
    <row r="1918" spans="1:7">
      <c r="A1918" s="5" t="s">
        <v>7</v>
      </c>
      <c r="B1918" s="5">
        <v>1972</v>
      </c>
      <c r="C1918" s="5" t="s">
        <v>8</v>
      </c>
      <c r="D1918" s="5" t="s">
        <v>8</v>
      </c>
      <c r="E1918" s="6">
        <v>11001</v>
      </c>
      <c r="F1918" s="5" t="s">
        <v>3840</v>
      </c>
      <c r="G1918" s="5" t="s">
        <v>3841</v>
      </c>
    </row>
    <row r="1919" spans="1:7">
      <c r="A1919" s="5" t="s">
        <v>7</v>
      </c>
      <c r="B1919" s="5">
        <v>1973</v>
      </c>
      <c r="C1919" s="5" t="s">
        <v>2891</v>
      </c>
      <c r="D1919" s="5" t="s">
        <v>2892</v>
      </c>
      <c r="E1919" s="6">
        <v>13001</v>
      </c>
      <c r="F1919" s="5" t="s">
        <v>3842</v>
      </c>
      <c r="G1919" s="5" t="s">
        <v>3843</v>
      </c>
    </row>
    <row r="1920" spans="1:7">
      <c r="A1920" s="5" t="s">
        <v>7</v>
      </c>
      <c r="B1920" s="5">
        <v>1974</v>
      </c>
      <c r="C1920" s="5" t="s">
        <v>2891</v>
      </c>
      <c r="D1920" s="5" t="s">
        <v>2892</v>
      </c>
      <c r="E1920" s="6">
        <v>13001</v>
      </c>
      <c r="F1920" s="5" t="s">
        <v>3844</v>
      </c>
      <c r="G1920" s="5" t="s">
        <v>3845</v>
      </c>
    </row>
    <row r="1921" spans="1:7">
      <c r="A1921" s="5" t="s">
        <v>7</v>
      </c>
      <c r="B1921" s="5">
        <v>1975</v>
      </c>
      <c r="C1921" s="5" t="s">
        <v>8</v>
      </c>
      <c r="D1921" s="5" t="s">
        <v>8</v>
      </c>
      <c r="E1921" s="6">
        <v>11001</v>
      </c>
      <c r="F1921" s="5" t="s">
        <v>3846</v>
      </c>
      <c r="G1921" s="5" t="s">
        <v>3847</v>
      </c>
    </row>
    <row r="1922" spans="1:7">
      <c r="A1922" s="5" t="s">
        <v>7</v>
      </c>
      <c r="B1922" s="5">
        <v>1976</v>
      </c>
      <c r="C1922" s="5" t="s">
        <v>8</v>
      </c>
      <c r="D1922" s="5" t="s">
        <v>8</v>
      </c>
      <c r="E1922" s="6">
        <v>11001</v>
      </c>
      <c r="F1922" s="5" t="s">
        <v>3848</v>
      </c>
      <c r="G1922" s="5" t="s">
        <v>3849</v>
      </c>
    </row>
    <row r="1923" spans="1:7">
      <c r="A1923" s="5" t="s">
        <v>7</v>
      </c>
      <c r="B1923" s="5">
        <v>1977</v>
      </c>
      <c r="C1923" s="5" t="s">
        <v>8</v>
      </c>
      <c r="D1923" s="5" t="s">
        <v>8</v>
      </c>
      <c r="E1923" s="6">
        <v>11001</v>
      </c>
      <c r="F1923" s="5" t="s">
        <v>3850</v>
      </c>
      <c r="G1923" s="5" t="s">
        <v>3851</v>
      </c>
    </row>
    <row r="1924" spans="1:7">
      <c r="A1924" s="5" t="s">
        <v>7</v>
      </c>
      <c r="B1924" s="5">
        <v>1978</v>
      </c>
      <c r="C1924" s="5" t="s">
        <v>8</v>
      </c>
      <c r="D1924" s="5" t="s">
        <v>8</v>
      </c>
      <c r="E1924" s="6">
        <v>11001</v>
      </c>
      <c r="F1924" s="5" t="s">
        <v>3852</v>
      </c>
      <c r="G1924" s="5" t="s">
        <v>3853</v>
      </c>
    </row>
    <row r="1925" spans="1:7">
      <c r="A1925" s="5" t="s">
        <v>7</v>
      </c>
      <c r="B1925" s="5">
        <v>1979</v>
      </c>
      <c r="C1925" s="5" t="s">
        <v>8</v>
      </c>
      <c r="D1925" s="5" t="s">
        <v>8</v>
      </c>
      <c r="E1925" s="6">
        <v>11001</v>
      </c>
      <c r="F1925" s="5" t="s">
        <v>3414</v>
      </c>
      <c r="G1925" s="5" t="s">
        <v>3415</v>
      </c>
    </row>
    <row r="1926" spans="1:7">
      <c r="A1926" s="5" t="s">
        <v>7</v>
      </c>
      <c r="B1926" s="5">
        <v>1980</v>
      </c>
      <c r="C1926" s="5" t="s">
        <v>3733</v>
      </c>
      <c r="D1926" s="5" t="s">
        <v>3854</v>
      </c>
      <c r="E1926" s="6">
        <v>47245</v>
      </c>
      <c r="F1926" s="5" t="s">
        <v>3855</v>
      </c>
      <c r="G1926" s="5" t="s">
        <v>3856</v>
      </c>
    </row>
    <row r="1927" spans="1:7">
      <c r="A1927" s="5" t="s">
        <v>7</v>
      </c>
      <c r="B1927" s="5">
        <v>1981</v>
      </c>
      <c r="C1927" s="5" t="s">
        <v>8</v>
      </c>
      <c r="D1927" s="5" t="s">
        <v>8</v>
      </c>
      <c r="E1927" s="6">
        <v>11001</v>
      </c>
      <c r="F1927" s="5" t="s">
        <v>3857</v>
      </c>
      <c r="G1927" s="5" t="s">
        <v>3858</v>
      </c>
    </row>
    <row r="1928" spans="1:7">
      <c r="A1928" s="5" t="s">
        <v>7</v>
      </c>
      <c r="B1928" s="5">
        <v>1982</v>
      </c>
      <c r="C1928" s="5" t="s">
        <v>8</v>
      </c>
      <c r="D1928" s="5" t="s">
        <v>8</v>
      </c>
      <c r="E1928" s="6">
        <v>11001</v>
      </c>
      <c r="F1928" s="5" t="s">
        <v>3859</v>
      </c>
      <c r="G1928" s="5" t="s">
        <v>3860</v>
      </c>
    </row>
    <row r="1929" spans="1:7">
      <c r="A1929" s="5" t="s">
        <v>7</v>
      </c>
      <c r="B1929" s="5">
        <v>1983</v>
      </c>
      <c r="C1929" s="5" t="s">
        <v>8</v>
      </c>
      <c r="D1929" s="5" t="s">
        <v>8</v>
      </c>
      <c r="E1929" s="6">
        <v>11001</v>
      </c>
      <c r="F1929" s="5" t="s">
        <v>3861</v>
      </c>
      <c r="G1929" s="5" t="s">
        <v>3862</v>
      </c>
    </row>
    <row r="1930" spans="1:7">
      <c r="A1930" s="5" t="s">
        <v>7</v>
      </c>
      <c r="B1930" s="5">
        <v>1984</v>
      </c>
      <c r="C1930" s="5" t="s">
        <v>8</v>
      </c>
      <c r="D1930" s="5" t="s">
        <v>8</v>
      </c>
      <c r="E1930" s="6">
        <v>11001</v>
      </c>
      <c r="F1930" s="5" t="s">
        <v>3061</v>
      </c>
      <c r="G1930" s="5" t="s">
        <v>3863</v>
      </c>
    </row>
    <row r="1931" spans="1:7">
      <c r="A1931" s="5" t="s">
        <v>7</v>
      </c>
      <c r="B1931" s="5">
        <v>1985</v>
      </c>
      <c r="C1931" s="5" t="s">
        <v>8</v>
      </c>
      <c r="D1931" s="5" t="s">
        <v>8</v>
      </c>
      <c r="E1931" s="6">
        <v>11001</v>
      </c>
      <c r="F1931" s="5" t="s">
        <v>3864</v>
      </c>
      <c r="G1931" s="5" t="s">
        <v>3865</v>
      </c>
    </row>
    <row r="1932" spans="1:7">
      <c r="A1932" s="5" t="s">
        <v>7</v>
      </c>
      <c r="B1932" s="5">
        <v>1986</v>
      </c>
      <c r="C1932" s="5" t="s">
        <v>8</v>
      </c>
      <c r="D1932" s="5" t="s">
        <v>8</v>
      </c>
      <c r="E1932" s="6">
        <v>11001</v>
      </c>
      <c r="F1932" s="5" t="s">
        <v>3866</v>
      </c>
      <c r="G1932" s="5" t="s">
        <v>3867</v>
      </c>
    </row>
    <row r="1933" spans="1:7">
      <c r="A1933" s="5" t="s">
        <v>7</v>
      </c>
      <c r="B1933" s="5">
        <v>1987</v>
      </c>
      <c r="C1933" s="5" t="s">
        <v>8</v>
      </c>
      <c r="D1933" s="5" t="s">
        <v>8</v>
      </c>
      <c r="E1933" s="6">
        <v>11001</v>
      </c>
      <c r="F1933" s="5" t="s">
        <v>3868</v>
      </c>
      <c r="G1933" s="5" t="s">
        <v>3869</v>
      </c>
    </row>
    <row r="1934" spans="1:7">
      <c r="A1934" s="5" t="s">
        <v>7</v>
      </c>
      <c r="B1934" s="5">
        <v>1988</v>
      </c>
      <c r="C1934" s="5" t="s">
        <v>2891</v>
      </c>
      <c r="D1934" s="5" t="s">
        <v>2892</v>
      </c>
      <c r="E1934" s="6">
        <v>13001</v>
      </c>
      <c r="F1934" s="5" t="s">
        <v>3870</v>
      </c>
      <c r="G1934" s="5" t="s">
        <v>3871</v>
      </c>
    </row>
    <row r="1935" spans="1:7">
      <c r="A1935" s="5" t="s">
        <v>7</v>
      </c>
      <c r="B1935" s="5">
        <v>1989</v>
      </c>
      <c r="C1935" s="5" t="s">
        <v>8</v>
      </c>
      <c r="D1935" s="5" t="s">
        <v>8</v>
      </c>
      <c r="E1935" s="6">
        <v>11001</v>
      </c>
      <c r="F1935" s="5" t="s">
        <v>3872</v>
      </c>
      <c r="G1935" s="5" t="s">
        <v>3873</v>
      </c>
    </row>
    <row r="1936" spans="1:7">
      <c r="A1936" s="5" t="s">
        <v>7</v>
      </c>
      <c r="B1936" s="5">
        <v>1990</v>
      </c>
      <c r="C1936" s="5" t="s">
        <v>8</v>
      </c>
      <c r="D1936" s="5" t="s">
        <v>8</v>
      </c>
      <c r="E1936" s="6">
        <v>11001</v>
      </c>
      <c r="F1936" s="5" t="s">
        <v>3874</v>
      </c>
      <c r="G1936" s="5" t="s">
        <v>3875</v>
      </c>
    </row>
    <row r="1937" spans="1:7">
      <c r="A1937" s="5" t="s">
        <v>7</v>
      </c>
      <c r="B1937" s="5">
        <v>1991</v>
      </c>
      <c r="C1937" s="5" t="s">
        <v>2891</v>
      </c>
      <c r="D1937" s="5" t="s">
        <v>2892</v>
      </c>
      <c r="E1937" s="6">
        <v>13001</v>
      </c>
      <c r="F1937" s="5" t="s">
        <v>3876</v>
      </c>
      <c r="G1937" s="5" t="s">
        <v>3877</v>
      </c>
    </row>
    <row r="1938" spans="1:7">
      <c r="A1938" s="5" t="s">
        <v>7</v>
      </c>
      <c r="B1938" s="5">
        <v>1992</v>
      </c>
      <c r="C1938" s="5" t="s">
        <v>8</v>
      </c>
      <c r="D1938" s="5" t="s">
        <v>8</v>
      </c>
      <c r="E1938" s="6">
        <v>11001</v>
      </c>
      <c r="F1938" s="5" t="s">
        <v>3878</v>
      </c>
      <c r="G1938" s="5" t="s">
        <v>3879</v>
      </c>
    </row>
    <row r="1939" spans="1:7">
      <c r="A1939" s="5" t="s">
        <v>7</v>
      </c>
      <c r="B1939" s="5">
        <v>1993</v>
      </c>
      <c r="C1939" s="5" t="s">
        <v>813</v>
      </c>
      <c r="D1939" s="5" t="s">
        <v>3880</v>
      </c>
      <c r="E1939" s="6">
        <v>25645</v>
      </c>
      <c r="F1939" s="5" t="s">
        <v>3881</v>
      </c>
      <c r="G1939" s="5" t="s">
        <v>3882</v>
      </c>
    </row>
    <row r="1940" spans="1:7">
      <c r="A1940" s="5" t="s">
        <v>7</v>
      </c>
      <c r="B1940" s="5">
        <v>1994</v>
      </c>
      <c r="C1940" s="5" t="s">
        <v>8</v>
      </c>
      <c r="D1940" s="5" t="s">
        <v>8</v>
      </c>
      <c r="E1940" s="6">
        <v>11001</v>
      </c>
      <c r="F1940" s="5" t="s">
        <v>3883</v>
      </c>
      <c r="G1940" s="5" t="s">
        <v>3884</v>
      </c>
    </row>
    <row r="1941" spans="1:7">
      <c r="A1941" s="5" t="s">
        <v>7</v>
      </c>
      <c r="B1941" s="5">
        <v>1995</v>
      </c>
      <c r="C1941" s="5" t="s">
        <v>3323</v>
      </c>
      <c r="D1941" s="5" t="s">
        <v>3885</v>
      </c>
      <c r="E1941" s="6">
        <v>54874</v>
      </c>
      <c r="F1941" s="5" t="s">
        <v>3886</v>
      </c>
      <c r="G1941" s="5" t="s">
        <v>3887</v>
      </c>
    </row>
    <row r="1942" spans="1:7">
      <c r="A1942" s="5" t="s">
        <v>7</v>
      </c>
      <c r="B1942" s="5">
        <v>1996</v>
      </c>
      <c r="C1942" s="5" t="s">
        <v>2891</v>
      </c>
      <c r="D1942" s="5" t="s">
        <v>2892</v>
      </c>
      <c r="E1942" s="6">
        <v>13001</v>
      </c>
      <c r="F1942" s="5" t="s">
        <v>3888</v>
      </c>
      <c r="G1942" s="5" t="s">
        <v>3889</v>
      </c>
    </row>
    <row r="1943" spans="1:7">
      <c r="A1943" s="5" t="s">
        <v>7</v>
      </c>
      <c r="B1943" s="5">
        <v>1997</v>
      </c>
      <c r="C1943" s="5" t="s">
        <v>8</v>
      </c>
      <c r="D1943" s="5" t="s">
        <v>8</v>
      </c>
      <c r="E1943" s="6">
        <v>11001</v>
      </c>
      <c r="F1943" s="5" t="s">
        <v>3890</v>
      </c>
      <c r="G1943" s="5" t="s">
        <v>3891</v>
      </c>
    </row>
    <row r="1944" spans="1:7">
      <c r="A1944" s="5" t="s">
        <v>7</v>
      </c>
      <c r="B1944" s="5">
        <v>1998</v>
      </c>
      <c r="C1944" s="5" t="s">
        <v>8</v>
      </c>
      <c r="D1944" s="5" t="s">
        <v>8</v>
      </c>
      <c r="E1944" s="6">
        <v>11001</v>
      </c>
      <c r="F1944" s="5" t="s">
        <v>3892</v>
      </c>
      <c r="G1944" s="5" t="s">
        <v>3893</v>
      </c>
    </row>
    <row r="1945" spans="1:7">
      <c r="A1945" s="5" t="s">
        <v>7</v>
      </c>
      <c r="B1945" s="5">
        <v>1999</v>
      </c>
      <c r="C1945" s="5" t="s">
        <v>2891</v>
      </c>
      <c r="D1945" s="5" t="s">
        <v>2892</v>
      </c>
      <c r="E1945" s="6">
        <v>13001</v>
      </c>
      <c r="F1945" s="5" t="s">
        <v>3894</v>
      </c>
      <c r="G1945" s="5" t="s">
        <v>3895</v>
      </c>
    </row>
    <row r="1946" spans="1:7">
      <c r="A1946" s="5" t="s">
        <v>7</v>
      </c>
      <c r="B1946" s="5">
        <v>2000</v>
      </c>
      <c r="C1946" s="5" t="s">
        <v>8</v>
      </c>
      <c r="D1946" s="5" t="s">
        <v>8</v>
      </c>
      <c r="E1946" s="6">
        <v>11001</v>
      </c>
      <c r="F1946" s="5" t="s">
        <v>3896</v>
      </c>
      <c r="G1946" s="5" t="s">
        <v>3897</v>
      </c>
    </row>
    <row r="1947" spans="1:7">
      <c r="A1947" s="5" t="s">
        <v>7</v>
      </c>
      <c r="B1947" s="5">
        <v>2001</v>
      </c>
      <c r="C1947" s="5" t="s">
        <v>8</v>
      </c>
      <c r="D1947" s="5" t="s">
        <v>8</v>
      </c>
      <c r="E1947" s="6">
        <v>11001</v>
      </c>
      <c r="F1947" s="5" t="s">
        <v>3898</v>
      </c>
      <c r="G1947" s="5" t="s">
        <v>3899</v>
      </c>
    </row>
    <row r="1948" spans="1:7">
      <c r="A1948" s="5" t="s">
        <v>7</v>
      </c>
      <c r="B1948" s="5">
        <v>2002</v>
      </c>
      <c r="C1948" s="5" t="s">
        <v>8</v>
      </c>
      <c r="D1948" s="5" t="s">
        <v>8</v>
      </c>
      <c r="E1948" s="6">
        <v>11001</v>
      </c>
      <c r="F1948" s="5" t="s">
        <v>3900</v>
      </c>
      <c r="G1948" s="5" t="s">
        <v>3901</v>
      </c>
    </row>
    <row r="1949" spans="1:7">
      <c r="A1949" s="5" t="s">
        <v>7</v>
      </c>
      <c r="B1949" s="5">
        <v>2003</v>
      </c>
      <c r="C1949" s="5" t="s">
        <v>8</v>
      </c>
      <c r="D1949" s="5" t="s">
        <v>8</v>
      </c>
      <c r="E1949" s="6">
        <v>11001</v>
      </c>
      <c r="F1949" s="5" t="s">
        <v>3902</v>
      </c>
      <c r="G1949" s="5" t="s">
        <v>3903</v>
      </c>
    </row>
    <row r="1950" spans="1:7">
      <c r="A1950" s="5" t="s">
        <v>7</v>
      </c>
      <c r="B1950" s="5">
        <v>2004</v>
      </c>
      <c r="C1950" s="5" t="s">
        <v>8</v>
      </c>
      <c r="D1950" s="5" t="s">
        <v>8</v>
      </c>
      <c r="E1950" s="6">
        <v>11001</v>
      </c>
      <c r="F1950" s="5" t="s">
        <v>3904</v>
      </c>
      <c r="G1950" s="5" t="s">
        <v>3905</v>
      </c>
    </row>
    <row r="1951" spans="1:7">
      <c r="A1951" s="5" t="s">
        <v>7</v>
      </c>
      <c r="B1951" s="5">
        <v>2005</v>
      </c>
      <c r="C1951" s="5" t="s">
        <v>8</v>
      </c>
      <c r="D1951" s="5" t="s">
        <v>8</v>
      </c>
      <c r="E1951" s="6">
        <v>11001</v>
      </c>
      <c r="F1951" s="5" t="s">
        <v>3906</v>
      </c>
      <c r="G1951" s="5" t="s">
        <v>3907</v>
      </c>
    </row>
    <row r="1952" spans="1:7">
      <c r="A1952" s="5" t="s">
        <v>7</v>
      </c>
      <c r="B1952" s="5">
        <v>2006</v>
      </c>
      <c r="C1952" s="5" t="s">
        <v>8</v>
      </c>
      <c r="D1952" s="5" t="s">
        <v>8</v>
      </c>
      <c r="E1952" s="6">
        <v>11001</v>
      </c>
      <c r="F1952" s="5" t="s">
        <v>3908</v>
      </c>
      <c r="G1952" s="5" t="s">
        <v>3909</v>
      </c>
    </row>
    <row r="1953" spans="1:7">
      <c r="A1953" s="5" t="s">
        <v>7</v>
      </c>
      <c r="B1953" s="5">
        <v>2007</v>
      </c>
      <c r="C1953" s="5" t="s">
        <v>8</v>
      </c>
      <c r="D1953" s="5" t="s">
        <v>8</v>
      </c>
      <c r="E1953" s="6">
        <v>11001</v>
      </c>
      <c r="F1953" s="5" t="s">
        <v>3910</v>
      </c>
      <c r="G1953" s="5" t="s">
        <v>3911</v>
      </c>
    </row>
    <row r="1954" spans="1:7">
      <c r="A1954" s="5" t="s">
        <v>7</v>
      </c>
      <c r="B1954" s="5">
        <v>2008</v>
      </c>
      <c r="C1954" s="5" t="s">
        <v>8</v>
      </c>
      <c r="D1954" s="5" t="s">
        <v>8</v>
      </c>
      <c r="E1954" s="6">
        <v>11001</v>
      </c>
      <c r="F1954" s="5" t="s">
        <v>3912</v>
      </c>
      <c r="G1954" s="5" t="s">
        <v>3913</v>
      </c>
    </row>
    <row r="1955" spans="1:7">
      <c r="A1955" s="5" t="s">
        <v>7</v>
      </c>
      <c r="B1955" s="5">
        <v>2009</v>
      </c>
      <c r="C1955" s="5" t="s">
        <v>8</v>
      </c>
      <c r="D1955" s="5" t="s">
        <v>8</v>
      </c>
      <c r="E1955" s="6">
        <v>11001</v>
      </c>
      <c r="F1955" s="5" t="s">
        <v>3914</v>
      </c>
      <c r="G1955" s="5" t="s">
        <v>3915</v>
      </c>
    </row>
    <row r="1956" spans="1:7">
      <c r="A1956" s="5" t="s">
        <v>7</v>
      </c>
      <c r="B1956" s="5">
        <v>2010</v>
      </c>
      <c r="C1956" s="5" t="s">
        <v>8</v>
      </c>
      <c r="D1956" s="5" t="s">
        <v>8</v>
      </c>
      <c r="E1956" s="6">
        <v>11001</v>
      </c>
      <c r="F1956" s="5" t="s">
        <v>3916</v>
      </c>
      <c r="G1956" s="5" t="s">
        <v>3917</v>
      </c>
    </row>
    <row r="1957" spans="1:7">
      <c r="A1957" s="5" t="s">
        <v>7</v>
      </c>
      <c r="B1957" s="5">
        <v>2011</v>
      </c>
      <c r="C1957" s="5" t="s">
        <v>8</v>
      </c>
      <c r="D1957" s="5" t="s">
        <v>8</v>
      </c>
      <c r="E1957" s="6">
        <v>11001</v>
      </c>
      <c r="F1957" s="5" t="s">
        <v>3918</v>
      </c>
      <c r="G1957" s="5" t="s">
        <v>3919</v>
      </c>
    </row>
    <row r="1958" spans="1:7">
      <c r="A1958" s="5" t="s">
        <v>7</v>
      </c>
      <c r="B1958" s="5">
        <v>2012</v>
      </c>
      <c r="C1958" s="5" t="s">
        <v>8</v>
      </c>
      <c r="D1958" s="5" t="s">
        <v>8</v>
      </c>
      <c r="E1958" s="6">
        <v>11001</v>
      </c>
      <c r="F1958" s="5" t="s">
        <v>3920</v>
      </c>
      <c r="G1958" s="5" t="s">
        <v>3921</v>
      </c>
    </row>
    <row r="1959" spans="1:7">
      <c r="A1959" s="5" t="s">
        <v>7</v>
      </c>
      <c r="B1959" s="5">
        <v>2013</v>
      </c>
      <c r="C1959" s="5" t="s">
        <v>2891</v>
      </c>
      <c r="D1959" s="5" t="s">
        <v>2892</v>
      </c>
      <c r="E1959" s="6">
        <v>13001</v>
      </c>
      <c r="F1959" s="5" t="s">
        <v>3922</v>
      </c>
      <c r="G1959" s="5" t="s">
        <v>3923</v>
      </c>
    </row>
    <row r="1960" spans="1:7">
      <c r="A1960" s="5" t="s">
        <v>7</v>
      </c>
      <c r="B1960" s="5">
        <v>2014</v>
      </c>
      <c r="C1960" s="5" t="s">
        <v>2891</v>
      </c>
      <c r="D1960" s="5" t="s">
        <v>2892</v>
      </c>
      <c r="E1960" s="6">
        <v>13001</v>
      </c>
      <c r="F1960" s="5" t="s">
        <v>3924</v>
      </c>
      <c r="G1960" s="5" t="s">
        <v>3925</v>
      </c>
    </row>
    <row r="1961" spans="1:7">
      <c r="A1961" s="5" t="s">
        <v>7</v>
      </c>
      <c r="B1961" s="5">
        <v>2015</v>
      </c>
      <c r="C1961" s="5" t="s">
        <v>3926</v>
      </c>
      <c r="D1961" s="5" t="s">
        <v>3927</v>
      </c>
      <c r="E1961" s="6">
        <v>41001</v>
      </c>
      <c r="F1961" s="5" t="s">
        <v>3928</v>
      </c>
      <c r="G1961" s="5" t="s">
        <v>3929</v>
      </c>
    </row>
    <row r="1962" spans="1:7">
      <c r="A1962" s="5" t="s">
        <v>7</v>
      </c>
      <c r="B1962" s="5">
        <v>2016</v>
      </c>
      <c r="C1962" s="5" t="s">
        <v>8</v>
      </c>
      <c r="D1962" s="5" t="s">
        <v>8</v>
      </c>
      <c r="E1962" s="6">
        <v>11001</v>
      </c>
      <c r="F1962" s="5" t="s">
        <v>3930</v>
      </c>
      <c r="G1962" s="5" t="s">
        <v>3931</v>
      </c>
    </row>
    <row r="1963" spans="1:7">
      <c r="A1963" s="5" t="s">
        <v>7</v>
      </c>
      <c r="B1963" s="5">
        <v>2017</v>
      </c>
      <c r="C1963" s="5" t="s">
        <v>8</v>
      </c>
      <c r="D1963" s="5" t="s">
        <v>8</v>
      </c>
      <c r="E1963" s="6">
        <v>11001</v>
      </c>
      <c r="F1963" s="5" t="s">
        <v>3932</v>
      </c>
      <c r="G1963" s="5" t="s">
        <v>3933</v>
      </c>
    </row>
    <row r="1964" spans="1:7">
      <c r="A1964" s="5" t="s">
        <v>7</v>
      </c>
      <c r="B1964" s="5">
        <v>2018</v>
      </c>
      <c r="C1964" s="5" t="s">
        <v>8</v>
      </c>
      <c r="D1964" s="5" t="s">
        <v>8</v>
      </c>
      <c r="E1964" s="6">
        <v>11001</v>
      </c>
      <c r="F1964" s="5" t="s">
        <v>3934</v>
      </c>
      <c r="G1964" s="5" t="s">
        <v>3935</v>
      </c>
    </row>
    <row r="1965" spans="1:7">
      <c r="A1965" s="5" t="s">
        <v>7</v>
      </c>
      <c r="B1965" s="5">
        <v>2019</v>
      </c>
      <c r="C1965" s="5" t="s">
        <v>8</v>
      </c>
      <c r="D1965" s="5" t="s">
        <v>8</v>
      </c>
      <c r="E1965" s="6">
        <v>11001</v>
      </c>
      <c r="F1965" s="5" t="s">
        <v>3936</v>
      </c>
      <c r="G1965" s="5" t="s">
        <v>3937</v>
      </c>
    </row>
    <row r="1966" spans="1:7">
      <c r="A1966" s="5" t="s">
        <v>7</v>
      </c>
      <c r="B1966" s="5">
        <v>2020</v>
      </c>
      <c r="C1966" s="5" t="s">
        <v>8</v>
      </c>
      <c r="D1966" s="5" t="s">
        <v>8</v>
      </c>
      <c r="E1966" s="6">
        <v>11001</v>
      </c>
      <c r="F1966" s="5" t="s">
        <v>3938</v>
      </c>
      <c r="G1966" s="5" t="s">
        <v>3939</v>
      </c>
    </row>
    <row r="1967" spans="1:7">
      <c r="A1967" s="5" t="s">
        <v>7</v>
      </c>
      <c r="B1967" s="5">
        <v>2021</v>
      </c>
      <c r="C1967" s="5" t="s">
        <v>8</v>
      </c>
      <c r="D1967" s="5" t="s">
        <v>8</v>
      </c>
      <c r="E1967" s="6">
        <v>11001</v>
      </c>
      <c r="F1967" s="5" t="s">
        <v>3940</v>
      </c>
      <c r="G1967" s="5" t="s">
        <v>3941</v>
      </c>
    </row>
    <row r="1968" spans="1:7">
      <c r="A1968" s="5" t="s">
        <v>7</v>
      </c>
      <c r="B1968" s="5">
        <v>2022</v>
      </c>
      <c r="C1968" s="5" t="s">
        <v>8</v>
      </c>
      <c r="D1968" s="5" t="s">
        <v>8</v>
      </c>
      <c r="E1968" s="6">
        <v>11001</v>
      </c>
      <c r="F1968" s="5" t="s">
        <v>3942</v>
      </c>
      <c r="G1968" s="5" t="s">
        <v>3943</v>
      </c>
    </row>
    <row r="1969" spans="1:7">
      <c r="A1969" s="5" t="s">
        <v>7</v>
      </c>
      <c r="B1969" s="5">
        <v>2023</v>
      </c>
      <c r="C1969" s="5" t="s">
        <v>8</v>
      </c>
      <c r="D1969" s="5" t="s">
        <v>8</v>
      </c>
      <c r="E1969" s="6">
        <v>11001</v>
      </c>
      <c r="F1969" s="5" t="s">
        <v>3944</v>
      </c>
      <c r="G1969" s="5" t="s">
        <v>3945</v>
      </c>
    </row>
    <row r="1970" spans="1:7">
      <c r="A1970" s="5" t="s">
        <v>7</v>
      </c>
      <c r="B1970" s="5">
        <v>2024</v>
      </c>
      <c r="C1970" s="5" t="s">
        <v>8</v>
      </c>
      <c r="D1970" s="5" t="s">
        <v>8</v>
      </c>
      <c r="E1970" s="6">
        <v>11001</v>
      </c>
      <c r="F1970" s="5" t="s">
        <v>3946</v>
      </c>
      <c r="G1970" s="5" t="s">
        <v>3947</v>
      </c>
    </row>
    <row r="1971" spans="1:7">
      <c r="A1971" s="5" t="s">
        <v>7</v>
      </c>
      <c r="B1971" s="5">
        <v>2025</v>
      </c>
      <c r="C1971" s="5" t="s">
        <v>8</v>
      </c>
      <c r="D1971" s="5" t="s">
        <v>8</v>
      </c>
      <c r="E1971" s="6">
        <v>11001</v>
      </c>
      <c r="F1971" s="5" t="s">
        <v>3948</v>
      </c>
      <c r="G1971" s="5" t="s">
        <v>3949</v>
      </c>
    </row>
    <row r="1972" spans="1:7">
      <c r="A1972" s="5" t="s">
        <v>7</v>
      </c>
      <c r="B1972" s="5">
        <v>2026</v>
      </c>
      <c r="C1972" s="5" t="s">
        <v>8</v>
      </c>
      <c r="D1972" s="5" t="s">
        <v>8</v>
      </c>
      <c r="E1972" s="6">
        <v>11001</v>
      </c>
      <c r="F1972" s="5" t="s">
        <v>3950</v>
      </c>
      <c r="G1972" s="5" t="s">
        <v>3951</v>
      </c>
    </row>
    <row r="1973" spans="1:7">
      <c r="A1973" s="5" t="s">
        <v>7</v>
      </c>
      <c r="B1973" s="5">
        <v>2027</v>
      </c>
      <c r="C1973" s="5" t="s">
        <v>8</v>
      </c>
      <c r="D1973" s="5" t="s">
        <v>8</v>
      </c>
      <c r="E1973" s="6">
        <v>11001</v>
      </c>
      <c r="F1973" s="5" t="s">
        <v>3952</v>
      </c>
      <c r="G1973" s="5" t="s">
        <v>3953</v>
      </c>
    </row>
    <row r="1974" spans="1:7">
      <c r="A1974" s="5" t="s">
        <v>7</v>
      </c>
      <c r="B1974" s="5">
        <v>2028</v>
      </c>
      <c r="C1974" s="5" t="s">
        <v>2891</v>
      </c>
      <c r="D1974" s="5" t="s">
        <v>2892</v>
      </c>
      <c r="E1974" s="6">
        <v>13001</v>
      </c>
      <c r="F1974" s="5" t="s">
        <v>3954</v>
      </c>
      <c r="G1974" s="5" t="s">
        <v>3955</v>
      </c>
    </row>
    <row r="1975" spans="1:7">
      <c r="A1975" s="5" t="s">
        <v>7</v>
      </c>
      <c r="B1975" s="5">
        <v>2029</v>
      </c>
      <c r="C1975" s="5" t="s">
        <v>8</v>
      </c>
      <c r="D1975" s="5" t="s">
        <v>8</v>
      </c>
      <c r="E1975" s="6">
        <v>11001</v>
      </c>
      <c r="F1975" s="5" t="s">
        <v>3956</v>
      </c>
      <c r="G1975" s="5" t="s">
        <v>3957</v>
      </c>
    </row>
    <row r="1976" spans="1:7">
      <c r="A1976" s="5" t="s">
        <v>7</v>
      </c>
      <c r="B1976" s="5">
        <v>2030</v>
      </c>
      <c r="C1976" s="5" t="s">
        <v>8</v>
      </c>
      <c r="D1976" s="5" t="s">
        <v>8</v>
      </c>
      <c r="E1976" s="6">
        <v>11001</v>
      </c>
      <c r="F1976" s="5" t="s">
        <v>3958</v>
      </c>
      <c r="G1976" s="5" t="s">
        <v>3959</v>
      </c>
    </row>
    <row r="1977" spans="1:7">
      <c r="A1977" s="5" t="s">
        <v>7</v>
      </c>
      <c r="B1977" s="5">
        <v>2031</v>
      </c>
      <c r="C1977" s="5" t="s">
        <v>8</v>
      </c>
      <c r="D1977" s="5" t="s">
        <v>8</v>
      </c>
      <c r="E1977" s="6">
        <v>11001</v>
      </c>
      <c r="F1977" s="5" t="s">
        <v>3362</v>
      </c>
      <c r="G1977" s="5" t="s">
        <v>3960</v>
      </c>
    </row>
    <row r="1978" spans="1:7">
      <c r="A1978" s="5" t="s">
        <v>7</v>
      </c>
      <c r="B1978" s="5">
        <v>2032</v>
      </c>
      <c r="C1978" s="5" t="s">
        <v>8</v>
      </c>
      <c r="D1978" s="5" t="s">
        <v>8</v>
      </c>
      <c r="E1978" s="6">
        <v>11001</v>
      </c>
      <c r="F1978" s="5" t="s">
        <v>3961</v>
      </c>
      <c r="G1978" s="5" t="s">
        <v>3962</v>
      </c>
    </row>
    <row r="1979" spans="1:7">
      <c r="A1979" s="5" t="s">
        <v>7</v>
      </c>
      <c r="B1979" s="5">
        <v>2033</v>
      </c>
      <c r="C1979" s="5" t="s">
        <v>8</v>
      </c>
      <c r="D1979" s="5" t="s">
        <v>8</v>
      </c>
      <c r="E1979" s="6">
        <v>11001</v>
      </c>
      <c r="F1979" s="5" t="s">
        <v>3963</v>
      </c>
      <c r="G1979" s="5" t="s">
        <v>3964</v>
      </c>
    </row>
    <row r="1980" spans="1:7">
      <c r="A1980" s="5" t="s">
        <v>7</v>
      </c>
      <c r="B1980" s="5">
        <v>2034</v>
      </c>
      <c r="C1980" s="5" t="s">
        <v>8</v>
      </c>
      <c r="D1980" s="5" t="s">
        <v>8</v>
      </c>
      <c r="E1980" s="6">
        <v>11001</v>
      </c>
      <c r="F1980" s="5" t="s">
        <v>3965</v>
      </c>
      <c r="G1980" s="5" t="s">
        <v>3966</v>
      </c>
    </row>
    <row r="1981" spans="1:7">
      <c r="A1981" s="5" t="s">
        <v>7</v>
      </c>
      <c r="B1981" s="5">
        <v>2035</v>
      </c>
      <c r="C1981" s="5" t="s">
        <v>8</v>
      </c>
      <c r="D1981" s="5" t="s">
        <v>8</v>
      </c>
      <c r="E1981" s="6">
        <v>11001</v>
      </c>
      <c r="F1981" s="5" t="s">
        <v>3967</v>
      </c>
      <c r="G1981" s="5" t="s">
        <v>3968</v>
      </c>
    </row>
    <row r="1982" spans="1:7">
      <c r="A1982" s="5" t="s">
        <v>7</v>
      </c>
      <c r="B1982" s="5">
        <v>2036</v>
      </c>
      <c r="C1982" s="5" t="s">
        <v>8</v>
      </c>
      <c r="D1982" s="5" t="s">
        <v>8</v>
      </c>
      <c r="E1982" s="6">
        <v>11001</v>
      </c>
      <c r="F1982" s="5" t="s">
        <v>3969</v>
      </c>
      <c r="G1982" s="5" t="s">
        <v>3970</v>
      </c>
    </row>
    <row r="1983" spans="1:7">
      <c r="A1983" s="5" t="s">
        <v>7</v>
      </c>
      <c r="B1983" s="5">
        <v>2037</v>
      </c>
      <c r="C1983" s="5" t="s">
        <v>3971</v>
      </c>
      <c r="D1983" s="5" t="s">
        <v>3972</v>
      </c>
      <c r="E1983" s="6">
        <v>52585</v>
      </c>
      <c r="F1983" s="5" t="s">
        <v>3973</v>
      </c>
      <c r="G1983" s="5" t="s">
        <v>3974</v>
      </c>
    </row>
    <row r="1984" spans="1:7">
      <c r="A1984" s="5" t="s">
        <v>7</v>
      </c>
      <c r="B1984" s="5">
        <v>2038</v>
      </c>
      <c r="C1984" s="5" t="s">
        <v>8</v>
      </c>
      <c r="D1984" s="5" t="s">
        <v>8</v>
      </c>
      <c r="E1984" s="6">
        <v>11001</v>
      </c>
      <c r="F1984" s="5" t="s">
        <v>3975</v>
      </c>
      <c r="G1984" s="5" t="s">
        <v>3976</v>
      </c>
    </row>
    <row r="1985" spans="1:7">
      <c r="A1985" s="5" t="s">
        <v>7</v>
      </c>
      <c r="B1985" s="5">
        <v>2039</v>
      </c>
      <c r="C1985" s="5" t="s">
        <v>8</v>
      </c>
      <c r="D1985" s="5" t="s">
        <v>8</v>
      </c>
      <c r="E1985" s="6">
        <v>11001</v>
      </c>
      <c r="F1985" s="5" t="s">
        <v>3977</v>
      </c>
      <c r="G1985" s="5" t="s">
        <v>3978</v>
      </c>
    </row>
    <row r="1986" spans="1:7">
      <c r="A1986" s="5" t="s">
        <v>7</v>
      </c>
      <c r="B1986" s="5">
        <v>2040</v>
      </c>
      <c r="C1986" s="5" t="s">
        <v>8</v>
      </c>
      <c r="D1986" s="5" t="s">
        <v>8</v>
      </c>
      <c r="E1986" s="6">
        <v>11001</v>
      </c>
      <c r="F1986" s="5" t="s">
        <v>3979</v>
      </c>
      <c r="G1986" s="5" t="s">
        <v>3980</v>
      </c>
    </row>
    <row r="1987" spans="1:7">
      <c r="A1987" s="5" t="s">
        <v>7</v>
      </c>
      <c r="B1987" s="5">
        <v>2041</v>
      </c>
      <c r="C1987" s="5" t="s">
        <v>8</v>
      </c>
      <c r="D1987" s="5" t="s">
        <v>8</v>
      </c>
      <c r="E1987" s="6">
        <v>11001</v>
      </c>
      <c r="F1987" s="5" t="s">
        <v>3981</v>
      </c>
      <c r="G1987" s="5" t="s">
        <v>3982</v>
      </c>
    </row>
    <row r="1988" spans="1:7">
      <c r="A1988" s="5" t="s">
        <v>7</v>
      </c>
      <c r="B1988" s="5">
        <v>2042</v>
      </c>
      <c r="C1988" s="5" t="s">
        <v>8</v>
      </c>
      <c r="D1988" s="5" t="s">
        <v>8</v>
      </c>
      <c r="E1988" s="6">
        <v>11001</v>
      </c>
      <c r="F1988" s="5" t="s">
        <v>3983</v>
      </c>
      <c r="G1988" s="5" t="s">
        <v>3984</v>
      </c>
    </row>
    <row r="1989" spans="1:7">
      <c r="A1989" s="5" t="s">
        <v>7</v>
      </c>
      <c r="B1989" s="5">
        <v>2043</v>
      </c>
      <c r="C1989" s="5" t="s">
        <v>2891</v>
      </c>
      <c r="D1989" s="5" t="s">
        <v>2892</v>
      </c>
      <c r="E1989" s="6">
        <v>13001</v>
      </c>
      <c r="F1989" s="5" t="s">
        <v>3985</v>
      </c>
      <c r="G1989" s="5" t="s">
        <v>3986</v>
      </c>
    </row>
    <row r="1990" spans="1:7">
      <c r="A1990" s="5" t="s">
        <v>7</v>
      </c>
      <c r="B1990" s="5">
        <v>2044</v>
      </c>
      <c r="C1990" s="5" t="s">
        <v>8</v>
      </c>
      <c r="D1990" s="5" t="s">
        <v>8</v>
      </c>
      <c r="E1990" s="6">
        <v>11001</v>
      </c>
      <c r="F1990" s="5" t="s">
        <v>3987</v>
      </c>
      <c r="G1990" s="5" t="s">
        <v>3988</v>
      </c>
    </row>
    <row r="1991" spans="1:7">
      <c r="A1991" s="5" t="s">
        <v>7</v>
      </c>
      <c r="B1991" s="5">
        <v>2045</v>
      </c>
      <c r="C1991" s="5" t="s">
        <v>8</v>
      </c>
      <c r="D1991" s="5" t="s">
        <v>8</v>
      </c>
      <c r="E1991" s="6">
        <v>11001</v>
      </c>
      <c r="F1991" s="5" t="s">
        <v>3989</v>
      </c>
      <c r="G1991" s="5" t="s">
        <v>3990</v>
      </c>
    </row>
    <row r="1992" spans="1:7">
      <c r="A1992" s="5" t="s">
        <v>7</v>
      </c>
      <c r="B1992" s="5">
        <v>2046</v>
      </c>
      <c r="C1992" s="5" t="s">
        <v>3323</v>
      </c>
      <c r="D1992" s="5" t="s">
        <v>3431</v>
      </c>
      <c r="E1992" s="6">
        <v>54001</v>
      </c>
      <c r="F1992" s="5" t="s">
        <v>3991</v>
      </c>
      <c r="G1992" s="5" t="s">
        <v>3992</v>
      </c>
    </row>
    <row r="1993" spans="1:7">
      <c r="A1993" s="5" t="s">
        <v>7</v>
      </c>
      <c r="B1993" s="5">
        <v>2047</v>
      </c>
      <c r="C1993" s="5" t="s">
        <v>8</v>
      </c>
      <c r="D1993" s="5" t="s">
        <v>8</v>
      </c>
      <c r="E1993" s="6">
        <v>11001</v>
      </c>
      <c r="F1993" s="5" t="s">
        <v>3993</v>
      </c>
      <c r="G1993" s="5" t="s">
        <v>3994</v>
      </c>
    </row>
    <row r="1994" spans="1:7">
      <c r="A1994" s="5" t="s">
        <v>7</v>
      </c>
      <c r="B1994" s="5">
        <v>2048</v>
      </c>
      <c r="C1994" s="5" t="s">
        <v>8</v>
      </c>
      <c r="D1994" s="5" t="s">
        <v>8</v>
      </c>
      <c r="E1994" s="6">
        <v>11001</v>
      </c>
      <c r="F1994" s="5" t="s">
        <v>3995</v>
      </c>
      <c r="G1994" s="5" t="s">
        <v>3996</v>
      </c>
    </row>
    <row r="1995" spans="1:7">
      <c r="A1995" s="5" t="s">
        <v>7</v>
      </c>
      <c r="B1995" s="5">
        <v>2049</v>
      </c>
      <c r="C1995" s="5" t="s">
        <v>2891</v>
      </c>
      <c r="D1995" s="5" t="s">
        <v>2892</v>
      </c>
      <c r="E1995" s="6">
        <v>13001</v>
      </c>
      <c r="F1995" s="5" t="s">
        <v>3997</v>
      </c>
      <c r="G1995" s="5" t="s">
        <v>3998</v>
      </c>
    </row>
    <row r="1996" spans="1:7">
      <c r="A1996" s="5" t="s">
        <v>7</v>
      </c>
      <c r="B1996" s="5">
        <v>2050</v>
      </c>
      <c r="C1996" s="5" t="s">
        <v>2891</v>
      </c>
      <c r="D1996" s="5" t="s">
        <v>2892</v>
      </c>
      <c r="E1996" s="6">
        <v>13001</v>
      </c>
      <c r="F1996" s="5" t="s">
        <v>3999</v>
      </c>
      <c r="G1996" s="5" t="s">
        <v>4000</v>
      </c>
    </row>
    <row r="1997" spans="1:7">
      <c r="A1997" s="5" t="s">
        <v>7</v>
      </c>
      <c r="B1997" s="5">
        <v>2051</v>
      </c>
      <c r="C1997" s="5" t="s">
        <v>8</v>
      </c>
      <c r="D1997" s="5" t="s">
        <v>8</v>
      </c>
      <c r="E1997" s="6">
        <v>11001</v>
      </c>
      <c r="F1997" s="5" t="s">
        <v>4001</v>
      </c>
      <c r="G1997" s="5" t="s">
        <v>4002</v>
      </c>
    </row>
    <row r="1998" spans="1:7">
      <c r="A1998" s="5" t="s">
        <v>7</v>
      </c>
      <c r="B1998" s="5">
        <v>2052</v>
      </c>
      <c r="C1998" s="5" t="s">
        <v>3926</v>
      </c>
      <c r="D1998" s="5" t="s">
        <v>4003</v>
      </c>
      <c r="E1998" s="6">
        <v>41298</v>
      </c>
      <c r="F1998" s="5" t="s">
        <v>4004</v>
      </c>
      <c r="G1998" s="5" t="s">
        <v>4005</v>
      </c>
    </row>
    <row r="1999" spans="1:7">
      <c r="A1999" s="5" t="s">
        <v>7</v>
      </c>
      <c r="B1999" s="5">
        <v>2053</v>
      </c>
      <c r="C1999" s="5" t="s">
        <v>3323</v>
      </c>
      <c r="D1999" s="5" t="s">
        <v>3431</v>
      </c>
      <c r="E1999" s="6">
        <v>54001</v>
      </c>
      <c r="F1999" s="5" t="s">
        <v>4006</v>
      </c>
      <c r="G1999" s="5" t="s">
        <v>4007</v>
      </c>
    </row>
    <row r="2000" spans="1:7">
      <c r="A2000" s="5" t="s">
        <v>7</v>
      </c>
      <c r="B2000" s="5">
        <v>2054</v>
      </c>
      <c r="C2000" s="5" t="s">
        <v>8</v>
      </c>
      <c r="D2000" s="5" t="s">
        <v>8</v>
      </c>
      <c r="E2000" s="6">
        <v>11001</v>
      </c>
      <c r="F2000" s="5" t="s">
        <v>4008</v>
      </c>
      <c r="G2000" s="5" t="s">
        <v>4009</v>
      </c>
    </row>
    <row r="2001" spans="1:7">
      <c r="A2001" s="5" t="s">
        <v>7</v>
      </c>
      <c r="B2001" s="5">
        <v>2055</v>
      </c>
      <c r="C2001" s="5" t="s">
        <v>8</v>
      </c>
      <c r="D2001" s="5" t="s">
        <v>8</v>
      </c>
      <c r="E2001" s="6">
        <v>11001</v>
      </c>
      <c r="F2001" s="5" t="s">
        <v>4010</v>
      </c>
      <c r="G2001" s="5" t="s">
        <v>4011</v>
      </c>
    </row>
    <row r="2002" spans="1:7">
      <c r="A2002" s="5" t="s">
        <v>7</v>
      </c>
      <c r="B2002" s="5">
        <v>2056</v>
      </c>
      <c r="C2002" s="5" t="s">
        <v>8</v>
      </c>
      <c r="D2002" s="5" t="s">
        <v>8</v>
      </c>
      <c r="E2002" s="6">
        <v>11001</v>
      </c>
      <c r="F2002" s="5" t="s">
        <v>4012</v>
      </c>
      <c r="G2002" s="5" t="s">
        <v>4013</v>
      </c>
    </row>
    <row r="2003" spans="1:7">
      <c r="A2003" s="5" t="s">
        <v>7</v>
      </c>
      <c r="B2003" s="5">
        <v>2057</v>
      </c>
      <c r="C2003" s="5" t="s">
        <v>8</v>
      </c>
      <c r="D2003" s="5" t="s">
        <v>8</v>
      </c>
      <c r="E2003" s="6">
        <v>11001</v>
      </c>
      <c r="F2003" s="5" t="s">
        <v>4014</v>
      </c>
      <c r="G2003" s="5" t="s">
        <v>4015</v>
      </c>
    </row>
    <row r="2004" spans="1:7">
      <c r="A2004" s="5" t="s">
        <v>7</v>
      </c>
      <c r="B2004" s="5">
        <v>2058</v>
      </c>
      <c r="C2004" s="5" t="s">
        <v>3323</v>
      </c>
      <c r="D2004" s="5" t="s">
        <v>3431</v>
      </c>
      <c r="E2004" s="6">
        <v>54001</v>
      </c>
      <c r="F2004" s="5" t="s">
        <v>4016</v>
      </c>
      <c r="G2004" s="5" t="s">
        <v>4017</v>
      </c>
    </row>
    <row r="2005" spans="1:7">
      <c r="A2005" s="5" t="s">
        <v>7</v>
      </c>
      <c r="B2005" s="5">
        <v>2059</v>
      </c>
      <c r="C2005" s="5" t="s">
        <v>2891</v>
      </c>
      <c r="D2005" s="5" t="s">
        <v>2892</v>
      </c>
      <c r="E2005" s="6">
        <v>13001</v>
      </c>
      <c r="F2005" s="5" t="s">
        <v>4018</v>
      </c>
      <c r="G2005" s="5" t="s">
        <v>4019</v>
      </c>
    </row>
    <row r="2006" spans="1:7">
      <c r="A2006" s="5" t="s">
        <v>7</v>
      </c>
      <c r="B2006" s="5">
        <v>2060</v>
      </c>
      <c r="C2006" s="5" t="s">
        <v>2760</v>
      </c>
      <c r="D2006" s="5" t="s">
        <v>2761</v>
      </c>
      <c r="E2006" s="6">
        <v>68081</v>
      </c>
      <c r="F2006" s="5" t="s">
        <v>4020</v>
      </c>
      <c r="G2006" s="5" t="s">
        <v>4021</v>
      </c>
    </row>
    <row r="2007" spans="1:7">
      <c r="A2007" s="5" t="s">
        <v>7</v>
      </c>
      <c r="B2007" s="5">
        <v>2061</v>
      </c>
      <c r="C2007" s="5" t="s">
        <v>8</v>
      </c>
      <c r="D2007" s="5" t="s">
        <v>8</v>
      </c>
      <c r="E2007" s="6">
        <v>11001</v>
      </c>
      <c r="F2007" s="5" t="s">
        <v>4022</v>
      </c>
      <c r="G2007" s="5" t="s">
        <v>4023</v>
      </c>
    </row>
    <row r="2008" spans="1:7">
      <c r="A2008" s="5" t="s">
        <v>7</v>
      </c>
      <c r="B2008" s="5">
        <v>2062</v>
      </c>
      <c r="C2008" s="5" t="s">
        <v>8</v>
      </c>
      <c r="D2008" s="5" t="s">
        <v>8</v>
      </c>
      <c r="E2008" s="6">
        <v>11001</v>
      </c>
      <c r="F2008" s="5" t="s">
        <v>4024</v>
      </c>
      <c r="G2008" s="5" t="s">
        <v>4025</v>
      </c>
    </row>
    <row r="2009" spans="1:7">
      <c r="A2009" s="5" t="s">
        <v>7</v>
      </c>
      <c r="B2009" s="5">
        <v>2063</v>
      </c>
      <c r="C2009" s="5" t="s">
        <v>8</v>
      </c>
      <c r="D2009" s="5" t="s">
        <v>8</v>
      </c>
      <c r="E2009" s="6">
        <v>11001</v>
      </c>
      <c r="F2009" s="5" t="s">
        <v>4026</v>
      </c>
      <c r="G2009" s="5" t="s">
        <v>4027</v>
      </c>
    </row>
    <row r="2010" spans="1:7">
      <c r="A2010" s="5" t="s">
        <v>7</v>
      </c>
      <c r="B2010" s="5">
        <v>2064</v>
      </c>
      <c r="C2010" s="5" t="s">
        <v>8</v>
      </c>
      <c r="D2010" s="5" t="s">
        <v>8</v>
      </c>
      <c r="E2010" s="6">
        <v>11001</v>
      </c>
      <c r="F2010" s="5" t="s">
        <v>1966</v>
      </c>
      <c r="G2010" s="5" t="s">
        <v>4028</v>
      </c>
    </row>
    <row r="2011" spans="1:7">
      <c r="A2011" s="5" t="s">
        <v>7</v>
      </c>
      <c r="B2011" s="5">
        <v>2065</v>
      </c>
      <c r="C2011" s="5" t="s">
        <v>8</v>
      </c>
      <c r="D2011" s="5" t="s">
        <v>8</v>
      </c>
      <c r="E2011" s="6">
        <v>11001</v>
      </c>
      <c r="F2011" s="5" t="s">
        <v>4029</v>
      </c>
      <c r="G2011" s="5" t="s">
        <v>4030</v>
      </c>
    </row>
    <row r="2012" spans="1:7">
      <c r="A2012" s="5" t="s">
        <v>7</v>
      </c>
      <c r="B2012" s="5">
        <v>2066</v>
      </c>
      <c r="C2012" s="5" t="s">
        <v>2542</v>
      </c>
      <c r="D2012" s="5" t="s">
        <v>2543</v>
      </c>
      <c r="E2012" s="6">
        <v>8001</v>
      </c>
      <c r="F2012" s="5" t="s">
        <v>4031</v>
      </c>
      <c r="G2012" s="5" t="s">
        <v>4032</v>
      </c>
    </row>
    <row r="2013" spans="1:7">
      <c r="A2013" s="5" t="s">
        <v>7</v>
      </c>
      <c r="B2013" s="5">
        <v>2067</v>
      </c>
      <c r="C2013" s="5" t="s">
        <v>8</v>
      </c>
      <c r="D2013" s="5" t="s">
        <v>8</v>
      </c>
      <c r="E2013" s="6">
        <v>11001</v>
      </c>
      <c r="F2013" s="5" t="s">
        <v>4033</v>
      </c>
      <c r="G2013" s="5" t="s">
        <v>4034</v>
      </c>
    </row>
    <row r="2014" spans="1:7">
      <c r="A2014" s="5" t="s">
        <v>7</v>
      </c>
      <c r="B2014" s="5">
        <v>2068</v>
      </c>
      <c r="C2014" s="5" t="s">
        <v>4035</v>
      </c>
      <c r="D2014" s="5" t="s">
        <v>4036</v>
      </c>
      <c r="E2014" s="6">
        <v>18592</v>
      </c>
      <c r="F2014" s="5" t="s">
        <v>4037</v>
      </c>
      <c r="G2014" s="5" t="s">
        <v>4038</v>
      </c>
    </row>
    <row r="2015" spans="1:7">
      <c r="A2015" s="5" t="s">
        <v>7</v>
      </c>
      <c r="B2015" s="5">
        <v>2069</v>
      </c>
      <c r="C2015" s="5" t="s">
        <v>8</v>
      </c>
      <c r="D2015" s="5" t="s">
        <v>8</v>
      </c>
      <c r="E2015" s="6">
        <v>11001</v>
      </c>
      <c r="F2015" s="5" t="s">
        <v>4039</v>
      </c>
      <c r="G2015" s="5" t="s">
        <v>4040</v>
      </c>
    </row>
    <row r="2016" spans="1:7">
      <c r="A2016" s="5" t="s">
        <v>7</v>
      </c>
      <c r="B2016" s="5">
        <v>2070</v>
      </c>
      <c r="C2016" s="5" t="s">
        <v>2891</v>
      </c>
      <c r="D2016" s="5" t="s">
        <v>2892</v>
      </c>
      <c r="E2016" s="6">
        <v>13001</v>
      </c>
      <c r="F2016" s="5" t="s">
        <v>4041</v>
      </c>
      <c r="G2016" s="5" t="s">
        <v>4042</v>
      </c>
    </row>
    <row r="2017" spans="1:7">
      <c r="A2017" s="5" t="s">
        <v>7</v>
      </c>
      <c r="B2017" s="5">
        <v>2071</v>
      </c>
      <c r="C2017" s="5" t="s">
        <v>8</v>
      </c>
      <c r="D2017" s="5" t="s">
        <v>8</v>
      </c>
      <c r="E2017" s="6">
        <v>11001</v>
      </c>
      <c r="F2017" s="5" t="s">
        <v>4043</v>
      </c>
      <c r="G2017" s="5" t="s">
        <v>4044</v>
      </c>
    </row>
    <row r="2018" spans="1:7">
      <c r="A2018" s="5" t="s">
        <v>7</v>
      </c>
      <c r="B2018" s="5">
        <v>2072</v>
      </c>
      <c r="C2018" s="5" t="s">
        <v>8</v>
      </c>
      <c r="D2018" s="5" t="s">
        <v>8</v>
      </c>
      <c r="E2018" s="6">
        <v>11001</v>
      </c>
      <c r="F2018" s="5" t="s">
        <v>4045</v>
      </c>
      <c r="G2018" s="5" t="s">
        <v>4046</v>
      </c>
    </row>
    <row r="2019" spans="1:7">
      <c r="A2019" s="5" t="s">
        <v>7</v>
      </c>
      <c r="B2019" s="5">
        <v>2073</v>
      </c>
      <c r="C2019" s="5" t="s">
        <v>8</v>
      </c>
      <c r="D2019" s="5" t="s">
        <v>8</v>
      </c>
      <c r="E2019" s="6">
        <v>11001</v>
      </c>
      <c r="F2019" s="5" t="s">
        <v>327</v>
      </c>
      <c r="G2019" s="5" t="s">
        <v>4047</v>
      </c>
    </row>
    <row r="2020" spans="1:7">
      <c r="A2020" s="5" t="s">
        <v>7</v>
      </c>
      <c r="B2020" s="5">
        <v>2074</v>
      </c>
      <c r="C2020" s="5" t="s">
        <v>3323</v>
      </c>
      <c r="D2020" s="5" t="s">
        <v>3431</v>
      </c>
      <c r="E2020" s="6">
        <v>54001</v>
      </c>
      <c r="F2020" s="5" t="s">
        <v>327</v>
      </c>
      <c r="G2020" s="5" t="s">
        <v>4048</v>
      </c>
    </row>
    <row r="2021" spans="1:7">
      <c r="A2021" s="5" t="s">
        <v>7</v>
      </c>
      <c r="B2021" s="5">
        <v>2075</v>
      </c>
      <c r="C2021" s="5" t="s">
        <v>2891</v>
      </c>
      <c r="D2021" s="5" t="s">
        <v>2892</v>
      </c>
      <c r="E2021" s="6">
        <v>13001</v>
      </c>
      <c r="F2021" s="5" t="s">
        <v>4049</v>
      </c>
      <c r="G2021" s="5" t="s">
        <v>4050</v>
      </c>
    </row>
    <row r="2022" spans="1:7">
      <c r="A2022" s="5" t="s">
        <v>7</v>
      </c>
      <c r="B2022" s="5">
        <v>2076</v>
      </c>
      <c r="C2022" s="5" t="s">
        <v>2891</v>
      </c>
      <c r="D2022" s="5" t="s">
        <v>2892</v>
      </c>
      <c r="E2022" s="6">
        <v>13001</v>
      </c>
      <c r="F2022" s="5" t="s">
        <v>4051</v>
      </c>
      <c r="G2022" s="5" t="s">
        <v>4052</v>
      </c>
    </row>
    <row r="2023" spans="1:7">
      <c r="A2023" s="5" t="s">
        <v>7</v>
      </c>
      <c r="B2023" s="5">
        <v>2077</v>
      </c>
      <c r="C2023" s="5" t="s">
        <v>8</v>
      </c>
      <c r="D2023" s="5" t="s">
        <v>8</v>
      </c>
      <c r="E2023" s="6">
        <v>11001</v>
      </c>
      <c r="F2023" s="5" t="s">
        <v>4053</v>
      </c>
      <c r="G2023" s="5" t="s">
        <v>4054</v>
      </c>
    </row>
    <row r="2024" spans="1:7">
      <c r="A2024" s="5" t="s">
        <v>7</v>
      </c>
      <c r="B2024" s="5">
        <v>2078</v>
      </c>
      <c r="C2024" s="5" t="s">
        <v>8</v>
      </c>
      <c r="D2024" s="5" t="s">
        <v>8</v>
      </c>
      <c r="E2024" s="6">
        <v>11001</v>
      </c>
      <c r="F2024" s="5" t="s">
        <v>4055</v>
      </c>
      <c r="G2024" s="5" t="s">
        <v>4056</v>
      </c>
    </row>
    <row r="2025" spans="1:7">
      <c r="A2025" s="5" t="s">
        <v>7</v>
      </c>
      <c r="B2025" s="5">
        <v>2079</v>
      </c>
      <c r="C2025" s="5" t="s">
        <v>8</v>
      </c>
      <c r="D2025" s="5" t="s">
        <v>8</v>
      </c>
      <c r="E2025" s="6">
        <v>11001</v>
      </c>
      <c r="F2025" s="5" t="s">
        <v>4057</v>
      </c>
      <c r="G2025" s="5" t="s">
        <v>4058</v>
      </c>
    </row>
    <row r="2026" spans="1:7">
      <c r="A2026" s="5" t="s">
        <v>7</v>
      </c>
      <c r="B2026" s="5">
        <v>2080</v>
      </c>
      <c r="C2026" s="5" t="s">
        <v>8</v>
      </c>
      <c r="D2026" s="5" t="s">
        <v>8</v>
      </c>
      <c r="E2026" s="6">
        <v>11001</v>
      </c>
      <c r="F2026" s="5" t="s">
        <v>4059</v>
      </c>
      <c r="G2026" s="5" t="s">
        <v>4060</v>
      </c>
    </row>
    <row r="2027" spans="1:7">
      <c r="A2027" s="5" t="s">
        <v>7</v>
      </c>
      <c r="B2027" s="5">
        <v>2081</v>
      </c>
      <c r="C2027" s="5" t="s">
        <v>8</v>
      </c>
      <c r="D2027" s="5" t="s">
        <v>8</v>
      </c>
      <c r="E2027" s="6">
        <v>11001</v>
      </c>
      <c r="F2027" s="5" t="s">
        <v>4061</v>
      </c>
      <c r="G2027" s="5" t="s">
        <v>4062</v>
      </c>
    </row>
    <row r="2028" spans="1:7">
      <c r="A2028" s="5" t="s">
        <v>7</v>
      </c>
      <c r="B2028" s="5">
        <v>2082</v>
      </c>
      <c r="C2028" s="5" t="s">
        <v>8</v>
      </c>
      <c r="D2028" s="5" t="s">
        <v>8</v>
      </c>
      <c r="E2028" s="6">
        <v>11001</v>
      </c>
      <c r="F2028" s="5" t="s">
        <v>4063</v>
      </c>
      <c r="G2028" s="5" t="s">
        <v>4064</v>
      </c>
    </row>
    <row r="2029" spans="1:7">
      <c r="A2029" s="5" t="s">
        <v>7</v>
      </c>
      <c r="B2029" s="5">
        <v>2083</v>
      </c>
      <c r="C2029" s="5" t="s">
        <v>8</v>
      </c>
      <c r="D2029" s="5" t="s">
        <v>8</v>
      </c>
      <c r="E2029" s="6">
        <v>11001</v>
      </c>
      <c r="F2029" s="5" t="s">
        <v>4065</v>
      </c>
      <c r="G2029" s="5" t="s">
        <v>4066</v>
      </c>
    </row>
    <row r="2030" spans="1:7">
      <c r="A2030" s="5" t="s">
        <v>7</v>
      </c>
      <c r="B2030" s="5">
        <v>2084</v>
      </c>
      <c r="C2030" s="5" t="s">
        <v>8</v>
      </c>
      <c r="D2030" s="5" t="s">
        <v>8</v>
      </c>
      <c r="E2030" s="6">
        <v>11001</v>
      </c>
      <c r="F2030" s="5" t="s">
        <v>4067</v>
      </c>
      <c r="G2030" s="5" t="s">
        <v>4068</v>
      </c>
    </row>
    <row r="2031" spans="1:7">
      <c r="A2031" s="5" t="s">
        <v>7</v>
      </c>
      <c r="B2031" s="5">
        <v>2085</v>
      </c>
      <c r="C2031" s="5" t="s">
        <v>2891</v>
      </c>
      <c r="D2031" s="5" t="s">
        <v>2892</v>
      </c>
      <c r="E2031" s="6">
        <v>13001</v>
      </c>
      <c r="F2031" s="5" t="s">
        <v>4069</v>
      </c>
      <c r="G2031" s="5" t="s">
        <v>4070</v>
      </c>
    </row>
    <row r="2032" spans="1:7">
      <c r="A2032" s="5" t="s">
        <v>7</v>
      </c>
      <c r="B2032" s="5">
        <v>2086</v>
      </c>
      <c r="C2032" s="5" t="s">
        <v>8</v>
      </c>
      <c r="D2032" s="5" t="s">
        <v>8</v>
      </c>
      <c r="E2032" s="6">
        <v>11001</v>
      </c>
      <c r="F2032" s="5" t="s">
        <v>1406</v>
      </c>
      <c r="G2032" s="5" t="s">
        <v>1407</v>
      </c>
    </row>
    <row r="2033" spans="1:7">
      <c r="A2033" s="5" t="s">
        <v>7</v>
      </c>
      <c r="B2033" s="5">
        <v>2087</v>
      </c>
      <c r="C2033" s="5" t="s">
        <v>2891</v>
      </c>
      <c r="D2033" s="5" t="s">
        <v>2892</v>
      </c>
      <c r="E2033" s="6">
        <v>13001</v>
      </c>
      <c r="F2033" s="5" t="s">
        <v>4071</v>
      </c>
      <c r="G2033" s="5" t="s">
        <v>4072</v>
      </c>
    </row>
    <row r="2034" spans="1:7">
      <c r="A2034" s="5" t="s">
        <v>7</v>
      </c>
      <c r="B2034" s="5">
        <v>2088</v>
      </c>
      <c r="C2034" s="5" t="s">
        <v>2891</v>
      </c>
      <c r="D2034" s="5" t="s">
        <v>2892</v>
      </c>
      <c r="E2034" s="6">
        <v>13001</v>
      </c>
      <c r="F2034" s="5" t="s">
        <v>4073</v>
      </c>
      <c r="G2034" s="5" t="s">
        <v>4074</v>
      </c>
    </row>
    <row r="2035" spans="1:7">
      <c r="A2035" s="5" t="s">
        <v>7</v>
      </c>
      <c r="B2035" s="5">
        <v>2089</v>
      </c>
      <c r="C2035" s="5" t="s">
        <v>8</v>
      </c>
      <c r="D2035" s="5" t="s">
        <v>8</v>
      </c>
      <c r="E2035" s="6">
        <v>11001</v>
      </c>
      <c r="F2035" s="5" t="s">
        <v>4075</v>
      </c>
      <c r="G2035" s="5" t="s">
        <v>4076</v>
      </c>
    </row>
    <row r="2036" spans="1:7">
      <c r="A2036" s="5" t="s">
        <v>7</v>
      </c>
      <c r="B2036" s="5">
        <v>2090</v>
      </c>
      <c r="C2036" s="5" t="s">
        <v>8</v>
      </c>
      <c r="D2036" s="5" t="s">
        <v>8</v>
      </c>
      <c r="E2036" s="6">
        <v>11001</v>
      </c>
      <c r="F2036" s="5" t="s">
        <v>4077</v>
      </c>
      <c r="G2036" s="5" t="s">
        <v>4078</v>
      </c>
    </row>
    <row r="2037" spans="1:7">
      <c r="A2037" s="5" t="s">
        <v>7</v>
      </c>
      <c r="B2037" s="5">
        <v>2091</v>
      </c>
      <c r="C2037" s="5" t="s">
        <v>8</v>
      </c>
      <c r="D2037" s="5" t="s">
        <v>8</v>
      </c>
      <c r="E2037" s="6">
        <v>11001</v>
      </c>
      <c r="F2037" s="5" t="s">
        <v>4079</v>
      </c>
      <c r="G2037" s="5" t="s">
        <v>4080</v>
      </c>
    </row>
    <row r="2038" spans="1:7">
      <c r="A2038" s="5" t="s">
        <v>7</v>
      </c>
      <c r="B2038" s="5">
        <v>2092</v>
      </c>
      <c r="C2038" s="5" t="s">
        <v>2891</v>
      </c>
      <c r="D2038" s="5" t="s">
        <v>2892</v>
      </c>
      <c r="E2038" s="6">
        <v>13001</v>
      </c>
      <c r="F2038" s="5" t="s">
        <v>4081</v>
      </c>
      <c r="G2038" s="5" t="s">
        <v>4082</v>
      </c>
    </row>
    <row r="2039" spans="1:7">
      <c r="A2039" s="5" t="s">
        <v>7</v>
      </c>
      <c r="B2039" s="5">
        <v>2093</v>
      </c>
      <c r="C2039" s="5" t="s">
        <v>8</v>
      </c>
      <c r="D2039" s="5" t="s">
        <v>8</v>
      </c>
      <c r="E2039" s="6">
        <v>11001</v>
      </c>
      <c r="F2039" s="5" t="s">
        <v>4083</v>
      </c>
      <c r="G2039" s="5" t="s">
        <v>4084</v>
      </c>
    </row>
    <row r="2040" spans="1:7">
      <c r="A2040" s="5" t="s">
        <v>7</v>
      </c>
      <c r="B2040" s="5">
        <v>2094</v>
      </c>
      <c r="C2040" s="5" t="s">
        <v>8</v>
      </c>
      <c r="D2040" s="5" t="s">
        <v>8</v>
      </c>
      <c r="E2040" s="6">
        <v>11001</v>
      </c>
      <c r="F2040" s="5" t="s">
        <v>4085</v>
      </c>
      <c r="G2040" s="5" t="s">
        <v>4086</v>
      </c>
    </row>
    <row r="2041" spans="1:7">
      <c r="A2041" s="5" t="s">
        <v>7</v>
      </c>
      <c r="B2041" s="5">
        <v>2095</v>
      </c>
      <c r="C2041" s="5" t="s">
        <v>8</v>
      </c>
      <c r="D2041" s="5" t="s">
        <v>8</v>
      </c>
      <c r="E2041" s="6">
        <v>11001</v>
      </c>
      <c r="F2041" s="5" t="s">
        <v>4087</v>
      </c>
      <c r="G2041" s="5" t="s">
        <v>4088</v>
      </c>
    </row>
    <row r="2042" spans="1:7">
      <c r="A2042" s="5" t="s">
        <v>7</v>
      </c>
      <c r="B2042" s="5">
        <v>2096</v>
      </c>
      <c r="C2042" s="5" t="s">
        <v>8</v>
      </c>
      <c r="D2042" s="5" t="s">
        <v>8</v>
      </c>
      <c r="E2042" s="6">
        <v>11001</v>
      </c>
      <c r="F2042" s="5" t="s">
        <v>4089</v>
      </c>
      <c r="G2042" s="5" t="s">
        <v>4090</v>
      </c>
    </row>
    <row r="2043" spans="1:7">
      <c r="A2043" s="5" t="s">
        <v>7</v>
      </c>
      <c r="B2043" s="5">
        <v>2097</v>
      </c>
      <c r="C2043" s="5" t="s">
        <v>8</v>
      </c>
      <c r="D2043" s="5" t="s">
        <v>8</v>
      </c>
      <c r="E2043" s="6">
        <v>11001</v>
      </c>
      <c r="F2043" s="5" t="s">
        <v>4091</v>
      </c>
      <c r="G2043" s="5" t="s">
        <v>4092</v>
      </c>
    </row>
    <row r="2044" spans="1:7">
      <c r="A2044" s="5" t="s">
        <v>7</v>
      </c>
      <c r="B2044" s="5">
        <v>2098</v>
      </c>
      <c r="C2044" s="5" t="s">
        <v>8</v>
      </c>
      <c r="D2044" s="5" t="s">
        <v>8</v>
      </c>
      <c r="E2044" s="6">
        <v>11001</v>
      </c>
      <c r="F2044" s="5" t="s">
        <v>4093</v>
      </c>
      <c r="G2044" s="5" t="s">
        <v>4094</v>
      </c>
    </row>
    <row r="2045" spans="1:7">
      <c r="A2045" s="5" t="s">
        <v>7</v>
      </c>
      <c r="B2045" s="5">
        <v>2099</v>
      </c>
      <c r="C2045" s="5" t="s">
        <v>8</v>
      </c>
      <c r="D2045" s="5" t="s">
        <v>8</v>
      </c>
      <c r="E2045" s="6">
        <v>11001</v>
      </c>
      <c r="F2045" s="5" t="s">
        <v>579</v>
      </c>
      <c r="G2045" s="5" t="s">
        <v>4095</v>
      </c>
    </row>
    <row r="2046" spans="1:7">
      <c r="A2046" s="5" t="s">
        <v>7</v>
      </c>
      <c r="B2046" s="5">
        <v>2100</v>
      </c>
      <c r="C2046" s="5" t="s">
        <v>8</v>
      </c>
      <c r="D2046" s="5" t="s">
        <v>8</v>
      </c>
      <c r="E2046" s="6">
        <v>11001</v>
      </c>
      <c r="F2046" s="5" t="s">
        <v>4096</v>
      </c>
      <c r="G2046" s="5" t="s">
        <v>4097</v>
      </c>
    </row>
    <row r="2047" spans="1:7">
      <c r="A2047" s="5" t="s">
        <v>7</v>
      </c>
      <c r="B2047" s="5">
        <v>2101</v>
      </c>
      <c r="C2047" s="5" t="s">
        <v>8</v>
      </c>
      <c r="D2047" s="5" t="s">
        <v>8</v>
      </c>
      <c r="E2047" s="6">
        <v>11001</v>
      </c>
      <c r="F2047" s="5" t="s">
        <v>4098</v>
      </c>
      <c r="G2047" s="5" t="s">
        <v>4099</v>
      </c>
    </row>
    <row r="2048" spans="1:7">
      <c r="A2048" s="5" t="s">
        <v>7</v>
      </c>
      <c r="B2048" s="5">
        <v>2102</v>
      </c>
      <c r="C2048" s="5" t="s">
        <v>3733</v>
      </c>
      <c r="D2048" s="5" t="s">
        <v>4100</v>
      </c>
      <c r="E2048" s="6">
        <v>47288</v>
      </c>
      <c r="F2048" s="5" t="s">
        <v>4101</v>
      </c>
      <c r="G2048" s="5" t="s">
        <v>4102</v>
      </c>
    </row>
    <row r="2049" spans="1:7">
      <c r="A2049" s="5" t="s">
        <v>7</v>
      </c>
      <c r="B2049" s="5">
        <v>2103</v>
      </c>
      <c r="C2049" s="5" t="s">
        <v>8</v>
      </c>
      <c r="D2049" s="5" t="s">
        <v>8</v>
      </c>
      <c r="E2049" s="6">
        <v>11001</v>
      </c>
      <c r="F2049" s="5" t="s">
        <v>4103</v>
      </c>
      <c r="G2049" s="5" t="s">
        <v>4104</v>
      </c>
    </row>
    <row r="2050" spans="1:7">
      <c r="A2050" s="5" t="s">
        <v>7</v>
      </c>
      <c r="B2050" s="5">
        <v>2104</v>
      </c>
      <c r="C2050" s="5" t="s">
        <v>8</v>
      </c>
      <c r="D2050" s="5" t="s">
        <v>8</v>
      </c>
      <c r="E2050" s="6">
        <v>11001</v>
      </c>
      <c r="F2050" s="5" t="s">
        <v>1324</v>
      </c>
      <c r="G2050" s="5" t="s">
        <v>4105</v>
      </c>
    </row>
    <row r="2051" spans="1:7">
      <c r="A2051" s="5" t="s">
        <v>7</v>
      </c>
      <c r="B2051" s="5">
        <v>2105</v>
      </c>
      <c r="C2051" s="5" t="s">
        <v>8</v>
      </c>
      <c r="D2051" s="5" t="s">
        <v>8</v>
      </c>
      <c r="E2051" s="6">
        <v>11001</v>
      </c>
      <c r="F2051" s="5" t="s">
        <v>4106</v>
      </c>
      <c r="G2051" s="5" t="s">
        <v>4107</v>
      </c>
    </row>
    <row r="2052" spans="1:7">
      <c r="A2052" s="5" t="s">
        <v>7</v>
      </c>
      <c r="B2052" s="5">
        <v>2106</v>
      </c>
      <c r="C2052" s="5" t="s">
        <v>8</v>
      </c>
      <c r="D2052" s="5" t="s">
        <v>8</v>
      </c>
      <c r="E2052" s="6">
        <v>11001</v>
      </c>
      <c r="F2052" s="5" t="s">
        <v>4108</v>
      </c>
      <c r="G2052" s="5" t="s">
        <v>4109</v>
      </c>
    </row>
    <row r="2053" spans="1:7">
      <c r="A2053" s="5" t="s">
        <v>7</v>
      </c>
      <c r="B2053" s="5">
        <v>2107</v>
      </c>
      <c r="C2053" s="5" t="s">
        <v>8</v>
      </c>
      <c r="D2053" s="5" t="s">
        <v>8</v>
      </c>
      <c r="E2053" s="6">
        <v>11001</v>
      </c>
      <c r="F2053" s="5" t="s">
        <v>4110</v>
      </c>
      <c r="G2053" s="5" t="s">
        <v>4111</v>
      </c>
    </row>
    <row r="2054" spans="1:7">
      <c r="A2054" s="5" t="s">
        <v>7</v>
      </c>
      <c r="B2054" s="5">
        <v>2108</v>
      </c>
      <c r="C2054" s="5" t="s">
        <v>8</v>
      </c>
      <c r="D2054" s="5" t="s">
        <v>8</v>
      </c>
      <c r="E2054" s="6">
        <v>11001</v>
      </c>
      <c r="F2054" s="5" t="s">
        <v>4112</v>
      </c>
      <c r="G2054" s="5" t="s">
        <v>4113</v>
      </c>
    </row>
    <row r="2055" spans="1:7">
      <c r="A2055" s="5" t="s">
        <v>7</v>
      </c>
      <c r="B2055" s="5">
        <v>2109</v>
      </c>
      <c r="C2055" s="5" t="s">
        <v>2891</v>
      </c>
      <c r="D2055" s="5" t="s">
        <v>2892</v>
      </c>
      <c r="E2055" s="6">
        <v>13001</v>
      </c>
      <c r="F2055" s="5" t="s">
        <v>4114</v>
      </c>
      <c r="G2055" s="5" t="s">
        <v>4115</v>
      </c>
    </row>
    <row r="2056" spans="1:7">
      <c r="A2056" s="5" t="s">
        <v>7</v>
      </c>
      <c r="B2056" s="5">
        <v>2110</v>
      </c>
      <c r="C2056" s="5" t="s">
        <v>8</v>
      </c>
      <c r="D2056" s="5" t="s">
        <v>8</v>
      </c>
      <c r="E2056" s="6">
        <v>11001</v>
      </c>
      <c r="F2056" s="5" t="s">
        <v>4116</v>
      </c>
      <c r="G2056" s="5" t="s">
        <v>4117</v>
      </c>
    </row>
    <row r="2057" spans="1:7">
      <c r="A2057" s="5" t="s">
        <v>7</v>
      </c>
      <c r="B2057" s="5">
        <v>2111</v>
      </c>
      <c r="C2057" s="5" t="s">
        <v>8</v>
      </c>
      <c r="D2057" s="5" t="s">
        <v>8</v>
      </c>
      <c r="E2057" s="6">
        <v>11001</v>
      </c>
      <c r="F2057" s="5" t="s">
        <v>4118</v>
      </c>
      <c r="G2057" s="5" t="s">
        <v>4119</v>
      </c>
    </row>
    <row r="2058" spans="1:7">
      <c r="A2058" s="5" t="s">
        <v>7</v>
      </c>
      <c r="B2058" s="5">
        <v>2113</v>
      </c>
      <c r="C2058" s="5" t="s">
        <v>8</v>
      </c>
      <c r="D2058" s="5" t="s">
        <v>8</v>
      </c>
      <c r="E2058" s="6">
        <v>11001</v>
      </c>
      <c r="F2058" s="5" t="s">
        <v>4120</v>
      </c>
      <c r="G2058" s="5" t="s">
        <v>4121</v>
      </c>
    </row>
    <row r="2059" spans="1:7">
      <c r="A2059" s="5" t="s">
        <v>7</v>
      </c>
      <c r="B2059" s="5">
        <v>2114</v>
      </c>
      <c r="C2059" s="5" t="s">
        <v>8</v>
      </c>
      <c r="D2059" s="5" t="s">
        <v>8</v>
      </c>
      <c r="E2059" s="6">
        <v>11001</v>
      </c>
      <c r="F2059" s="5" t="s">
        <v>4122</v>
      </c>
      <c r="G2059" s="5" t="s">
        <v>4123</v>
      </c>
    </row>
    <row r="2060" spans="1:7">
      <c r="A2060" s="5" t="s">
        <v>7</v>
      </c>
      <c r="B2060" s="5">
        <v>2115</v>
      </c>
      <c r="C2060" s="5" t="s">
        <v>8</v>
      </c>
      <c r="D2060" s="5" t="s">
        <v>8</v>
      </c>
      <c r="E2060" s="6">
        <v>11001</v>
      </c>
      <c r="F2060" s="5" t="s">
        <v>4124</v>
      </c>
      <c r="G2060" s="5" t="s">
        <v>4125</v>
      </c>
    </row>
    <row r="2061" spans="1:7">
      <c r="A2061" s="5" t="s">
        <v>7</v>
      </c>
      <c r="B2061" s="5">
        <v>2116</v>
      </c>
      <c r="C2061" s="5" t="s">
        <v>3323</v>
      </c>
      <c r="D2061" s="5" t="s">
        <v>3431</v>
      </c>
      <c r="E2061" s="6">
        <v>54001</v>
      </c>
      <c r="F2061" s="5" t="s">
        <v>4126</v>
      </c>
      <c r="G2061" s="5" t="s">
        <v>4127</v>
      </c>
    </row>
    <row r="2062" spans="1:7">
      <c r="A2062" s="5" t="s">
        <v>7</v>
      </c>
      <c r="B2062" s="5">
        <v>2117</v>
      </c>
      <c r="C2062" s="5" t="s">
        <v>2891</v>
      </c>
      <c r="D2062" s="5" t="s">
        <v>2892</v>
      </c>
      <c r="E2062" s="6">
        <v>13001</v>
      </c>
      <c r="F2062" s="5" t="s">
        <v>4128</v>
      </c>
      <c r="G2062" s="5" t="s">
        <v>4129</v>
      </c>
    </row>
    <row r="2063" spans="1:7">
      <c r="A2063" s="5" t="s">
        <v>7</v>
      </c>
      <c r="B2063" s="5">
        <v>2118</v>
      </c>
      <c r="C2063" s="5" t="s">
        <v>2891</v>
      </c>
      <c r="D2063" s="5" t="s">
        <v>2892</v>
      </c>
      <c r="E2063" s="6">
        <v>13001</v>
      </c>
      <c r="F2063" s="5" t="s">
        <v>4130</v>
      </c>
      <c r="G2063" s="5" t="s">
        <v>4131</v>
      </c>
    </row>
    <row r="2064" spans="1:7">
      <c r="A2064" s="5" t="s">
        <v>7</v>
      </c>
      <c r="B2064" s="5">
        <v>2119</v>
      </c>
      <c r="C2064" s="5" t="s">
        <v>8</v>
      </c>
      <c r="D2064" s="5" t="s">
        <v>8</v>
      </c>
      <c r="E2064" s="6">
        <v>11001</v>
      </c>
      <c r="F2064" s="5" t="s">
        <v>4132</v>
      </c>
      <c r="G2064" s="5" t="s">
        <v>4133</v>
      </c>
    </row>
    <row r="2065" spans="1:7">
      <c r="A2065" s="5" t="s">
        <v>7</v>
      </c>
      <c r="B2065" s="5">
        <v>2120</v>
      </c>
      <c r="C2065" s="5" t="s">
        <v>813</v>
      </c>
      <c r="D2065" s="5" t="s">
        <v>2290</v>
      </c>
      <c r="E2065" s="6">
        <v>25286</v>
      </c>
      <c r="F2065" s="5" t="s">
        <v>4134</v>
      </c>
      <c r="G2065" s="5" t="s">
        <v>4135</v>
      </c>
    </row>
    <row r="2066" spans="1:7">
      <c r="A2066" s="5" t="s">
        <v>7</v>
      </c>
      <c r="B2066" s="5">
        <v>2121</v>
      </c>
      <c r="C2066" s="5" t="s">
        <v>8</v>
      </c>
      <c r="D2066" s="5" t="s">
        <v>8</v>
      </c>
      <c r="E2066" s="6">
        <v>11001</v>
      </c>
      <c r="F2066" s="5" t="s">
        <v>4136</v>
      </c>
      <c r="G2066" s="5" t="s">
        <v>4137</v>
      </c>
    </row>
    <row r="2067" spans="1:7">
      <c r="A2067" s="5" t="s">
        <v>7</v>
      </c>
      <c r="B2067" s="5">
        <v>2122</v>
      </c>
      <c r="C2067" s="5" t="s">
        <v>8</v>
      </c>
      <c r="D2067" s="5" t="s">
        <v>8</v>
      </c>
      <c r="E2067" s="6">
        <v>11001</v>
      </c>
      <c r="F2067" s="5" t="s">
        <v>4138</v>
      </c>
      <c r="G2067" s="5" t="s">
        <v>4028</v>
      </c>
    </row>
    <row r="2068" spans="1:7">
      <c r="A2068" s="5" t="s">
        <v>7</v>
      </c>
      <c r="B2068" s="5">
        <v>2123</v>
      </c>
      <c r="C2068" s="5" t="s">
        <v>8</v>
      </c>
      <c r="D2068" s="5" t="s">
        <v>8</v>
      </c>
      <c r="E2068" s="6">
        <v>11001</v>
      </c>
      <c r="F2068" s="5" t="s">
        <v>4139</v>
      </c>
      <c r="G2068" s="5" t="s">
        <v>4140</v>
      </c>
    </row>
    <row r="2069" spans="1:7">
      <c r="A2069" s="5" t="s">
        <v>7</v>
      </c>
      <c r="B2069" s="5">
        <v>2124</v>
      </c>
      <c r="C2069" s="5" t="s">
        <v>8</v>
      </c>
      <c r="D2069" s="5" t="s">
        <v>8</v>
      </c>
      <c r="E2069" s="6">
        <v>11001</v>
      </c>
      <c r="F2069" s="5" t="s">
        <v>4141</v>
      </c>
      <c r="G2069" s="5" t="s">
        <v>4142</v>
      </c>
    </row>
    <row r="2070" spans="1:7">
      <c r="A2070" s="5" t="s">
        <v>7</v>
      </c>
      <c r="B2070" s="5">
        <v>2125</v>
      </c>
      <c r="C2070" s="5" t="s">
        <v>4143</v>
      </c>
      <c r="D2070" s="5" t="s">
        <v>4144</v>
      </c>
      <c r="E2070" s="6">
        <v>44279</v>
      </c>
      <c r="F2070" s="5" t="s">
        <v>4145</v>
      </c>
      <c r="G2070" s="5" t="s">
        <v>4146</v>
      </c>
    </row>
    <row r="2071" spans="1:7">
      <c r="A2071" s="5" t="s">
        <v>7</v>
      </c>
      <c r="B2071" s="5">
        <v>2126</v>
      </c>
      <c r="C2071" s="5" t="s">
        <v>8</v>
      </c>
      <c r="D2071" s="5" t="s">
        <v>8</v>
      </c>
      <c r="E2071" s="6">
        <v>11001</v>
      </c>
      <c r="F2071" s="5" t="s">
        <v>4147</v>
      </c>
      <c r="G2071" s="5" t="s">
        <v>4148</v>
      </c>
    </row>
    <row r="2072" spans="1:7">
      <c r="A2072" s="5" t="s">
        <v>7</v>
      </c>
      <c r="B2072" s="5">
        <v>2127</v>
      </c>
      <c r="C2072" s="5" t="s">
        <v>8</v>
      </c>
      <c r="D2072" s="5" t="s">
        <v>8</v>
      </c>
      <c r="E2072" s="6">
        <v>11001</v>
      </c>
      <c r="F2072" s="5" t="s">
        <v>4149</v>
      </c>
      <c r="G2072" s="5" t="s">
        <v>4150</v>
      </c>
    </row>
    <row r="2073" spans="1:7">
      <c r="A2073" s="5" t="s">
        <v>7</v>
      </c>
      <c r="B2073" s="5">
        <v>2128</v>
      </c>
      <c r="C2073" s="5" t="s">
        <v>8</v>
      </c>
      <c r="D2073" s="5" t="s">
        <v>8</v>
      </c>
      <c r="E2073" s="6">
        <v>11001</v>
      </c>
      <c r="F2073" s="5" t="s">
        <v>4151</v>
      </c>
      <c r="G2073" s="5" t="s">
        <v>4152</v>
      </c>
    </row>
    <row r="2074" spans="1:7">
      <c r="A2074" s="5" t="s">
        <v>7</v>
      </c>
      <c r="B2074" s="5">
        <v>2129</v>
      </c>
      <c r="C2074" s="5" t="s">
        <v>8</v>
      </c>
      <c r="D2074" s="5" t="s">
        <v>8</v>
      </c>
      <c r="E2074" s="6">
        <v>11001</v>
      </c>
      <c r="F2074" s="5" t="s">
        <v>4153</v>
      </c>
      <c r="G2074" s="5" t="s">
        <v>4154</v>
      </c>
    </row>
    <row r="2075" spans="1:7">
      <c r="A2075" s="5" t="s">
        <v>7</v>
      </c>
      <c r="B2075" s="5">
        <v>2130</v>
      </c>
      <c r="C2075" s="5" t="s">
        <v>8</v>
      </c>
      <c r="D2075" s="5" t="s">
        <v>8</v>
      </c>
      <c r="E2075" s="6">
        <v>11001</v>
      </c>
      <c r="F2075" s="5" t="s">
        <v>4155</v>
      </c>
      <c r="G2075" s="5" t="s">
        <v>4156</v>
      </c>
    </row>
    <row r="2076" spans="1:7">
      <c r="A2076" s="5" t="s">
        <v>7</v>
      </c>
      <c r="B2076" s="5">
        <v>2131</v>
      </c>
      <c r="C2076" s="5" t="s">
        <v>8</v>
      </c>
      <c r="D2076" s="5" t="s">
        <v>8</v>
      </c>
      <c r="E2076" s="6">
        <v>11001</v>
      </c>
      <c r="F2076" s="5" t="s">
        <v>4157</v>
      </c>
      <c r="G2076" s="5" t="s">
        <v>4158</v>
      </c>
    </row>
    <row r="2077" spans="1:7">
      <c r="A2077" s="5" t="s">
        <v>7</v>
      </c>
      <c r="B2077" s="5">
        <v>2132</v>
      </c>
      <c r="C2077" s="5" t="s">
        <v>8</v>
      </c>
      <c r="D2077" s="5" t="s">
        <v>8</v>
      </c>
      <c r="E2077" s="6">
        <v>11001</v>
      </c>
      <c r="F2077" s="5" t="s">
        <v>4159</v>
      </c>
      <c r="G2077" s="5" t="s">
        <v>4160</v>
      </c>
    </row>
    <row r="2078" spans="1:7">
      <c r="A2078" s="5" t="s">
        <v>7</v>
      </c>
      <c r="B2078" s="5">
        <v>2133</v>
      </c>
      <c r="C2078" s="5" t="s">
        <v>8</v>
      </c>
      <c r="D2078" s="5" t="s">
        <v>8</v>
      </c>
      <c r="E2078" s="6">
        <v>11001</v>
      </c>
      <c r="F2078" s="5" t="s">
        <v>4161</v>
      </c>
      <c r="G2078" s="5" t="s">
        <v>4162</v>
      </c>
    </row>
    <row r="2079" spans="1:7">
      <c r="A2079" s="5" t="s">
        <v>7</v>
      </c>
      <c r="B2079" s="5">
        <v>2134</v>
      </c>
      <c r="C2079" s="5" t="s">
        <v>8</v>
      </c>
      <c r="D2079" s="5" t="s">
        <v>8</v>
      </c>
      <c r="E2079" s="6">
        <v>11001</v>
      </c>
      <c r="F2079" s="5" t="s">
        <v>4163</v>
      </c>
      <c r="G2079" s="5" t="s">
        <v>4164</v>
      </c>
    </row>
    <row r="2080" spans="1:7">
      <c r="A2080" s="5" t="s">
        <v>7</v>
      </c>
      <c r="B2080" s="5">
        <v>2135</v>
      </c>
      <c r="C2080" s="5" t="s">
        <v>8</v>
      </c>
      <c r="D2080" s="5" t="s">
        <v>8</v>
      </c>
      <c r="E2080" s="6">
        <v>11001</v>
      </c>
      <c r="F2080" s="5" t="s">
        <v>4165</v>
      </c>
      <c r="G2080" s="5" t="s">
        <v>4166</v>
      </c>
    </row>
    <row r="2081" spans="1:7">
      <c r="A2081" s="5" t="s">
        <v>7</v>
      </c>
      <c r="B2081" s="5">
        <v>2136</v>
      </c>
      <c r="C2081" s="5" t="s">
        <v>3323</v>
      </c>
      <c r="D2081" s="5" t="s">
        <v>3885</v>
      </c>
      <c r="E2081" s="6">
        <v>54874</v>
      </c>
      <c r="F2081" s="5" t="s">
        <v>4167</v>
      </c>
      <c r="G2081" s="5" t="s">
        <v>4168</v>
      </c>
    </row>
    <row r="2082" spans="1:7">
      <c r="A2082" s="5" t="s">
        <v>7</v>
      </c>
      <c r="B2082" s="5">
        <v>2137</v>
      </c>
      <c r="C2082" s="5" t="s">
        <v>8</v>
      </c>
      <c r="D2082" s="5" t="s">
        <v>8</v>
      </c>
      <c r="E2082" s="6">
        <v>11001</v>
      </c>
      <c r="F2082" s="5" t="s">
        <v>4169</v>
      </c>
      <c r="G2082" s="5" t="s">
        <v>4170</v>
      </c>
    </row>
    <row r="2083" spans="1:7">
      <c r="A2083" s="5" t="s">
        <v>7</v>
      </c>
      <c r="B2083" s="5">
        <v>2138</v>
      </c>
      <c r="C2083" s="5" t="s">
        <v>2891</v>
      </c>
      <c r="D2083" s="5" t="s">
        <v>2892</v>
      </c>
      <c r="E2083" s="6">
        <v>13001</v>
      </c>
      <c r="F2083" s="5" t="s">
        <v>4171</v>
      </c>
      <c r="G2083" s="5" t="s">
        <v>4172</v>
      </c>
    </row>
    <row r="2084" spans="1:7">
      <c r="A2084" s="5" t="s">
        <v>7</v>
      </c>
      <c r="B2084" s="5">
        <v>2139</v>
      </c>
      <c r="C2084" s="5" t="s">
        <v>2891</v>
      </c>
      <c r="D2084" s="5" t="s">
        <v>2892</v>
      </c>
      <c r="E2084" s="6">
        <v>13001</v>
      </c>
      <c r="F2084" s="5" t="s">
        <v>4173</v>
      </c>
      <c r="G2084" s="5" t="s">
        <v>4174</v>
      </c>
    </row>
    <row r="2085" spans="1:7">
      <c r="A2085" s="5" t="s">
        <v>7</v>
      </c>
      <c r="B2085" s="5">
        <v>2140</v>
      </c>
      <c r="C2085" s="5" t="s">
        <v>4175</v>
      </c>
      <c r="D2085" s="5" t="s">
        <v>4176</v>
      </c>
      <c r="E2085" s="6">
        <v>27495</v>
      </c>
      <c r="F2085" s="5" t="s">
        <v>4177</v>
      </c>
      <c r="G2085" s="5" t="s">
        <v>4178</v>
      </c>
    </row>
    <row r="2086" spans="1:7">
      <c r="A2086" s="5" t="s">
        <v>7</v>
      </c>
      <c r="B2086" s="5">
        <v>2141</v>
      </c>
      <c r="C2086" s="5" t="s">
        <v>2891</v>
      </c>
      <c r="D2086" s="5" t="s">
        <v>2892</v>
      </c>
      <c r="E2086" s="6">
        <v>13001</v>
      </c>
      <c r="F2086" s="5" t="s">
        <v>4179</v>
      </c>
      <c r="G2086" s="5" t="s">
        <v>4180</v>
      </c>
    </row>
    <row r="2087" spans="1:7">
      <c r="A2087" s="5" t="s">
        <v>7</v>
      </c>
      <c r="B2087" s="5">
        <v>2142</v>
      </c>
      <c r="C2087" s="5" t="s">
        <v>2891</v>
      </c>
      <c r="D2087" s="5" t="s">
        <v>2892</v>
      </c>
      <c r="E2087" s="6">
        <v>13001</v>
      </c>
      <c r="F2087" s="5" t="s">
        <v>4181</v>
      </c>
      <c r="G2087" s="5" t="s">
        <v>4182</v>
      </c>
    </row>
    <row r="2088" spans="1:7">
      <c r="A2088" s="5" t="s">
        <v>7</v>
      </c>
      <c r="B2088" s="5">
        <v>2143</v>
      </c>
      <c r="C2088" s="5" t="s">
        <v>8</v>
      </c>
      <c r="D2088" s="5" t="s">
        <v>8</v>
      </c>
      <c r="E2088" s="6">
        <v>11001</v>
      </c>
      <c r="F2088" s="5" t="s">
        <v>4183</v>
      </c>
      <c r="G2088" s="5" t="s">
        <v>4184</v>
      </c>
    </row>
    <row r="2089" spans="1:7">
      <c r="A2089" s="5" t="s">
        <v>7</v>
      </c>
      <c r="B2089" s="5">
        <v>2144</v>
      </c>
      <c r="C2089" s="5" t="s">
        <v>8</v>
      </c>
      <c r="D2089" s="5" t="s">
        <v>8</v>
      </c>
      <c r="E2089" s="6">
        <v>11001</v>
      </c>
      <c r="F2089" s="5" t="s">
        <v>4185</v>
      </c>
      <c r="G2089" s="5" t="s">
        <v>4186</v>
      </c>
    </row>
    <row r="2090" spans="1:7">
      <c r="A2090" s="5" t="s">
        <v>7</v>
      </c>
      <c r="B2090" s="5">
        <v>2145</v>
      </c>
      <c r="C2090" s="5" t="s">
        <v>8</v>
      </c>
      <c r="D2090" s="5" t="s">
        <v>8</v>
      </c>
      <c r="E2090" s="6">
        <v>11001</v>
      </c>
      <c r="F2090" s="5" t="s">
        <v>4187</v>
      </c>
      <c r="G2090" s="5" t="s">
        <v>4188</v>
      </c>
    </row>
    <row r="2091" spans="1:7">
      <c r="A2091" s="5" t="s">
        <v>7</v>
      </c>
      <c r="B2091" s="5">
        <v>2146</v>
      </c>
      <c r="C2091" s="5" t="s">
        <v>8</v>
      </c>
      <c r="D2091" s="5" t="s">
        <v>8</v>
      </c>
      <c r="E2091" s="6">
        <v>11001</v>
      </c>
      <c r="F2091" s="5" t="s">
        <v>4189</v>
      </c>
      <c r="G2091" s="5" t="s">
        <v>4190</v>
      </c>
    </row>
    <row r="2092" spans="1:7">
      <c r="A2092" s="5" t="s">
        <v>7</v>
      </c>
      <c r="B2092" s="5">
        <v>2147</v>
      </c>
      <c r="C2092" s="5" t="s">
        <v>8</v>
      </c>
      <c r="D2092" s="5" t="s">
        <v>8</v>
      </c>
      <c r="E2092" s="6">
        <v>11001</v>
      </c>
      <c r="F2092" s="5" t="s">
        <v>4191</v>
      </c>
      <c r="G2092" s="5" t="s">
        <v>4192</v>
      </c>
    </row>
    <row r="2093" spans="1:7">
      <c r="A2093" s="5" t="s">
        <v>7</v>
      </c>
      <c r="B2093" s="5">
        <v>2148</v>
      </c>
      <c r="C2093" s="5" t="s">
        <v>813</v>
      </c>
      <c r="D2093" s="5" t="s">
        <v>814</v>
      </c>
      <c r="E2093" s="6">
        <v>25754</v>
      </c>
      <c r="F2093" s="5" t="s">
        <v>4193</v>
      </c>
      <c r="G2093" s="5" t="s">
        <v>4194</v>
      </c>
    </row>
    <row r="2094" spans="1:7">
      <c r="A2094" s="5" t="s">
        <v>7</v>
      </c>
      <c r="B2094" s="5">
        <v>2149</v>
      </c>
      <c r="C2094" s="5" t="s">
        <v>8</v>
      </c>
      <c r="D2094" s="5" t="s">
        <v>8</v>
      </c>
      <c r="E2094" s="6">
        <v>11001</v>
      </c>
      <c r="F2094" s="5" t="s">
        <v>4195</v>
      </c>
      <c r="G2094" s="5" t="s">
        <v>4196</v>
      </c>
    </row>
    <row r="2095" spans="1:7">
      <c r="A2095" s="5" t="s">
        <v>7</v>
      </c>
      <c r="B2095" s="5">
        <v>2150</v>
      </c>
      <c r="C2095" s="5" t="s">
        <v>8</v>
      </c>
      <c r="D2095" s="5" t="s">
        <v>8</v>
      </c>
      <c r="E2095" s="6">
        <v>11001</v>
      </c>
      <c r="F2095" s="5" t="s">
        <v>4197</v>
      </c>
      <c r="G2095" s="5" t="s">
        <v>4198</v>
      </c>
    </row>
    <row r="2096" spans="1:7">
      <c r="A2096" s="5" t="s">
        <v>7</v>
      </c>
      <c r="B2096" s="5">
        <v>2151</v>
      </c>
      <c r="C2096" s="5" t="s">
        <v>3215</v>
      </c>
      <c r="D2096" s="5" t="s">
        <v>4199</v>
      </c>
      <c r="E2096" s="6">
        <v>20011</v>
      </c>
      <c r="F2096" s="5" t="s">
        <v>4200</v>
      </c>
      <c r="G2096" s="5" t="s">
        <v>4201</v>
      </c>
    </row>
    <row r="2097" spans="1:7">
      <c r="A2097" s="5" t="s">
        <v>7</v>
      </c>
      <c r="B2097" s="5">
        <v>2152</v>
      </c>
      <c r="C2097" s="5" t="s">
        <v>8</v>
      </c>
      <c r="D2097" s="5" t="s">
        <v>8</v>
      </c>
      <c r="E2097" s="6">
        <v>11001</v>
      </c>
      <c r="F2097" s="5" t="s">
        <v>4202</v>
      </c>
      <c r="G2097" s="5" t="s">
        <v>4203</v>
      </c>
    </row>
    <row r="2098" spans="1:7">
      <c r="A2098" s="5" t="s">
        <v>7</v>
      </c>
      <c r="B2098" s="5">
        <v>2153</v>
      </c>
      <c r="C2098" s="5" t="s">
        <v>8</v>
      </c>
      <c r="D2098" s="5" t="s">
        <v>8</v>
      </c>
      <c r="E2098" s="6">
        <v>11001</v>
      </c>
      <c r="F2098" s="5" t="s">
        <v>4204</v>
      </c>
      <c r="G2098" s="5" t="s">
        <v>4205</v>
      </c>
    </row>
    <row r="2099" spans="1:7">
      <c r="A2099" s="5" t="s">
        <v>7</v>
      </c>
      <c r="B2099" s="5">
        <v>2154</v>
      </c>
      <c r="C2099" s="5" t="s">
        <v>8</v>
      </c>
      <c r="D2099" s="5" t="s">
        <v>8</v>
      </c>
      <c r="E2099" s="6">
        <v>11001</v>
      </c>
      <c r="F2099" s="5" t="s">
        <v>4206</v>
      </c>
      <c r="G2099" s="5" t="s">
        <v>4207</v>
      </c>
    </row>
    <row r="2100" spans="1:7">
      <c r="A2100" s="5" t="s">
        <v>7</v>
      </c>
      <c r="B2100" s="5">
        <v>2155</v>
      </c>
      <c r="C2100" s="5" t="s">
        <v>8</v>
      </c>
      <c r="D2100" s="5" t="s">
        <v>8</v>
      </c>
      <c r="E2100" s="6">
        <v>11001</v>
      </c>
      <c r="F2100" s="5" t="s">
        <v>4208</v>
      </c>
      <c r="G2100" s="5" t="s">
        <v>4209</v>
      </c>
    </row>
    <row r="2101" spans="1:7">
      <c r="A2101" s="5" t="s">
        <v>7</v>
      </c>
      <c r="B2101" s="5">
        <v>2156</v>
      </c>
      <c r="C2101" s="5" t="s">
        <v>8</v>
      </c>
      <c r="D2101" s="5" t="s">
        <v>8</v>
      </c>
      <c r="E2101" s="6">
        <v>11001</v>
      </c>
      <c r="F2101" s="5" t="s">
        <v>879</v>
      </c>
      <c r="G2101" s="5" t="s">
        <v>4210</v>
      </c>
    </row>
    <row r="2102" spans="1:7">
      <c r="A2102" s="5" t="s">
        <v>7</v>
      </c>
      <c r="B2102" s="5">
        <v>2157</v>
      </c>
      <c r="C2102" s="5" t="s">
        <v>8</v>
      </c>
      <c r="D2102" s="5" t="s">
        <v>8</v>
      </c>
      <c r="E2102" s="6">
        <v>11001</v>
      </c>
      <c r="F2102" s="5" t="s">
        <v>4211</v>
      </c>
      <c r="G2102" s="5" t="s">
        <v>4212</v>
      </c>
    </row>
    <row r="2103" spans="1:7">
      <c r="A2103" s="5" t="s">
        <v>7</v>
      </c>
      <c r="B2103" s="5">
        <v>2158</v>
      </c>
      <c r="C2103" s="5" t="s">
        <v>8</v>
      </c>
      <c r="D2103" s="5" t="s">
        <v>8</v>
      </c>
      <c r="E2103" s="6">
        <v>11001</v>
      </c>
      <c r="F2103" s="5" t="s">
        <v>4213</v>
      </c>
      <c r="G2103" s="5" t="s">
        <v>4214</v>
      </c>
    </row>
    <row r="2104" spans="1:7">
      <c r="A2104" s="5" t="s">
        <v>7</v>
      </c>
      <c r="B2104" s="5">
        <v>2159</v>
      </c>
      <c r="C2104" s="5" t="s">
        <v>8</v>
      </c>
      <c r="D2104" s="5" t="s">
        <v>8</v>
      </c>
      <c r="E2104" s="6">
        <v>11001</v>
      </c>
      <c r="F2104" s="5" t="s">
        <v>4215</v>
      </c>
      <c r="G2104" s="5" t="s">
        <v>4216</v>
      </c>
    </row>
    <row r="2105" spans="1:7">
      <c r="A2105" s="5" t="s">
        <v>7</v>
      </c>
      <c r="B2105" s="5">
        <v>2160</v>
      </c>
      <c r="C2105" s="5" t="s">
        <v>3323</v>
      </c>
      <c r="D2105" s="5" t="s">
        <v>3431</v>
      </c>
      <c r="E2105" s="6">
        <v>54001</v>
      </c>
      <c r="F2105" s="5" t="s">
        <v>4217</v>
      </c>
      <c r="G2105" s="5" t="s">
        <v>4218</v>
      </c>
    </row>
    <row r="2106" spans="1:7">
      <c r="A2106" s="5" t="s">
        <v>7</v>
      </c>
      <c r="B2106" s="5">
        <v>2161</v>
      </c>
      <c r="C2106" s="5" t="s">
        <v>8</v>
      </c>
      <c r="D2106" s="5" t="s">
        <v>8</v>
      </c>
      <c r="E2106" s="6">
        <v>11001</v>
      </c>
      <c r="F2106" s="5" t="s">
        <v>4219</v>
      </c>
      <c r="G2106" s="5" t="s">
        <v>4220</v>
      </c>
    </row>
    <row r="2107" spans="1:7">
      <c r="A2107" s="5" t="s">
        <v>7</v>
      </c>
      <c r="B2107" s="5">
        <v>2162</v>
      </c>
      <c r="C2107" s="5" t="s">
        <v>8</v>
      </c>
      <c r="D2107" s="5" t="s">
        <v>8</v>
      </c>
      <c r="E2107" s="6">
        <v>11001</v>
      </c>
      <c r="F2107" s="5" t="s">
        <v>4221</v>
      </c>
      <c r="G2107" s="5" t="s">
        <v>4222</v>
      </c>
    </row>
    <row r="2108" spans="1:7">
      <c r="A2108" s="5" t="s">
        <v>7</v>
      </c>
      <c r="B2108" s="5">
        <v>2163</v>
      </c>
      <c r="C2108" s="5" t="s">
        <v>8</v>
      </c>
      <c r="D2108" s="5" t="s">
        <v>8</v>
      </c>
      <c r="E2108" s="6">
        <v>11001</v>
      </c>
      <c r="F2108" s="5" t="s">
        <v>4223</v>
      </c>
      <c r="G2108" s="5" t="s">
        <v>4224</v>
      </c>
    </row>
    <row r="2109" spans="1:7">
      <c r="A2109" s="5" t="s">
        <v>7</v>
      </c>
      <c r="B2109" s="5">
        <v>2164</v>
      </c>
      <c r="C2109" s="5" t="s">
        <v>8</v>
      </c>
      <c r="D2109" s="5" t="s">
        <v>8</v>
      </c>
      <c r="E2109" s="6">
        <v>11001</v>
      </c>
      <c r="F2109" s="5" t="s">
        <v>4225</v>
      </c>
      <c r="G2109" s="5" t="s">
        <v>4226</v>
      </c>
    </row>
    <row r="2110" spans="1:7">
      <c r="A2110" s="5" t="s">
        <v>7</v>
      </c>
      <c r="B2110" s="5">
        <v>2165</v>
      </c>
      <c r="C2110" s="5" t="s">
        <v>8</v>
      </c>
      <c r="D2110" s="5" t="s">
        <v>8</v>
      </c>
      <c r="E2110" s="6">
        <v>11001</v>
      </c>
      <c r="F2110" s="5" t="s">
        <v>4227</v>
      </c>
      <c r="G2110" s="5" t="s">
        <v>4228</v>
      </c>
    </row>
    <row r="2111" spans="1:7">
      <c r="A2111" s="5" t="s">
        <v>7</v>
      </c>
      <c r="B2111" s="5">
        <v>2166</v>
      </c>
      <c r="C2111" s="5" t="s">
        <v>813</v>
      </c>
      <c r="D2111" s="5" t="s">
        <v>4229</v>
      </c>
      <c r="E2111" s="6">
        <v>25386</v>
      </c>
      <c r="F2111" s="5" t="s">
        <v>4230</v>
      </c>
      <c r="G2111" s="5" t="s">
        <v>4231</v>
      </c>
    </row>
    <row r="2112" spans="1:7">
      <c r="A2112" s="5" t="s">
        <v>7</v>
      </c>
      <c r="B2112" s="5">
        <v>2167</v>
      </c>
      <c r="C2112" s="5" t="s">
        <v>8</v>
      </c>
      <c r="D2112" s="5" t="s">
        <v>8</v>
      </c>
      <c r="E2112" s="6">
        <v>11001</v>
      </c>
      <c r="F2112" s="5" t="s">
        <v>4232</v>
      </c>
      <c r="G2112" s="5" t="s">
        <v>4233</v>
      </c>
    </row>
    <row r="2113" spans="1:7">
      <c r="A2113" s="5" t="s">
        <v>7</v>
      </c>
      <c r="B2113" s="5">
        <v>2168</v>
      </c>
      <c r="C2113" s="5" t="s">
        <v>8</v>
      </c>
      <c r="D2113" s="5" t="s">
        <v>8</v>
      </c>
      <c r="E2113" s="6">
        <v>11001</v>
      </c>
      <c r="F2113" s="5" t="s">
        <v>4234</v>
      </c>
      <c r="G2113" s="5" t="s">
        <v>4235</v>
      </c>
    </row>
    <row r="2114" spans="1:7">
      <c r="A2114" s="5" t="s">
        <v>7</v>
      </c>
      <c r="B2114" s="5">
        <v>2169</v>
      </c>
      <c r="C2114" s="5" t="s">
        <v>813</v>
      </c>
      <c r="D2114" s="5" t="s">
        <v>2290</v>
      </c>
      <c r="E2114" s="6">
        <v>25286</v>
      </c>
      <c r="F2114" s="5" t="s">
        <v>4236</v>
      </c>
      <c r="G2114" s="5" t="s">
        <v>4237</v>
      </c>
    </row>
    <row r="2115" spans="1:7">
      <c r="A2115" s="5" t="s">
        <v>7</v>
      </c>
      <c r="B2115" s="5">
        <v>2170</v>
      </c>
      <c r="C2115" s="5" t="s">
        <v>8</v>
      </c>
      <c r="D2115" s="5" t="s">
        <v>8</v>
      </c>
      <c r="E2115" s="6">
        <v>11001</v>
      </c>
      <c r="F2115" s="5" t="s">
        <v>4238</v>
      </c>
      <c r="G2115" s="5" t="s">
        <v>4237</v>
      </c>
    </row>
    <row r="2116" spans="1:7">
      <c r="A2116" s="5" t="s">
        <v>7</v>
      </c>
      <c r="B2116" s="5">
        <v>2171</v>
      </c>
      <c r="C2116" s="5" t="s">
        <v>8</v>
      </c>
      <c r="D2116" s="5" t="s">
        <v>8</v>
      </c>
      <c r="E2116" s="6">
        <v>11001</v>
      </c>
      <c r="F2116" s="5" t="s">
        <v>4239</v>
      </c>
      <c r="G2116" s="5" t="s">
        <v>4240</v>
      </c>
    </row>
    <row r="2117" spans="1:7">
      <c r="A2117" s="5" t="s">
        <v>7</v>
      </c>
      <c r="B2117" s="5">
        <v>2172</v>
      </c>
      <c r="C2117" s="5" t="s">
        <v>8</v>
      </c>
      <c r="D2117" s="5" t="s">
        <v>8</v>
      </c>
      <c r="E2117" s="6">
        <v>11001</v>
      </c>
      <c r="F2117" s="5" t="s">
        <v>4241</v>
      </c>
      <c r="G2117" s="5" t="s">
        <v>4242</v>
      </c>
    </row>
    <row r="2118" spans="1:7">
      <c r="A2118" s="5" t="s">
        <v>7</v>
      </c>
      <c r="B2118" s="5">
        <v>2173</v>
      </c>
      <c r="C2118" s="5" t="s">
        <v>2891</v>
      </c>
      <c r="D2118" s="5" t="s">
        <v>2892</v>
      </c>
      <c r="E2118" s="6">
        <v>13001</v>
      </c>
      <c r="F2118" s="5" t="s">
        <v>4243</v>
      </c>
      <c r="G2118" s="5" t="s">
        <v>4244</v>
      </c>
    </row>
    <row r="2119" spans="1:7">
      <c r="A2119" s="5" t="s">
        <v>7</v>
      </c>
      <c r="B2119" s="5">
        <v>2174</v>
      </c>
      <c r="C2119" s="5" t="s">
        <v>8</v>
      </c>
      <c r="D2119" s="5" t="s">
        <v>8</v>
      </c>
      <c r="E2119" s="6">
        <v>11001</v>
      </c>
      <c r="F2119" s="5" t="s">
        <v>4245</v>
      </c>
      <c r="G2119" s="5" t="s">
        <v>4246</v>
      </c>
    </row>
    <row r="2120" spans="1:7">
      <c r="A2120" s="5" t="s">
        <v>7</v>
      </c>
      <c r="B2120" s="5">
        <v>2175</v>
      </c>
      <c r="C2120" s="5" t="s">
        <v>8</v>
      </c>
      <c r="D2120" s="5" t="s">
        <v>8</v>
      </c>
      <c r="E2120" s="6">
        <v>11001</v>
      </c>
      <c r="F2120" s="5" t="s">
        <v>4247</v>
      </c>
      <c r="G2120" s="5" t="s">
        <v>4248</v>
      </c>
    </row>
    <row r="2121" spans="1:7">
      <c r="A2121" s="5" t="s">
        <v>7</v>
      </c>
      <c r="B2121" s="5">
        <v>2176</v>
      </c>
      <c r="C2121" s="5" t="s">
        <v>8</v>
      </c>
      <c r="D2121" s="5" t="s">
        <v>8</v>
      </c>
      <c r="E2121" s="6">
        <v>11001</v>
      </c>
      <c r="F2121" s="5" t="s">
        <v>4249</v>
      </c>
      <c r="G2121" s="5" t="s">
        <v>4250</v>
      </c>
    </row>
    <row r="2122" spans="1:7">
      <c r="A2122" s="5" t="s">
        <v>7</v>
      </c>
      <c r="B2122" s="5">
        <v>2177</v>
      </c>
      <c r="C2122" s="5" t="s">
        <v>3323</v>
      </c>
      <c r="D2122" s="5" t="s">
        <v>3431</v>
      </c>
      <c r="E2122" s="6">
        <v>54001</v>
      </c>
      <c r="F2122" s="5" t="s">
        <v>4251</v>
      </c>
      <c r="G2122" s="5" t="s">
        <v>4252</v>
      </c>
    </row>
    <row r="2123" spans="1:7">
      <c r="A2123" s="5" t="s">
        <v>7</v>
      </c>
      <c r="B2123" s="5">
        <v>2178</v>
      </c>
      <c r="C2123" s="5" t="s">
        <v>2891</v>
      </c>
      <c r="D2123" s="5" t="s">
        <v>2892</v>
      </c>
      <c r="E2123" s="6">
        <v>13001</v>
      </c>
      <c r="F2123" s="5" t="s">
        <v>4253</v>
      </c>
      <c r="G2123" s="5" t="s">
        <v>4254</v>
      </c>
    </row>
    <row r="2124" spans="1:7">
      <c r="A2124" s="5" t="s">
        <v>7</v>
      </c>
      <c r="B2124" s="5">
        <v>2179</v>
      </c>
      <c r="C2124" s="5" t="s">
        <v>813</v>
      </c>
      <c r="D2124" s="5" t="s">
        <v>4255</v>
      </c>
      <c r="E2124" s="6">
        <v>25053</v>
      </c>
      <c r="F2124" s="5" t="s">
        <v>4256</v>
      </c>
      <c r="G2124" s="5" t="s">
        <v>4257</v>
      </c>
    </row>
    <row r="2125" spans="1:7">
      <c r="A2125" s="5" t="s">
        <v>7</v>
      </c>
      <c r="B2125" s="5">
        <v>2180</v>
      </c>
      <c r="C2125" s="5" t="s">
        <v>8</v>
      </c>
      <c r="D2125" s="5" t="s">
        <v>8</v>
      </c>
      <c r="E2125" s="6">
        <v>11001</v>
      </c>
      <c r="F2125" s="5" t="s">
        <v>4258</v>
      </c>
      <c r="G2125" s="5" t="s">
        <v>4259</v>
      </c>
    </row>
    <row r="2126" spans="1:7">
      <c r="A2126" s="5" t="s">
        <v>7</v>
      </c>
      <c r="B2126" s="5">
        <v>2181</v>
      </c>
      <c r="C2126" s="5" t="s">
        <v>8</v>
      </c>
      <c r="D2126" s="5" t="s">
        <v>8</v>
      </c>
      <c r="E2126" s="6">
        <v>11001</v>
      </c>
      <c r="F2126" s="5" t="s">
        <v>4260</v>
      </c>
      <c r="G2126" s="5" t="s">
        <v>4261</v>
      </c>
    </row>
    <row r="2127" spans="1:7">
      <c r="A2127" s="5" t="s">
        <v>7</v>
      </c>
      <c r="B2127" s="5">
        <v>2182</v>
      </c>
      <c r="C2127" s="5" t="s">
        <v>8</v>
      </c>
      <c r="D2127" s="5" t="s">
        <v>8</v>
      </c>
      <c r="E2127" s="6">
        <v>11001</v>
      </c>
      <c r="F2127" s="5" t="s">
        <v>4262</v>
      </c>
      <c r="G2127" s="5" t="s">
        <v>4263</v>
      </c>
    </row>
    <row r="2128" spans="1:7">
      <c r="A2128" s="5" t="s">
        <v>7</v>
      </c>
      <c r="B2128" s="5">
        <v>2183</v>
      </c>
      <c r="C2128" s="5" t="s">
        <v>8</v>
      </c>
      <c r="D2128" s="5" t="s">
        <v>8</v>
      </c>
      <c r="E2128" s="6">
        <v>11001</v>
      </c>
      <c r="F2128" s="5" t="s">
        <v>4264</v>
      </c>
      <c r="G2128" s="5" t="s">
        <v>4265</v>
      </c>
    </row>
    <row r="2129" spans="1:7">
      <c r="A2129" s="5" t="s">
        <v>7</v>
      </c>
      <c r="B2129" s="5">
        <v>2184</v>
      </c>
      <c r="C2129" s="5" t="s">
        <v>8</v>
      </c>
      <c r="D2129" s="5" t="s">
        <v>8</v>
      </c>
      <c r="E2129" s="6">
        <v>11001</v>
      </c>
      <c r="F2129" s="5" t="s">
        <v>4266</v>
      </c>
      <c r="G2129" s="5" t="s">
        <v>4267</v>
      </c>
    </row>
    <row r="2130" spans="1:7">
      <c r="A2130" s="5" t="s">
        <v>7</v>
      </c>
      <c r="B2130" s="5">
        <v>2185</v>
      </c>
      <c r="C2130" s="5" t="s">
        <v>8</v>
      </c>
      <c r="D2130" s="5" t="s">
        <v>8</v>
      </c>
      <c r="E2130" s="6">
        <v>11001</v>
      </c>
      <c r="F2130" s="5" t="s">
        <v>4268</v>
      </c>
      <c r="G2130" s="5" t="s">
        <v>4269</v>
      </c>
    </row>
    <row r="2131" spans="1:7">
      <c r="A2131" s="5" t="s">
        <v>7</v>
      </c>
      <c r="B2131" s="5">
        <v>2186</v>
      </c>
      <c r="C2131" s="5" t="s">
        <v>8</v>
      </c>
      <c r="D2131" s="5" t="s">
        <v>8</v>
      </c>
      <c r="E2131" s="6">
        <v>11001</v>
      </c>
      <c r="F2131" s="5" t="s">
        <v>4270</v>
      </c>
      <c r="G2131" s="5" t="s">
        <v>4271</v>
      </c>
    </row>
    <row r="2132" spans="1:7">
      <c r="A2132" s="5" t="s">
        <v>7</v>
      </c>
      <c r="B2132" s="5">
        <v>2187</v>
      </c>
      <c r="C2132" s="5" t="s">
        <v>8</v>
      </c>
      <c r="D2132" s="5" t="s">
        <v>8</v>
      </c>
      <c r="E2132" s="6">
        <v>11001</v>
      </c>
      <c r="F2132" s="5" t="s">
        <v>4272</v>
      </c>
      <c r="G2132" s="5" t="s">
        <v>4273</v>
      </c>
    </row>
    <row r="2133" spans="1:7">
      <c r="A2133" s="5" t="s">
        <v>7</v>
      </c>
      <c r="B2133" s="5">
        <v>2188</v>
      </c>
      <c r="C2133" s="5" t="s">
        <v>8</v>
      </c>
      <c r="D2133" s="5" t="s">
        <v>8</v>
      </c>
      <c r="E2133" s="6">
        <v>11001</v>
      </c>
      <c r="F2133" s="5" t="s">
        <v>4274</v>
      </c>
      <c r="G2133" s="5" t="s">
        <v>4275</v>
      </c>
    </row>
    <row r="2134" spans="1:7">
      <c r="A2134" s="5" t="s">
        <v>7</v>
      </c>
      <c r="B2134" s="5">
        <v>2189</v>
      </c>
      <c r="C2134" s="5" t="s">
        <v>8</v>
      </c>
      <c r="D2134" s="5" t="s">
        <v>8</v>
      </c>
      <c r="E2134" s="6">
        <v>11001</v>
      </c>
      <c r="F2134" s="5" t="s">
        <v>4276</v>
      </c>
      <c r="G2134" s="5" t="s">
        <v>4277</v>
      </c>
    </row>
    <row r="2135" spans="1:7">
      <c r="A2135" s="5" t="s">
        <v>7</v>
      </c>
      <c r="B2135" s="5">
        <v>2190</v>
      </c>
      <c r="C2135" s="5" t="s">
        <v>8</v>
      </c>
      <c r="D2135" s="5" t="s">
        <v>8</v>
      </c>
      <c r="E2135" s="6">
        <v>11001</v>
      </c>
      <c r="F2135" s="5" t="s">
        <v>4278</v>
      </c>
      <c r="G2135" s="5" t="s">
        <v>4279</v>
      </c>
    </row>
    <row r="2136" spans="1:7">
      <c r="A2136" s="5" t="s">
        <v>7</v>
      </c>
      <c r="B2136" s="5">
        <v>2191</v>
      </c>
      <c r="C2136" s="5" t="s">
        <v>8</v>
      </c>
      <c r="D2136" s="5" t="s">
        <v>8</v>
      </c>
      <c r="E2136" s="6">
        <v>11001</v>
      </c>
      <c r="F2136" s="5" t="s">
        <v>4280</v>
      </c>
      <c r="G2136" s="5" t="s">
        <v>4281</v>
      </c>
    </row>
    <row r="2137" spans="1:7">
      <c r="A2137" s="5" t="s">
        <v>7</v>
      </c>
      <c r="B2137" s="5">
        <v>2192</v>
      </c>
      <c r="C2137" s="5" t="s">
        <v>8</v>
      </c>
      <c r="D2137" s="5" t="s">
        <v>8</v>
      </c>
      <c r="E2137" s="6">
        <v>11001</v>
      </c>
      <c r="F2137" s="5" t="s">
        <v>4282</v>
      </c>
      <c r="G2137" s="5" t="s">
        <v>4283</v>
      </c>
    </row>
    <row r="2138" spans="1:7">
      <c r="A2138" s="5" t="s">
        <v>7</v>
      </c>
      <c r="B2138" s="5">
        <v>2193</v>
      </c>
      <c r="C2138" s="5" t="s">
        <v>8</v>
      </c>
      <c r="D2138" s="5" t="s">
        <v>8</v>
      </c>
      <c r="E2138" s="6">
        <v>11001</v>
      </c>
      <c r="F2138" s="5" t="s">
        <v>4284</v>
      </c>
      <c r="G2138" s="5" t="s">
        <v>4285</v>
      </c>
    </row>
    <row r="2139" spans="1:7">
      <c r="A2139" s="5" t="s">
        <v>7</v>
      </c>
      <c r="B2139" s="5">
        <v>2194</v>
      </c>
      <c r="C2139" s="5" t="s">
        <v>8</v>
      </c>
      <c r="D2139" s="5" t="s">
        <v>8</v>
      </c>
      <c r="E2139" s="6">
        <v>11001</v>
      </c>
      <c r="F2139" s="5" t="s">
        <v>4286</v>
      </c>
      <c r="G2139" s="5" t="s">
        <v>4287</v>
      </c>
    </row>
    <row r="2140" spans="1:7">
      <c r="A2140" s="5" t="s">
        <v>7</v>
      </c>
      <c r="B2140" s="5">
        <v>2195</v>
      </c>
      <c r="C2140" s="5" t="s">
        <v>2891</v>
      </c>
      <c r="D2140" s="5" t="s">
        <v>2892</v>
      </c>
      <c r="E2140" s="6">
        <v>13001</v>
      </c>
      <c r="F2140" s="5" t="s">
        <v>4288</v>
      </c>
      <c r="G2140" s="5" t="s">
        <v>4289</v>
      </c>
    </row>
    <row r="2141" spans="1:7">
      <c r="A2141" s="5" t="s">
        <v>7</v>
      </c>
      <c r="B2141" s="5">
        <v>2196</v>
      </c>
      <c r="C2141" s="5" t="s">
        <v>8</v>
      </c>
      <c r="D2141" s="5" t="s">
        <v>8</v>
      </c>
      <c r="E2141" s="6">
        <v>11001</v>
      </c>
      <c r="F2141" s="5" t="s">
        <v>4290</v>
      </c>
      <c r="G2141" s="5" t="s">
        <v>4291</v>
      </c>
    </row>
    <row r="2142" spans="1:7">
      <c r="A2142" s="5" t="s">
        <v>7</v>
      </c>
      <c r="B2142" s="5">
        <v>2197</v>
      </c>
      <c r="C2142" s="5" t="s">
        <v>8</v>
      </c>
      <c r="D2142" s="5" t="s">
        <v>8</v>
      </c>
      <c r="E2142" s="6">
        <v>11001</v>
      </c>
      <c r="F2142" s="5" t="s">
        <v>4292</v>
      </c>
      <c r="G2142" s="5" t="s">
        <v>4293</v>
      </c>
    </row>
    <row r="2143" spans="1:7">
      <c r="A2143" s="5" t="s">
        <v>7</v>
      </c>
      <c r="B2143" s="5">
        <v>2198</v>
      </c>
      <c r="C2143" s="5" t="s">
        <v>8</v>
      </c>
      <c r="D2143" s="5" t="s">
        <v>8</v>
      </c>
      <c r="E2143" s="6">
        <v>11001</v>
      </c>
      <c r="F2143" s="5" t="s">
        <v>4294</v>
      </c>
      <c r="G2143" s="5" t="s">
        <v>4295</v>
      </c>
    </row>
    <row r="2144" spans="1:7">
      <c r="A2144" s="5" t="s">
        <v>7</v>
      </c>
      <c r="B2144" s="5">
        <v>2199</v>
      </c>
      <c r="C2144" s="5" t="s">
        <v>8</v>
      </c>
      <c r="D2144" s="5" t="s">
        <v>8</v>
      </c>
      <c r="E2144" s="6">
        <v>11001</v>
      </c>
      <c r="F2144" s="5" t="s">
        <v>4296</v>
      </c>
      <c r="G2144" s="5" t="s">
        <v>4297</v>
      </c>
    </row>
    <row r="2145" spans="1:7">
      <c r="A2145" s="5" t="s">
        <v>7</v>
      </c>
      <c r="B2145" s="5">
        <v>2200</v>
      </c>
      <c r="C2145" s="5" t="s">
        <v>8</v>
      </c>
      <c r="D2145" s="5" t="s">
        <v>8</v>
      </c>
      <c r="E2145" s="6">
        <v>11001</v>
      </c>
      <c r="F2145" s="5" t="s">
        <v>4298</v>
      </c>
      <c r="G2145" s="5" t="s">
        <v>4299</v>
      </c>
    </row>
    <row r="2146" spans="1:7">
      <c r="A2146" s="5" t="s">
        <v>7</v>
      </c>
      <c r="B2146" s="5">
        <v>2201</v>
      </c>
      <c r="C2146" s="5" t="s">
        <v>813</v>
      </c>
      <c r="D2146" s="5" t="s">
        <v>2290</v>
      </c>
      <c r="E2146" s="6">
        <v>25286</v>
      </c>
      <c r="F2146" s="5" t="s">
        <v>4300</v>
      </c>
      <c r="G2146" s="5" t="s">
        <v>4301</v>
      </c>
    </row>
    <row r="2147" spans="1:7">
      <c r="A2147" s="5" t="s">
        <v>7</v>
      </c>
      <c r="B2147" s="5">
        <v>2202</v>
      </c>
      <c r="C2147" s="5" t="s">
        <v>8</v>
      </c>
      <c r="D2147" s="5" t="s">
        <v>8</v>
      </c>
      <c r="E2147" s="6">
        <v>11001</v>
      </c>
      <c r="F2147" s="5" t="s">
        <v>4302</v>
      </c>
      <c r="G2147" s="5" t="s">
        <v>4303</v>
      </c>
    </row>
    <row r="2148" spans="1:7">
      <c r="A2148" s="5" t="s">
        <v>7</v>
      </c>
      <c r="B2148" s="5">
        <v>2203</v>
      </c>
      <c r="C2148" s="5" t="s">
        <v>8</v>
      </c>
      <c r="D2148" s="5" t="s">
        <v>8</v>
      </c>
      <c r="E2148" s="6">
        <v>11001</v>
      </c>
      <c r="F2148" s="5" t="s">
        <v>4304</v>
      </c>
      <c r="G2148" s="5" t="s">
        <v>4305</v>
      </c>
    </row>
    <row r="2149" spans="1:7">
      <c r="A2149" s="5" t="s">
        <v>7</v>
      </c>
      <c r="B2149" s="5">
        <v>2204</v>
      </c>
      <c r="C2149" s="5" t="s">
        <v>8</v>
      </c>
      <c r="D2149" s="5" t="s">
        <v>8</v>
      </c>
      <c r="E2149" s="6">
        <v>11001</v>
      </c>
      <c r="F2149" s="5" t="s">
        <v>4306</v>
      </c>
      <c r="G2149" s="5" t="s">
        <v>4307</v>
      </c>
    </row>
    <row r="2150" spans="1:7">
      <c r="A2150" s="5" t="s">
        <v>7</v>
      </c>
      <c r="B2150" s="5">
        <v>2205</v>
      </c>
      <c r="C2150" s="5" t="s">
        <v>8</v>
      </c>
      <c r="D2150" s="5" t="s">
        <v>8</v>
      </c>
      <c r="E2150" s="6">
        <v>11001</v>
      </c>
      <c r="F2150" s="5" t="s">
        <v>4308</v>
      </c>
      <c r="G2150" s="5" t="s">
        <v>4309</v>
      </c>
    </row>
    <row r="2151" spans="1:7">
      <c r="A2151" s="5" t="s">
        <v>7</v>
      </c>
      <c r="B2151" s="5">
        <v>2206</v>
      </c>
      <c r="C2151" s="5" t="s">
        <v>2891</v>
      </c>
      <c r="D2151" s="5" t="s">
        <v>2892</v>
      </c>
      <c r="E2151" s="6">
        <v>13001</v>
      </c>
      <c r="F2151" s="5" t="s">
        <v>4310</v>
      </c>
      <c r="G2151" s="5" t="s">
        <v>4311</v>
      </c>
    </row>
    <row r="2152" spans="1:7">
      <c r="A2152" s="5" t="s">
        <v>7</v>
      </c>
      <c r="B2152" s="5">
        <v>2207</v>
      </c>
      <c r="C2152" s="5" t="s">
        <v>2891</v>
      </c>
      <c r="D2152" s="5" t="s">
        <v>2892</v>
      </c>
      <c r="E2152" s="6">
        <v>13001</v>
      </c>
      <c r="F2152" s="5" t="s">
        <v>4312</v>
      </c>
      <c r="G2152" s="5" t="s">
        <v>4313</v>
      </c>
    </row>
    <row r="2153" spans="1:7">
      <c r="A2153" s="5" t="s">
        <v>7</v>
      </c>
      <c r="B2153" s="5">
        <v>2208</v>
      </c>
      <c r="C2153" s="5" t="s">
        <v>8</v>
      </c>
      <c r="D2153" s="5" t="s">
        <v>8</v>
      </c>
      <c r="E2153" s="6">
        <v>11001</v>
      </c>
      <c r="F2153" s="5" t="s">
        <v>4314</v>
      </c>
      <c r="G2153" s="5" t="s">
        <v>4315</v>
      </c>
    </row>
    <row r="2154" spans="1:7">
      <c r="A2154" s="5" t="s">
        <v>7</v>
      </c>
      <c r="B2154" s="5">
        <v>2209</v>
      </c>
      <c r="C2154" s="5" t="s">
        <v>8</v>
      </c>
      <c r="D2154" s="5" t="s">
        <v>8</v>
      </c>
      <c r="E2154" s="6">
        <v>11001</v>
      </c>
      <c r="F2154" s="5" t="s">
        <v>4316</v>
      </c>
      <c r="G2154" s="5" t="s">
        <v>4317</v>
      </c>
    </row>
    <row r="2155" spans="1:7">
      <c r="A2155" s="5" t="s">
        <v>7</v>
      </c>
      <c r="B2155" s="5">
        <v>2210</v>
      </c>
      <c r="C2155" s="5" t="s">
        <v>8</v>
      </c>
      <c r="D2155" s="5" t="s">
        <v>8</v>
      </c>
      <c r="E2155" s="6">
        <v>11001</v>
      </c>
      <c r="F2155" s="5" t="s">
        <v>4318</v>
      </c>
      <c r="G2155" s="5" t="s">
        <v>4319</v>
      </c>
    </row>
    <row r="2156" spans="1:7">
      <c r="A2156" s="5" t="s">
        <v>7</v>
      </c>
      <c r="B2156" s="5">
        <v>2211</v>
      </c>
      <c r="C2156" s="5" t="s">
        <v>8</v>
      </c>
      <c r="D2156" s="5" t="s">
        <v>8</v>
      </c>
      <c r="E2156" s="6">
        <v>11001</v>
      </c>
      <c r="F2156" s="5" t="s">
        <v>4320</v>
      </c>
      <c r="G2156" s="5" t="s">
        <v>4321</v>
      </c>
    </row>
    <row r="2157" spans="1:7">
      <c r="A2157" s="5" t="s">
        <v>7</v>
      </c>
      <c r="B2157" s="5">
        <v>2212</v>
      </c>
      <c r="C2157" s="5" t="s">
        <v>8</v>
      </c>
      <c r="D2157" s="5" t="s">
        <v>8</v>
      </c>
      <c r="E2157" s="6">
        <v>11001</v>
      </c>
      <c r="F2157" s="5" t="s">
        <v>4322</v>
      </c>
      <c r="G2157" s="5" t="s">
        <v>4323</v>
      </c>
    </row>
    <row r="2158" spans="1:7">
      <c r="A2158" s="5" t="s">
        <v>7</v>
      </c>
      <c r="B2158" s="5">
        <v>2213</v>
      </c>
      <c r="C2158" s="5" t="s">
        <v>813</v>
      </c>
      <c r="D2158" s="5" t="s">
        <v>814</v>
      </c>
      <c r="E2158" s="6">
        <v>25754</v>
      </c>
      <c r="F2158" s="5" t="s">
        <v>4324</v>
      </c>
      <c r="G2158" s="5" t="s">
        <v>4325</v>
      </c>
    </row>
    <row r="2159" spans="1:7">
      <c r="A2159" s="5" t="s">
        <v>7</v>
      </c>
      <c r="B2159" s="5">
        <v>2214</v>
      </c>
      <c r="C2159" s="5" t="s">
        <v>8</v>
      </c>
      <c r="D2159" s="5" t="s">
        <v>8</v>
      </c>
      <c r="E2159" s="6">
        <v>11001</v>
      </c>
      <c r="F2159" s="5" t="s">
        <v>4326</v>
      </c>
      <c r="G2159" s="5" t="s">
        <v>4327</v>
      </c>
    </row>
    <row r="2160" spans="1:7">
      <c r="A2160" s="5" t="s">
        <v>7</v>
      </c>
      <c r="B2160" s="5">
        <v>2215</v>
      </c>
      <c r="C2160" s="5" t="s">
        <v>8</v>
      </c>
      <c r="D2160" s="5" t="s">
        <v>8</v>
      </c>
      <c r="E2160" s="6">
        <v>11001</v>
      </c>
      <c r="F2160" s="5" t="s">
        <v>247</v>
      </c>
      <c r="G2160" s="5" t="s">
        <v>4328</v>
      </c>
    </row>
    <row r="2161" spans="1:7">
      <c r="A2161" s="5" t="s">
        <v>7</v>
      </c>
      <c r="B2161" s="5">
        <v>2216</v>
      </c>
      <c r="C2161" s="5" t="s">
        <v>8</v>
      </c>
      <c r="D2161" s="5" t="s">
        <v>8</v>
      </c>
      <c r="E2161" s="6">
        <v>11001</v>
      </c>
      <c r="F2161" s="5" t="s">
        <v>4329</v>
      </c>
      <c r="G2161" s="5" t="s">
        <v>4330</v>
      </c>
    </row>
    <row r="2162" spans="1:7">
      <c r="A2162" s="5" t="s">
        <v>7</v>
      </c>
      <c r="B2162" s="5">
        <v>2217</v>
      </c>
      <c r="C2162" s="5" t="s">
        <v>8</v>
      </c>
      <c r="D2162" s="5" t="s">
        <v>8</v>
      </c>
      <c r="E2162" s="6">
        <v>11001</v>
      </c>
      <c r="F2162" s="5" t="s">
        <v>4331</v>
      </c>
      <c r="G2162" s="5" t="s">
        <v>4332</v>
      </c>
    </row>
    <row r="2163" spans="1:7">
      <c r="A2163" s="5" t="s">
        <v>7</v>
      </c>
      <c r="B2163" s="5">
        <v>2218</v>
      </c>
      <c r="C2163" s="5" t="s">
        <v>8</v>
      </c>
      <c r="D2163" s="5" t="s">
        <v>8</v>
      </c>
      <c r="E2163" s="6">
        <v>11001</v>
      </c>
      <c r="F2163" s="5" t="s">
        <v>4333</v>
      </c>
      <c r="G2163" s="5" t="s">
        <v>4334</v>
      </c>
    </row>
    <row r="2164" spans="1:7">
      <c r="A2164" s="5" t="s">
        <v>7</v>
      </c>
      <c r="B2164" s="5">
        <v>2219</v>
      </c>
      <c r="C2164" s="5" t="s">
        <v>8</v>
      </c>
      <c r="D2164" s="5" t="s">
        <v>8</v>
      </c>
      <c r="E2164" s="6">
        <v>11001</v>
      </c>
      <c r="F2164" s="5" t="s">
        <v>4335</v>
      </c>
      <c r="G2164" s="5" t="s">
        <v>4336</v>
      </c>
    </row>
    <row r="2165" spans="1:7">
      <c r="A2165" s="5" t="s">
        <v>7</v>
      </c>
      <c r="B2165" s="5">
        <v>2220</v>
      </c>
      <c r="C2165" s="5" t="s">
        <v>8</v>
      </c>
      <c r="D2165" s="5" t="s">
        <v>8</v>
      </c>
      <c r="E2165" s="6">
        <v>11001</v>
      </c>
      <c r="F2165" s="5" t="s">
        <v>4337</v>
      </c>
      <c r="G2165" s="5" t="s">
        <v>4338</v>
      </c>
    </row>
    <row r="2166" spans="1:7">
      <c r="A2166" s="5" t="s">
        <v>7</v>
      </c>
      <c r="B2166" s="5">
        <v>2221</v>
      </c>
      <c r="C2166" s="5" t="s">
        <v>2891</v>
      </c>
      <c r="D2166" s="5" t="s">
        <v>2892</v>
      </c>
      <c r="E2166" s="6">
        <v>13001</v>
      </c>
      <c r="F2166" s="5" t="s">
        <v>4339</v>
      </c>
      <c r="G2166" s="5" t="s">
        <v>4340</v>
      </c>
    </row>
    <row r="2167" spans="1:7">
      <c r="A2167" s="5" t="s">
        <v>7</v>
      </c>
      <c r="B2167" s="5">
        <v>2222</v>
      </c>
      <c r="C2167" s="5" t="s">
        <v>8</v>
      </c>
      <c r="D2167" s="5" t="s">
        <v>8</v>
      </c>
      <c r="E2167" s="6">
        <v>11001</v>
      </c>
      <c r="F2167" s="5" t="s">
        <v>4341</v>
      </c>
      <c r="G2167" s="5" t="s">
        <v>4342</v>
      </c>
    </row>
    <row r="2168" spans="1:7">
      <c r="A2168" s="5" t="s">
        <v>7</v>
      </c>
      <c r="B2168" s="5">
        <v>2223</v>
      </c>
      <c r="C2168" s="5" t="s">
        <v>2891</v>
      </c>
      <c r="D2168" s="5" t="s">
        <v>2892</v>
      </c>
      <c r="E2168" s="6">
        <v>13001</v>
      </c>
      <c r="F2168" s="5" t="s">
        <v>4343</v>
      </c>
      <c r="G2168" s="5" t="s">
        <v>4344</v>
      </c>
    </row>
    <row r="2169" spans="1:7">
      <c r="A2169" s="5" t="s">
        <v>7</v>
      </c>
      <c r="B2169" s="5">
        <v>2224</v>
      </c>
      <c r="C2169" s="5" t="s">
        <v>8</v>
      </c>
      <c r="D2169" s="5" t="s">
        <v>8</v>
      </c>
      <c r="E2169" s="6">
        <v>11001</v>
      </c>
      <c r="F2169" s="5" t="s">
        <v>4345</v>
      </c>
      <c r="G2169" s="5" t="s">
        <v>4346</v>
      </c>
    </row>
    <row r="2170" spans="1:7">
      <c r="A2170" s="5" t="s">
        <v>7</v>
      </c>
      <c r="B2170" s="5">
        <v>2225</v>
      </c>
      <c r="C2170" s="5" t="s">
        <v>8</v>
      </c>
      <c r="D2170" s="5" t="s">
        <v>8</v>
      </c>
      <c r="E2170" s="6">
        <v>11001</v>
      </c>
      <c r="F2170" s="5" t="s">
        <v>4347</v>
      </c>
      <c r="G2170" s="5" t="s">
        <v>4348</v>
      </c>
    </row>
    <row r="2171" spans="1:7">
      <c r="A2171" s="5" t="s">
        <v>7</v>
      </c>
      <c r="B2171" s="5">
        <v>2226</v>
      </c>
      <c r="C2171" s="5" t="s">
        <v>8</v>
      </c>
      <c r="D2171" s="5" t="s">
        <v>8</v>
      </c>
      <c r="E2171" s="6">
        <v>11001</v>
      </c>
      <c r="F2171" s="5" t="s">
        <v>4349</v>
      </c>
      <c r="G2171" s="5" t="s">
        <v>4350</v>
      </c>
    </row>
    <row r="2172" spans="1:7">
      <c r="A2172" s="5" t="s">
        <v>7</v>
      </c>
      <c r="B2172" s="5">
        <v>2227</v>
      </c>
      <c r="C2172" s="5" t="s">
        <v>8</v>
      </c>
      <c r="D2172" s="5" t="s">
        <v>8</v>
      </c>
      <c r="E2172" s="6">
        <v>11001</v>
      </c>
      <c r="F2172" s="5" t="s">
        <v>4351</v>
      </c>
      <c r="G2172" s="5" t="s">
        <v>4352</v>
      </c>
    </row>
    <row r="2173" spans="1:7">
      <c r="A2173" s="5" t="s">
        <v>7</v>
      </c>
      <c r="B2173" s="5">
        <v>2228</v>
      </c>
      <c r="C2173" s="5" t="s">
        <v>813</v>
      </c>
      <c r="D2173" s="5" t="s">
        <v>2290</v>
      </c>
      <c r="E2173" s="6">
        <v>25286</v>
      </c>
      <c r="F2173" s="5" t="s">
        <v>4353</v>
      </c>
      <c r="G2173" s="5" t="s">
        <v>4354</v>
      </c>
    </row>
    <row r="2174" spans="1:7">
      <c r="A2174" s="5" t="s">
        <v>7</v>
      </c>
      <c r="B2174" s="5">
        <v>2231</v>
      </c>
      <c r="C2174" s="5" t="s">
        <v>8</v>
      </c>
      <c r="D2174" s="5" t="s">
        <v>8</v>
      </c>
      <c r="E2174" s="6">
        <v>11001</v>
      </c>
      <c r="F2174" s="5" t="s">
        <v>3436</v>
      </c>
      <c r="G2174" s="5" t="s">
        <v>3437</v>
      </c>
    </row>
    <row r="2175" spans="1:7">
      <c r="A2175" s="5" t="s">
        <v>7</v>
      </c>
      <c r="B2175" s="5">
        <v>2233</v>
      </c>
      <c r="C2175" s="5" t="s">
        <v>8</v>
      </c>
      <c r="D2175" s="5" t="s">
        <v>8</v>
      </c>
      <c r="E2175" s="6">
        <v>11001</v>
      </c>
      <c r="F2175" s="5" t="s">
        <v>4355</v>
      </c>
      <c r="G2175" s="5" t="s">
        <v>4356</v>
      </c>
    </row>
    <row r="2176" spans="1:7">
      <c r="A2176" s="5" t="s">
        <v>7</v>
      </c>
      <c r="B2176" s="5">
        <v>2234</v>
      </c>
      <c r="C2176" s="5" t="s">
        <v>4357</v>
      </c>
      <c r="D2176" s="5" t="s">
        <v>4358</v>
      </c>
      <c r="E2176" s="6">
        <v>66001</v>
      </c>
      <c r="F2176" s="5" t="s">
        <v>4359</v>
      </c>
      <c r="G2176" s="5" t="s">
        <v>4360</v>
      </c>
    </row>
    <row r="2177" spans="1:7">
      <c r="A2177" s="5" t="s">
        <v>7</v>
      </c>
      <c r="B2177" s="5">
        <v>2235</v>
      </c>
      <c r="C2177" s="5" t="s">
        <v>8</v>
      </c>
      <c r="D2177" s="5" t="s">
        <v>8</v>
      </c>
      <c r="E2177" s="6">
        <v>11001</v>
      </c>
      <c r="F2177" s="5" t="s">
        <v>4361</v>
      </c>
      <c r="G2177" s="5" t="s">
        <v>4362</v>
      </c>
    </row>
    <row r="2178" spans="1:7">
      <c r="A2178" s="5" t="s">
        <v>7</v>
      </c>
      <c r="B2178" s="5">
        <v>2236</v>
      </c>
      <c r="C2178" s="5" t="s">
        <v>8</v>
      </c>
      <c r="D2178" s="5" t="s">
        <v>8</v>
      </c>
      <c r="E2178" s="6">
        <v>11001</v>
      </c>
      <c r="F2178" s="5" t="s">
        <v>4363</v>
      </c>
      <c r="G2178" s="5" t="s">
        <v>4364</v>
      </c>
    </row>
    <row r="2179" spans="1:7">
      <c r="A2179" s="5" t="s">
        <v>7</v>
      </c>
      <c r="B2179" s="5">
        <v>2238</v>
      </c>
      <c r="C2179" s="5" t="s">
        <v>8</v>
      </c>
      <c r="D2179" s="5" t="s">
        <v>8</v>
      </c>
      <c r="E2179" s="6">
        <v>11001</v>
      </c>
      <c r="F2179" s="5" t="s">
        <v>4365</v>
      </c>
      <c r="G2179" s="5" t="s">
        <v>3070</v>
      </c>
    </row>
    <row r="2180" spans="1:7">
      <c r="A2180" s="5" t="s">
        <v>7</v>
      </c>
      <c r="B2180" s="5">
        <v>2240</v>
      </c>
      <c r="C2180" s="5" t="s">
        <v>8</v>
      </c>
      <c r="D2180" s="5" t="s">
        <v>8</v>
      </c>
      <c r="E2180" s="6">
        <v>11001</v>
      </c>
      <c r="F2180" s="5" t="s">
        <v>4366</v>
      </c>
      <c r="G2180" s="5" t="s">
        <v>4367</v>
      </c>
    </row>
    <row r="2181" spans="1:7">
      <c r="A2181" s="5" t="s">
        <v>7</v>
      </c>
      <c r="B2181" s="5">
        <v>2241</v>
      </c>
      <c r="C2181" s="5" t="s">
        <v>4368</v>
      </c>
      <c r="D2181" s="5" t="s">
        <v>4369</v>
      </c>
      <c r="E2181" s="6">
        <v>15176</v>
      </c>
      <c r="F2181" s="5" t="s">
        <v>4370</v>
      </c>
      <c r="G2181" s="5" t="s">
        <v>4371</v>
      </c>
    </row>
    <row r="2182" spans="1:7">
      <c r="A2182" s="5" t="s">
        <v>7</v>
      </c>
      <c r="B2182" s="5">
        <v>2242</v>
      </c>
      <c r="C2182" s="5" t="s">
        <v>4143</v>
      </c>
      <c r="D2182" s="5" t="s">
        <v>4372</v>
      </c>
      <c r="E2182" s="6">
        <v>44430</v>
      </c>
      <c r="F2182" s="5" t="s">
        <v>4373</v>
      </c>
      <c r="G2182" s="5" t="s">
        <v>4374</v>
      </c>
    </row>
    <row r="2183" spans="1:7">
      <c r="A2183" s="5" t="s">
        <v>7</v>
      </c>
      <c r="B2183" s="5">
        <v>2243</v>
      </c>
      <c r="C2183" s="5" t="s">
        <v>813</v>
      </c>
      <c r="D2183" s="5" t="s">
        <v>814</v>
      </c>
      <c r="E2183" s="6">
        <v>25754</v>
      </c>
      <c r="F2183" s="5" t="s">
        <v>4375</v>
      </c>
      <c r="G2183" s="5" t="s">
        <v>4376</v>
      </c>
    </row>
    <row r="2184" spans="1:7">
      <c r="A2184" s="5" t="s">
        <v>7</v>
      </c>
      <c r="B2184" s="5">
        <v>2248</v>
      </c>
      <c r="C2184" s="5" t="s">
        <v>2891</v>
      </c>
      <c r="D2184" s="5" t="s">
        <v>2892</v>
      </c>
      <c r="E2184" s="6">
        <v>13001</v>
      </c>
      <c r="F2184" s="5" t="s">
        <v>4377</v>
      </c>
      <c r="G2184" s="5" t="s">
        <v>4378</v>
      </c>
    </row>
    <row r="2185" spans="1:7">
      <c r="A2185" s="5" t="s">
        <v>7</v>
      </c>
      <c r="B2185" s="5">
        <v>2249</v>
      </c>
      <c r="C2185" s="5" t="s">
        <v>2891</v>
      </c>
      <c r="D2185" s="5" t="s">
        <v>2892</v>
      </c>
      <c r="E2185" s="6">
        <v>13001</v>
      </c>
      <c r="F2185" s="5" t="s">
        <v>4379</v>
      </c>
      <c r="G2185" s="5" t="s">
        <v>4380</v>
      </c>
    </row>
    <row r="2186" spans="1:7">
      <c r="A2186" s="5" t="s">
        <v>7</v>
      </c>
      <c r="B2186" s="5">
        <v>2250</v>
      </c>
      <c r="C2186" s="5" t="s">
        <v>8</v>
      </c>
      <c r="D2186" s="5" t="s">
        <v>8</v>
      </c>
      <c r="E2186" s="6">
        <v>11001</v>
      </c>
      <c r="F2186" s="5" t="s">
        <v>4381</v>
      </c>
      <c r="G2186" s="5" t="s">
        <v>4382</v>
      </c>
    </row>
    <row r="2187" spans="1:7">
      <c r="A2187" s="5" t="s">
        <v>7</v>
      </c>
      <c r="B2187" s="5">
        <v>2251</v>
      </c>
      <c r="C2187" s="5" t="s">
        <v>8</v>
      </c>
      <c r="D2187" s="5" t="s">
        <v>8</v>
      </c>
      <c r="E2187" s="6">
        <v>11001</v>
      </c>
      <c r="F2187" s="5" t="s">
        <v>4383</v>
      </c>
      <c r="G2187" s="5" t="s">
        <v>4384</v>
      </c>
    </row>
    <row r="2188" spans="1:7">
      <c r="A2188" s="5" t="s">
        <v>7</v>
      </c>
      <c r="B2188" s="5">
        <v>2252</v>
      </c>
      <c r="C2188" s="5" t="s">
        <v>8</v>
      </c>
      <c r="D2188" s="5" t="s">
        <v>8</v>
      </c>
      <c r="E2188" s="6">
        <v>11001</v>
      </c>
      <c r="F2188" s="5" t="s">
        <v>4385</v>
      </c>
      <c r="G2188" s="5" t="s">
        <v>4386</v>
      </c>
    </row>
    <row r="2189" spans="1:7">
      <c r="A2189" s="5" t="s">
        <v>7</v>
      </c>
      <c r="B2189" s="5">
        <v>2253</v>
      </c>
      <c r="C2189" s="5" t="s">
        <v>8</v>
      </c>
      <c r="D2189" s="5" t="s">
        <v>8</v>
      </c>
      <c r="E2189" s="6">
        <v>11001</v>
      </c>
      <c r="F2189" s="5" t="s">
        <v>4387</v>
      </c>
      <c r="G2189" s="5" t="s">
        <v>4388</v>
      </c>
    </row>
    <row r="2190" spans="1:7">
      <c r="A2190" s="5" t="s">
        <v>7</v>
      </c>
      <c r="B2190" s="5">
        <v>2254</v>
      </c>
      <c r="C2190" s="5" t="s">
        <v>8</v>
      </c>
      <c r="D2190" s="5" t="s">
        <v>8</v>
      </c>
      <c r="E2190" s="6">
        <v>11001</v>
      </c>
      <c r="F2190" s="5" t="s">
        <v>4389</v>
      </c>
      <c r="G2190" s="5" t="s">
        <v>4390</v>
      </c>
    </row>
    <row r="2191" spans="1:7">
      <c r="A2191" s="5" t="s">
        <v>7</v>
      </c>
      <c r="B2191" s="5">
        <v>2255</v>
      </c>
      <c r="C2191" s="5" t="s">
        <v>8</v>
      </c>
      <c r="D2191" s="5" t="s">
        <v>8</v>
      </c>
      <c r="E2191" s="6">
        <v>11001</v>
      </c>
      <c r="F2191" s="5" t="s">
        <v>4391</v>
      </c>
      <c r="G2191" s="5" t="s">
        <v>4392</v>
      </c>
    </row>
    <row r="2192" spans="1:7">
      <c r="A2192" s="5" t="s">
        <v>7</v>
      </c>
      <c r="B2192" s="5">
        <v>2256</v>
      </c>
      <c r="C2192" s="5" t="s">
        <v>8</v>
      </c>
      <c r="D2192" s="5" t="s">
        <v>8</v>
      </c>
      <c r="E2192" s="6">
        <v>11001</v>
      </c>
      <c r="F2192" s="5" t="s">
        <v>4393</v>
      </c>
      <c r="G2192" s="5" t="s">
        <v>4394</v>
      </c>
    </row>
    <row r="2193" spans="1:7">
      <c r="A2193" s="5" t="s">
        <v>7</v>
      </c>
      <c r="B2193" s="5">
        <v>2257</v>
      </c>
      <c r="C2193" s="5" t="s">
        <v>8</v>
      </c>
      <c r="D2193" s="5" t="s">
        <v>8</v>
      </c>
      <c r="E2193" s="6">
        <v>11001</v>
      </c>
      <c r="F2193" s="5" t="s">
        <v>4395</v>
      </c>
      <c r="G2193" s="5" t="s">
        <v>4396</v>
      </c>
    </row>
    <row r="2194" spans="1:7">
      <c r="A2194" s="5" t="s">
        <v>7</v>
      </c>
      <c r="B2194" s="5">
        <v>2258</v>
      </c>
      <c r="C2194" s="5" t="s">
        <v>8</v>
      </c>
      <c r="D2194" s="5" t="s">
        <v>8</v>
      </c>
      <c r="E2194" s="6">
        <v>11001</v>
      </c>
      <c r="F2194" s="5" t="s">
        <v>4397</v>
      </c>
      <c r="G2194" s="5" t="s">
        <v>4398</v>
      </c>
    </row>
    <row r="2195" spans="1:7">
      <c r="A2195" s="5" t="s">
        <v>7</v>
      </c>
      <c r="B2195" s="5">
        <v>2259</v>
      </c>
      <c r="C2195" s="5" t="s">
        <v>8</v>
      </c>
      <c r="D2195" s="5" t="s">
        <v>8</v>
      </c>
      <c r="E2195" s="6">
        <v>11001</v>
      </c>
      <c r="F2195" s="5" t="s">
        <v>4399</v>
      </c>
      <c r="G2195" s="5" t="s">
        <v>4400</v>
      </c>
    </row>
    <row r="2196" spans="1:7">
      <c r="A2196" s="5" t="s">
        <v>7</v>
      </c>
      <c r="B2196" s="5">
        <v>2260</v>
      </c>
      <c r="C2196" s="5" t="s">
        <v>8</v>
      </c>
      <c r="D2196" s="5" t="s">
        <v>8</v>
      </c>
      <c r="E2196" s="6">
        <v>11001</v>
      </c>
      <c r="F2196" s="5" t="s">
        <v>4401</v>
      </c>
      <c r="G2196" s="5" t="s">
        <v>4402</v>
      </c>
    </row>
    <row r="2197" spans="1:7">
      <c r="A2197" s="5" t="s">
        <v>7</v>
      </c>
      <c r="B2197" s="5">
        <v>2261</v>
      </c>
      <c r="C2197" s="5" t="s">
        <v>8</v>
      </c>
      <c r="D2197" s="5" t="s">
        <v>8</v>
      </c>
      <c r="E2197" s="6">
        <v>11001</v>
      </c>
      <c r="F2197" s="5" t="s">
        <v>4403</v>
      </c>
      <c r="G2197" s="5" t="s">
        <v>4404</v>
      </c>
    </row>
    <row r="2198" spans="1:7">
      <c r="A2198" s="5" t="s">
        <v>7</v>
      </c>
      <c r="B2198" s="5">
        <v>2262</v>
      </c>
      <c r="C2198" s="5" t="s">
        <v>8</v>
      </c>
      <c r="D2198" s="5" t="s">
        <v>8</v>
      </c>
      <c r="E2198" s="6">
        <v>11001</v>
      </c>
      <c r="F2198" s="5" t="s">
        <v>4405</v>
      </c>
      <c r="G2198" s="5" t="s">
        <v>4406</v>
      </c>
    </row>
    <row r="2199" spans="1:7">
      <c r="A2199" s="5" t="s">
        <v>7</v>
      </c>
      <c r="B2199" s="5">
        <v>2263</v>
      </c>
      <c r="C2199" s="5" t="s">
        <v>8</v>
      </c>
      <c r="D2199" s="5" t="s">
        <v>8</v>
      </c>
      <c r="E2199" s="6">
        <v>11001</v>
      </c>
      <c r="F2199" s="5" t="s">
        <v>4407</v>
      </c>
      <c r="G2199" s="5" t="s">
        <v>4408</v>
      </c>
    </row>
    <row r="2200" spans="1:7">
      <c r="A2200" s="5" t="s">
        <v>7</v>
      </c>
      <c r="B2200" s="5">
        <v>2264</v>
      </c>
      <c r="C2200" s="5" t="s">
        <v>8</v>
      </c>
      <c r="D2200" s="5" t="s">
        <v>8</v>
      </c>
      <c r="E2200" s="6">
        <v>11001</v>
      </c>
      <c r="F2200" s="5" t="s">
        <v>4409</v>
      </c>
      <c r="G2200" s="5" t="s">
        <v>4410</v>
      </c>
    </row>
    <row r="2201" spans="1:7">
      <c r="A2201" s="5" t="s">
        <v>7</v>
      </c>
      <c r="B2201" s="5">
        <v>2265</v>
      </c>
      <c r="C2201" s="5" t="s">
        <v>8</v>
      </c>
      <c r="D2201" s="5" t="s">
        <v>8</v>
      </c>
      <c r="E2201" s="6">
        <v>11001</v>
      </c>
      <c r="F2201" s="5" t="s">
        <v>4411</v>
      </c>
      <c r="G2201" s="5" t="s">
        <v>4412</v>
      </c>
    </row>
    <row r="2202" spans="1:7">
      <c r="A2202" s="5" t="s">
        <v>7</v>
      </c>
      <c r="B2202" s="5">
        <v>2266</v>
      </c>
      <c r="C2202" s="5" t="s">
        <v>8</v>
      </c>
      <c r="D2202" s="5" t="s">
        <v>8</v>
      </c>
      <c r="E2202" s="6">
        <v>11001</v>
      </c>
      <c r="F2202" s="5" t="s">
        <v>4413</v>
      </c>
      <c r="G2202" s="5" t="s">
        <v>4414</v>
      </c>
    </row>
    <row r="2203" spans="1:7">
      <c r="A2203" s="5" t="s">
        <v>7</v>
      </c>
      <c r="B2203" s="5">
        <v>2267</v>
      </c>
      <c r="C2203" s="5" t="s">
        <v>8</v>
      </c>
      <c r="D2203" s="5" t="s">
        <v>8</v>
      </c>
      <c r="E2203" s="6">
        <v>11001</v>
      </c>
      <c r="F2203" s="5" t="s">
        <v>4415</v>
      </c>
      <c r="G2203" s="5" t="s">
        <v>4416</v>
      </c>
    </row>
    <row r="2204" spans="1:7">
      <c r="A2204" s="5" t="s">
        <v>7</v>
      </c>
      <c r="B2204" s="5">
        <v>2268</v>
      </c>
      <c r="C2204" s="5" t="s">
        <v>8</v>
      </c>
      <c r="D2204" s="5" t="s">
        <v>8</v>
      </c>
      <c r="E2204" s="6">
        <v>11001</v>
      </c>
      <c r="F2204" s="5" t="s">
        <v>4417</v>
      </c>
      <c r="G2204" s="5" t="s">
        <v>4418</v>
      </c>
    </row>
    <row r="2205" spans="1:7">
      <c r="A2205" s="5" t="s">
        <v>7</v>
      </c>
      <c r="B2205" s="5">
        <v>2269</v>
      </c>
      <c r="C2205" s="5" t="s">
        <v>8</v>
      </c>
      <c r="D2205" s="5" t="s">
        <v>8</v>
      </c>
      <c r="E2205" s="6">
        <v>11001</v>
      </c>
      <c r="F2205" s="5" t="s">
        <v>4419</v>
      </c>
      <c r="G2205" s="5" t="s">
        <v>4420</v>
      </c>
    </row>
    <row r="2206" spans="1:7">
      <c r="A2206" s="5" t="s">
        <v>7</v>
      </c>
      <c r="B2206" s="5">
        <v>2270</v>
      </c>
      <c r="C2206" s="5" t="s">
        <v>8</v>
      </c>
      <c r="D2206" s="5" t="s">
        <v>8</v>
      </c>
      <c r="E2206" s="6">
        <v>11001</v>
      </c>
      <c r="F2206" s="5" t="s">
        <v>4421</v>
      </c>
      <c r="G2206" s="5" t="s">
        <v>4422</v>
      </c>
    </row>
    <row r="2207" spans="1:7">
      <c r="A2207" s="5" t="s">
        <v>7</v>
      </c>
      <c r="B2207" s="5">
        <v>2271</v>
      </c>
      <c r="C2207" s="5" t="s">
        <v>8</v>
      </c>
      <c r="D2207" s="5" t="s">
        <v>8</v>
      </c>
      <c r="E2207" s="6">
        <v>11001</v>
      </c>
      <c r="F2207" s="5" t="s">
        <v>4423</v>
      </c>
      <c r="G2207" s="5" t="s">
        <v>2902</v>
      </c>
    </row>
    <row r="2208" spans="1:7">
      <c r="A2208" s="5" t="s">
        <v>7</v>
      </c>
      <c r="B2208" s="5">
        <v>2272</v>
      </c>
      <c r="C2208" s="5" t="s">
        <v>8</v>
      </c>
      <c r="D2208" s="5" t="s">
        <v>8</v>
      </c>
      <c r="E2208" s="6">
        <v>11001</v>
      </c>
      <c r="F2208" s="5" t="s">
        <v>4424</v>
      </c>
      <c r="G2208" s="5" t="s">
        <v>4425</v>
      </c>
    </row>
    <row r="2209" spans="1:7">
      <c r="A2209" s="5" t="s">
        <v>7</v>
      </c>
      <c r="B2209" s="5">
        <v>2273</v>
      </c>
      <c r="C2209" s="5" t="s">
        <v>8</v>
      </c>
      <c r="D2209" s="5" t="s">
        <v>8</v>
      </c>
      <c r="E2209" s="6">
        <v>11001</v>
      </c>
      <c r="F2209" s="5" t="s">
        <v>4426</v>
      </c>
      <c r="G2209" s="5" t="s">
        <v>4427</v>
      </c>
    </row>
    <row r="2210" spans="1:7">
      <c r="A2210" s="5" t="s">
        <v>7</v>
      </c>
      <c r="B2210" s="5">
        <v>2274</v>
      </c>
      <c r="C2210" s="5" t="s">
        <v>8</v>
      </c>
      <c r="D2210" s="5" t="s">
        <v>8</v>
      </c>
      <c r="E2210" s="6">
        <v>11001</v>
      </c>
      <c r="F2210" s="5" t="s">
        <v>4428</v>
      </c>
      <c r="G2210" s="5" t="s">
        <v>4429</v>
      </c>
    </row>
    <row r="2211" spans="1:7">
      <c r="A2211" s="5" t="s">
        <v>7</v>
      </c>
      <c r="B2211" s="5">
        <v>2275</v>
      </c>
      <c r="C2211" s="5" t="s">
        <v>8</v>
      </c>
      <c r="D2211" s="5" t="s">
        <v>8</v>
      </c>
      <c r="E2211" s="6">
        <v>11001</v>
      </c>
      <c r="F2211" s="5" t="s">
        <v>4430</v>
      </c>
      <c r="G2211" s="5" t="s">
        <v>4431</v>
      </c>
    </row>
    <row r="2212" spans="1:7">
      <c r="A2212" s="5" t="s">
        <v>7</v>
      </c>
      <c r="B2212" s="5">
        <v>2276</v>
      </c>
      <c r="C2212" s="5" t="s">
        <v>2891</v>
      </c>
      <c r="D2212" s="5" t="s">
        <v>2892</v>
      </c>
      <c r="E2212" s="6">
        <v>13001</v>
      </c>
      <c r="F2212" s="5" t="s">
        <v>4432</v>
      </c>
      <c r="G2212" s="5" t="s">
        <v>4433</v>
      </c>
    </row>
    <row r="2213" spans="1:7">
      <c r="A2213" s="5" t="s">
        <v>7</v>
      </c>
      <c r="B2213" s="5">
        <v>2277</v>
      </c>
      <c r="C2213" s="5" t="s">
        <v>2891</v>
      </c>
      <c r="D2213" s="5" t="s">
        <v>2892</v>
      </c>
      <c r="E2213" s="6">
        <v>13001</v>
      </c>
      <c r="F2213" s="5" t="s">
        <v>4434</v>
      </c>
      <c r="G2213" s="5" t="s">
        <v>4435</v>
      </c>
    </row>
    <row r="2214" spans="1:7">
      <c r="A2214" s="5" t="s">
        <v>7</v>
      </c>
      <c r="B2214" s="5">
        <v>2278</v>
      </c>
      <c r="C2214" s="5" t="s">
        <v>2891</v>
      </c>
      <c r="D2214" s="5" t="s">
        <v>2892</v>
      </c>
      <c r="E2214" s="6">
        <v>13001</v>
      </c>
      <c r="F2214" s="5" t="s">
        <v>4436</v>
      </c>
      <c r="G2214" s="5" t="s">
        <v>4437</v>
      </c>
    </row>
    <row r="2215" spans="1:7">
      <c r="A2215" s="5" t="s">
        <v>7</v>
      </c>
      <c r="B2215" s="5">
        <v>2279</v>
      </c>
      <c r="C2215" s="5" t="s">
        <v>8</v>
      </c>
      <c r="D2215" s="5" t="s">
        <v>8</v>
      </c>
      <c r="E2215" s="6">
        <v>11001</v>
      </c>
      <c r="F2215" s="5" t="s">
        <v>4438</v>
      </c>
      <c r="G2215" s="5" t="s">
        <v>4439</v>
      </c>
    </row>
    <row r="2216" spans="1:7">
      <c r="A2216" s="5" t="s">
        <v>7</v>
      </c>
      <c r="B2216" s="5">
        <v>2280</v>
      </c>
      <c r="C2216" s="5" t="s">
        <v>8</v>
      </c>
      <c r="D2216" s="5" t="s">
        <v>8</v>
      </c>
      <c r="E2216" s="6">
        <v>11001</v>
      </c>
      <c r="F2216" s="5" t="s">
        <v>4440</v>
      </c>
      <c r="G2216" s="5" t="s">
        <v>4441</v>
      </c>
    </row>
    <row r="2217" spans="1:7">
      <c r="A2217" s="5" t="s">
        <v>7</v>
      </c>
      <c r="B2217" s="5">
        <v>2281</v>
      </c>
      <c r="C2217" s="5" t="s">
        <v>8</v>
      </c>
      <c r="D2217" s="5" t="s">
        <v>8</v>
      </c>
      <c r="E2217" s="6">
        <v>11001</v>
      </c>
      <c r="F2217" s="5" t="s">
        <v>4442</v>
      </c>
      <c r="G2217" s="5" t="s">
        <v>4443</v>
      </c>
    </row>
    <row r="2218" spans="1:7">
      <c r="A2218" s="5" t="s">
        <v>7</v>
      </c>
      <c r="B2218" s="5">
        <v>2282</v>
      </c>
      <c r="C2218" s="5" t="s">
        <v>8</v>
      </c>
      <c r="D2218" s="5" t="s">
        <v>8</v>
      </c>
      <c r="E2218" s="6">
        <v>11001</v>
      </c>
      <c r="F2218" s="5" t="s">
        <v>4444</v>
      </c>
      <c r="G2218" s="5" t="s">
        <v>4445</v>
      </c>
    </row>
    <row r="2219" spans="1:7">
      <c r="A2219" s="5" t="s">
        <v>7</v>
      </c>
      <c r="B2219" s="5">
        <v>2283</v>
      </c>
      <c r="C2219" s="5" t="s">
        <v>8</v>
      </c>
      <c r="D2219" s="5" t="s">
        <v>8</v>
      </c>
      <c r="E2219" s="6">
        <v>11001</v>
      </c>
      <c r="F2219" s="5" t="s">
        <v>4446</v>
      </c>
      <c r="G2219" s="5" t="s">
        <v>4447</v>
      </c>
    </row>
    <row r="2220" spans="1:7">
      <c r="A2220" s="5" t="s">
        <v>7</v>
      </c>
      <c r="B2220" s="5">
        <v>2284</v>
      </c>
      <c r="C2220" s="5" t="s">
        <v>8</v>
      </c>
      <c r="D2220" s="5" t="s">
        <v>8</v>
      </c>
      <c r="E2220" s="6">
        <v>11001</v>
      </c>
      <c r="F2220" s="5" t="s">
        <v>4448</v>
      </c>
      <c r="G2220" s="5" t="s">
        <v>4449</v>
      </c>
    </row>
    <row r="2221" spans="1:7">
      <c r="A2221" s="5" t="s">
        <v>7</v>
      </c>
      <c r="B2221" s="5">
        <v>2285</v>
      </c>
      <c r="C2221" s="5" t="s">
        <v>8</v>
      </c>
      <c r="D2221" s="5" t="s">
        <v>8</v>
      </c>
      <c r="E2221" s="6">
        <v>11001</v>
      </c>
      <c r="F2221" s="5" t="s">
        <v>4450</v>
      </c>
      <c r="G2221" s="5" t="s">
        <v>4451</v>
      </c>
    </row>
    <row r="2222" spans="1:7">
      <c r="A2222" s="5" t="s">
        <v>7</v>
      </c>
      <c r="B2222" s="5">
        <v>2286</v>
      </c>
      <c r="C2222" s="5" t="s">
        <v>8</v>
      </c>
      <c r="D2222" s="5" t="s">
        <v>8</v>
      </c>
      <c r="E2222" s="6">
        <v>11001</v>
      </c>
      <c r="F2222" s="5" t="s">
        <v>4452</v>
      </c>
      <c r="G2222" s="5" t="s">
        <v>4453</v>
      </c>
    </row>
    <row r="2223" spans="1:7">
      <c r="A2223" s="5" t="s">
        <v>7</v>
      </c>
      <c r="B2223" s="5">
        <v>2287</v>
      </c>
      <c r="C2223" s="5" t="s">
        <v>2891</v>
      </c>
      <c r="D2223" s="5" t="s">
        <v>2892</v>
      </c>
      <c r="E2223" s="6">
        <v>13001</v>
      </c>
      <c r="F2223" s="5" t="s">
        <v>4454</v>
      </c>
      <c r="G2223" s="5" t="s">
        <v>4455</v>
      </c>
    </row>
    <row r="2224" spans="1:7">
      <c r="A2224" s="5" t="s">
        <v>7</v>
      </c>
      <c r="B2224" s="5">
        <v>2288</v>
      </c>
      <c r="C2224" s="5" t="s">
        <v>813</v>
      </c>
      <c r="D2224" s="5" t="s">
        <v>814</v>
      </c>
      <c r="E2224" s="6">
        <v>25754</v>
      </c>
      <c r="F2224" s="5" t="s">
        <v>4456</v>
      </c>
      <c r="G2224" s="5" t="s">
        <v>4457</v>
      </c>
    </row>
    <row r="2225" spans="1:7">
      <c r="A2225" s="5" t="s">
        <v>7</v>
      </c>
      <c r="B2225" s="5">
        <v>2289</v>
      </c>
      <c r="C2225" s="5" t="s">
        <v>8</v>
      </c>
      <c r="D2225" s="5" t="s">
        <v>8</v>
      </c>
      <c r="E2225" s="6">
        <v>11001</v>
      </c>
      <c r="F2225" s="5" t="s">
        <v>4458</v>
      </c>
      <c r="G2225" s="5" t="s">
        <v>4459</v>
      </c>
    </row>
    <row r="2226" spans="1:7">
      <c r="A2226" s="5" t="s">
        <v>7</v>
      </c>
      <c r="B2226" s="5">
        <v>2290</v>
      </c>
      <c r="C2226" s="5" t="s">
        <v>8</v>
      </c>
      <c r="D2226" s="5" t="s">
        <v>8</v>
      </c>
      <c r="E2226" s="6">
        <v>11001</v>
      </c>
      <c r="F2226" s="5" t="s">
        <v>4460</v>
      </c>
      <c r="G2226" s="5" t="s">
        <v>4461</v>
      </c>
    </row>
    <row r="2227" spans="1:7">
      <c r="A2227" s="5" t="s">
        <v>7</v>
      </c>
      <c r="B2227" s="5">
        <v>2291</v>
      </c>
      <c r="C2227" s="5" t="s">
        <v>8</v>
      </c>
      <c r="D2227" s="5" t="s">
        <v>8</v>
      </c>
      <c r="E2227" s="6">
        <v>11001</v>
      </c>
      <c r="F2227" s="5" t="s">
        <v>4462</v>
      </c>
      <c r="G2227" s="5" t="s">
        <v>4463</v>
      </c>
    </row>
    <row r="2228" spans="1:7">
      <c r="A2228" s="5" t="s">
        <v>7</v>
      </c>
      <c r="B2228" s="5">
        <v>2292</v>
      </c>
      <c r="C2228" s="5" t="s">
        <v>8</v>
      </c>
      <c r="D2228" s="5" t="s">
        <v>8</v>
      </c>
      <c r="E2228" s="6">
        <v>11001</v>
      </c>
      <c r="F2228" s="5" t="s">
        <v>4464</v>
      </c>
      <c r="G2228" s="5" t="s">
        <v>4465</v>
      </c>
    </row>
    <row r="2229" spans="1:7">
      <c r="A2229" s="5" t="s">
        <v>7</v>
      </c>
      <c r="B2229" s="5">
        <v>2293</v>
      </c>
      <c r="C2229" s="5" t="s">
        <v>2891</v>
      </c>
      <c r="D2229" s="5" t="s">
        <v>2892</v>
      </c>
      <c r="E2229" s="6">
        <v>13001</v>
      </c>
      <c r="F2229" s="5" t="s">
        <v>4466</v>
      </c>
      <c r="G2229" s="5" t="s">
        <v>4467</v>
      </c>
    </row>
    <row r="2230" spans="1:7">
      <c r="A2230" s="5" t="s">
        <v>7</v>
      </c>
      <c r="B2230" s="5">
        <v>2294</v>
      </c>
      <c r="C2230" s="5" t="s">
        <v>8</v>
      </c>
      <c r="D2230" s="5" t="s">
        <v>8</v>
      </c>
      <c r="E2230" s="6">
        <v>11001</v>
      </c>
      <c r="F2230" s="5" t="s">
        <v>4468</v>
      </c>
      <c r="G2230" s="5" t="s">
        <v>4469</v>
      </c>
    </row>
    <row r="2231" spans="1:7">
      <c r="A2231" s="5" t="s">
        <v>7</v>
      </c>
      <c r="B2231" s="5">
        <v>2295</v>
      </c>
      <c r="C2231" s="5" t="s">
        <v>8</v>
      </c>
      <c r="D2231" s="5" t="s">
        <v>8</v>
      </c>
      <c r="E2231" s="6">
        <v>11001</v>
      </c>
      <c r="F2231" s="5" t="s">
        <v>4470</v>
      </c>
      <c r="G2231" s="5" t="s">
        <v>4471</v>
      </c>
    </row>
    <row r="2232" spans="1:7">
      <c r="A2232" s="5" t="s">
        <v>7</v>
      </c>
      <c r="B2232" s="5">
        <v>2296</v>
      </c>
      <c r="C2232" s="5" t="s">
        <v>8</v>
      </c>
      <c r="D2232" s="5" t="s">
        <v>8</v>
      </c>
      <c r="E2232" s="6">
        <v>11001</v>
      </c>
      <c r="F2232" s="5" t="s">
        <v>4472</v>
      </c>
      <c r="G2232" s="5" t="s">
        <v>4473</v>
      </c>
    </row>
    <row r="2233" spans="1:7">
      <c r="A2233" s="5" t="s">
        <v>7</v>
      </c>
      <c r="B2233" s="5">
        <v>2297</v>
      </c>
      <c r="C2233" s="5" t="s">
        <v>2891</v>
      </c>
      <c r="D2233" s="5" t="s">
        <v>2892</v>
      </c>
      <c r="E2233" s="6">
        <v>13001</v>
      </c>
      <c r="F2233" s="5" t="s">
        <v>4474</v>
      </c>
      <c r="G2233" s="5" t="s">
        <v>4475</v>
      </c>
    </row>
    <row r="2234" spans="1:7">
      <c r="A2234" s="5" t="s">
        <v>7</v>
      </c>
      <c r="B2234" s="5">
        <v>2298</v>
      </c>
      <c r="C2234" s="5" t="s">
        <v>8</v>
      </c>
      <c r="D2234" s="5" t="s">
        <v>8</v>
      </c>
      <c r="E2234" s="6">
        <v>11001</v>
      </c>
      <c r="F2234" s="5" t="s">
        <v>4476</v>
      </c>
      <c r="G2234" s="5" t="s">
        <v>4477</v>
      </c>
    </row>
    <row r="2235" spans="1:7">
      <c r="A2235" s="5" t="s">
        <v>7</v>
      </c>
      <c r="B2235" s="5">
        <v>2299</v>
      </c>
      <c r="C2235" s="5" t="s">
        <v>8</v>
      </c>
      <c r="D2235" s="5" t="s">
        <v>8</v>
      </c>
      <c r="E2235" s="6">
        <v>11001</v>
      </c>
      <c r="F2235" s="5" t="s">
        <v>4478</v>
      </c>
      <c r="G2235" s="5" t="s">
        <v>4479</v>
      </c>
    </row>
    <row r="2236" spans="1:7">
      <c r="A2236" s="5" t="s">
        <v>7</v>
      </c>
      <c r="B2236" s="5">
        <v>2300</v>
      </c>
      <c r="C2236" s="5" t="s">
        <v>8</v>
      </c>
      <c r="D2236" s="5" t="s">
        <v>8</v>
      </c>
      <c r="E2236" s="6">
        <v>11001</v>
      </c>
      <c r="F2236" s="5" t="s">
        <v>4480</v>
      </c>
      <c r="G2236" s="5" t="s">
        <v>4481</v>
      </c>
    </row>
    <row r="2237" spans="1:7">
      <c r="A2237" s="5" t="s">
        <v>7</v>
      </c>
      <c r="B2237" s="5">
        <v>2301</v>
      </c>
      <c r="C2237" s="5" t="s">
        <v>8</v>
      </c>
      <c r="D2237" s="5" t="s">
        <v>8</v>
      </c>
      <c r="E2237" s="6">
        <v>11001</v>
      </c>
      <c r="F2237" s="5" t="s">
        <v>4482</v>
      </c>
      <c r="G2237" s="5" t="s">
        <v>4483</v>
      </c>
    </row>
    <row r="2238" spans="1:7">
      <c r="A2238" s="5" t="s">
        <v>7</v>
      </c>
      <c r="B2238" s="5">
        <v>2302</v>
      </c>
      <c r="C2238" s="5" t="s">
        <v>8</v>
      </c>
      <c r="D2238" s="5" t="s">
        <v>8</v>
      </c>
      <c r="E2238" s="6">
        <v>11001</v>
      </c>
      <c r="F2238" s="5" t="s">
        <v>4484</v>
      </c>
      <c r="G2238" s="5" t="s">
        <v>4485</v>
      </c>
    </row>
    <row r="2239" spans="1:7">
      <c r="A2239" s="5" t="s">
        <v>7</v>
      </c>
      <c r="B2239" s="5">
        <v>2303</v>
      </c>
      <c r="C2239" s="5" t="s">
        <v>4035</v>
      </c>
      <c r="D2239" s="5" t="s">
        <v>4486</v>
      </c>
      <c r="E2239" s="6">
        <v>18001</v>
      </c>
      <c r="F2239" s="5" t="s">
        <v>4487</v>
      </c>
      <c r="G2239" s="5" t="s">
        <v>4488</v>
      </c>
    </row>
    <row r="2240" spans="1:7">
      <c r="A2240" s="5" t="s">
        <v>7</v>
      </c>
      <c r="B2240" s="5">
        <v>2304</v>
      </c>
      <c r="C2240" s="5" t="s">
        <v>8</v>
      </c>
      <c r="D2240" s="5" t="s">
        <v>8</v>
      </c>
      <c r="E2240" s="6">
        <v>11001</v>
      </c>
      <c r="F2240" s="5" t="s">
        <v>4489</v>
      </c>
      <c r="G2240" s="5" t="s">
        <v>4490</v>
      </c>
    </row>
    <row r="2241" spans="1:7">
      <c r="A2241" s="5" t="s">
        <v>7</v>
      </c>
      <c r="B2241" s="5">
        <v>2305</v>
      </c>
      <c r="C2241" s="5" t="s">
        <v>8</v>
      </c>
      <c r="D2241" s="5" t="s">
        <v>8</v>
      </c>
      <c r="E2241" s="6">
        <v>11001</v>
      </c>
      <c r="F2241" s="5" t="s">
        <v>4491</v>
      </c>
      <c r="G2241" s="5" t="s">
        <v>4492</v>
      </c>
    </row>
    <row r="2242" spans="1:7">
      <c r="A2242" s="5" t="s">
        <v>7</v>
      </c>
      <c r="B2242" s="5">
        <v>2306</v>
      </c>
      <c r="C2242" s="5" t="s">
        <v>8</v>
      </c>
      <c r="D2242" s="5" t="s">
        <v>8</v>
      </c>
      <c r="E2242" s="6">
        <v>11001</v>
      </c>
      <c r="F2242" s="5" t="s">
        <v>4493</v>
      </c>
      <c r="G2242" s="5" t="s">
        <v>4494</v>
      </c>
    </row>
    <row r="2243" spans="1:7">
      <c r="A2243" s="5" t="s">
        <v>7</v>
      </c>
      <c r="B2243" s="5">
        <v>2307</v>
      </c>
      <c r="C2243" s="5" t="s">
        <v>8</v>
      </c>
      <c r="D2243" s="5" t="s">
        <v>8</v>
      </c>
      <c r="E2243" s="6">
        <v>11001</v>
      </c>
      <c r="F2243" s="5" t="s">
        <v>4495</v>
      </c>
      <c r="G2243" s="5" t="s">
        <v>4496</v>
      </c>
    </row>
    <row r="2244" spans="1:7">
      <c r="A2244" s="5" t="s">
        <v>7</v>
      </c>
      <c r="B2244" s="5">
        <v>2308</v>
      </c>
      <c r="C2244" s="5" t="s">
        <v>8</v>
      </c>
      <c r="D2244" s="5" t="s">
        <v>8</v>
      </c>
      <c r="E2244" s="6">
        <v>11001</v>
      </c>
      <c r="F2244" s="5" t="s">
        <v>4497</v>
      </c>
      <c r="G2244" s="5" t="s">
        <v>4498</v>
      </c>
    </row>
    <row r="2245" spans="1:7">
      <c r="A2245" s="5" t="s">
        <v>7</v>
      </c>
      <c r="B2245" s="5">
        <v>2309</v>
      </c>
      <c r="C2245" s="5" t="s">
        <v>8</v>
      </c>
      <c r="D2245" s="5" t="s">
        <v>8</v>
      </c>
      <c r="E2245" s="6">
        <v>11001</v>
      </c>
      <c r="F2245" s="5" t="s">
        <v>4499</v>
      </c>
      <c r="G2245" s="5" t="s">
        <v>4500</v>
      </c>
    </row>
    <row r="2246" spans="1:7">
      <c r="A2246" s="5" t="s">
        <v>7</v>
      </c>
      <c r="B2246" s="5">
        <v>2310</v>
      </c>
      <c r="C2246" s="5" t="s">
        <v>813</v>
      </c>
      <c r="D2246" s="5" t="s">
        <v>4501</v>
      </c>
      <c r="E2246" s="6">
        <v>25599</v>
      </c>
      <c r="F2246" s="5" t="s">
        <v>4502</v>
      </c>
      <c r="G2246" s="5" t="s">
        <v>4503</v>
      </c>
    </row>
    <row r="2247" spans="1:7">
      <c r="A2247" s="5" t="s">
        <v>7</v>
      </c>
      <c r="B2247" s="5">
        <v>2311</v>
      </c>
      <c r="C2247" s="5" t="s">
        <v>8</v>
      </c>
      <c r="D2247" s="5" t="s">
        <v>8</v>
      </c>
      <c r="E2247" s="6">
        <v>11001</v>
      </c>
      <c r="F2247" s="5" t="s">
        <v>4504</v>
      </c>
      <c r="G2247" s="5" t="s">
        <v>4505</v>
      </c>
    </row>
    <row r="2248" spans="1:7">
      <c r="A2248" s="5" t="s">
        <v>7</v>
      </c>
      <c r="B2248" s="5">
        <v>2312</v>
      </c>
      <c r="C2248" s="5" t="s">
        <v>8</v>
      </c>
      <c r="D2248" s="5" t="s">
        <v>8</v>
      </c>
      <c r="E2248" s="6">
        <v>11001</v>
      </c>
      <c r="F2248" s="5" t="s">
        <v>4506</v>
      </c>
      <c r="G2248" s="5" t="s">
        <v>4507</v>
      </c>
    </row>
    <row r="2249" spans="1:7">
      <c r="A2249" s="5" t="s">
        <v>7</v>
      </c>
      <c r="B2249" s="5">
        <v>2313</v>
      </c>
      <c r="C2249" s="5" t="s">
        <v>8</v>
      </c>
      <c r="D2249" s="5" t="s">
        <v>8</v>
      </c>
      <c r="E2249" s="6">
        <v>11001</v>
      </c>
      <c r="F2249" s="5" t="s">
        <v>4508</v>
      </c>
      <c r="G2249" s="5" t="s">
        <v>4509</v>
      </c>
    </row>
    <row r="2250" spans="1:7">
      <c r="A2250" s="5" t="s">
        <v>7</v>
      </c>
      <c r="B2250" s="5">
        <v>2314</v>
      </c>
      <c r="C2250" s="5" t="s">
        <v>8</v>
      </c>
      <c r="D2250" s="5" t="s">
        <v>8</v>
      </c>
      <c r="E2250" s="6">
        <v>11001</v>
      </c>
      <c r="F2250" s="5" t="s">
        <v>4510</v>
      </c>
      <c r="G2250" s="5" t="s">
        <v>4511</v>
      </c>
    </row>
    <row r="2251" spans="1:7">
      <c r="A2251" s="5" t="s">
        <v>7</v>
      </c>
      <c r="B2251" s="5">
        <v>2315</v>
      </c>
      <c r="C2251" s="5" t="s">
        <v>8</v>
      </c>
      <c r="D2251" s="5" t="s">
        <v>8</v>
      </c>
      <c r="E2251" s="6">
        <v>11001</v>
      </c>
      <c r="F2251" s="5" t="s">
        <v>4512</v>
      </c>
      <c r="G2251" s="5" t="s">
        <v>4513</v>
      </c>
    </row>
    <row r="2252" spans="1:7">
      <c r="A2252" s="5" t="s">
        <v>7</v>
      </c>
      <c r="B2252" s="5">
        <v>2316</v>
      </c>
      <c r="C2252" s="5" t="s">
        <v>8</v>
      </c>
      <c r="D2252" s="5" t="s">
        <v>8</v>
      </c>
      <c r="E2252" s="6">
        <v>11001</v>
      </c>
      <c r="F2252" s="5" t="s">
        <v>4514</v>
      </c>
      <c r="G2252" s="5" t="s">
        <v>4515</v>
      </c>
    </row>
    <row r="2253" spans="1:7">
      <c r="A2253" s="5" t="s">
        <v>7</v>
      </c>
      <c r="B2253" s="5">
        <v>2317</v>
      </c>
      <c r="C2253" s="5" t="s">
        <v>2891</v>
      </c>
      <c r="D2253" s="5" t="s">
        <v>2892</v>
      </c>
      <c r="E2253" s="6">
        <v>13001</v>
      </c>
      <c r="F2253" s="5" t="s">
        <v>4516</v>
      </c>
      <c r="G2253" s="5" t="s">
        <v>4517</v>
      </c>
    </row>
    <row r="2254" spans="1:7">
      <c r="A2254" s="5" t="s">
        <v>7</v>
      </c>
      <c r="B2254" s="5">
        <v>2318</v>
      </c>
      <c r="C2254" s="5" t="s">
        <v>8</v>
      </c>
      <c r="D2254" s="5" t="s">
        <v>8</v>
      </c>
      <c r="E2254" s="6">
        <v>11001</v>
      </c>
      <c r="F2254" s="5" t="s">
        <v>4518</v>
      </c>
      <c r="G2254" s="5" t="s">
        <v>4519</v>
      </c>
    </row>
    <row r="2255" spans="1:7">
      <c r="A2255" s="5" t="s">
        <v>7</v>
      </c>
      <c r="B2255" s="5">
        <v>2319</v>
      </c>
      <c r="C2255" s="5" t="s">
        <v>4368</v>
      </c>
      <c r="D2255" s="5" t="s">
        <v>4520</v>
      </c>
      <c r="E2255" s="6">
        <v>15759</v>
      </c>
      <c r="F2255" s="5" t="s">
        <v>4521</v>
      </c>
      <c r="G2255" s="5" t="s">
        <v>4522</v>
      </c>
    </row>
    <row r="2256" spans="1:7">
      <c r="A2256" s="5" t="s">
        <v>7</v>
      </c>
      <c r="B2256" s="5">
        <v>2320</v>
      </c>
      <c r="C2256" s="5" t="s">
        <v>8</v>
      </c>
      <c r="D2256" s="5" t="s">
        <v>8</v>
      </c>
      <c r="E2256" s="6">
        <v>11001</v>
      </c>
      <c r="F2256" s="5" t="s">
        <v>2025</v>
      </c>
      <c r="G2256" s="5" t="s">
        <v>4523</v>
      </c>
    </row>
    <row r="2257" spans="1:7">
      <c r="A2257" s="5" t="s">
        <v>7</v>
      </c>
      <c r="B2257" s="5">
        <v>2321</v>
      </c>
      <c r="C2257" s="5" t="s">
        <v>8</v>
      </c>
      <c r="D2257" s="5" t="s">
        <v>8</v>
      </c>
      <c r="E2257" s="6">
        <v>11001</v>
      </c>
      <c r="F2257" s="5" t="s">
        <v>4524</v>
      </c>
      <c r="G2257" s="5" t="s">
        <v>4525</v>
      </c>
    </row>
    <row r="2258" spans="1:7">
      <c r="A2258" s="5" t="s">
        <v>7</v>
      </c>
      <c r="B2258" s="5">
        <v>2322</v>
      </c>
      <c r="C2258" s="5" t="s">
        <v>8</v>
      </c>
      <c r="D2258" s="5" t="s">
        <v>8</v>
      </c>
      <c r="E2258" s="6">
        <v>11001</v>
      </c>
      <c r="F2258" s="5" t="s">
        <v>4526</v>
      </c>
      <c r="G2258" s="5" t="s">
        <v>4527</v>
      </c>
    </row>
    <row r="2259" spans="1:7">
      <c r="A2259" s="5" t="s">
        <v>7</v>
      </c>
      <c r="B2259" s="5">
        <v>2323</v>
      </c>
      <c r="C2259" s="5" t="s">
        <v>2891</v>
      </c>
      <c r="D2259" s="5" t="s">
        <v>2892</v>
      </c>
      <c r="E2259" s="6">
        <v>13001</v>
      </c>
      <c r="F2259" s="5" t="s">
        <v>4528</v>
      </c>
      <c r="G2259" s="5" t="s">
        <v>4529</v>
      </c>
    </row>
    <row r="2260" spans="1:7">
      <c r="A2260" s="5" t="s">
        <v>7</v>
      </c>
      <c r="B2260" s="5">
        <v>2324</v>
      </c>
      <c r="C2260" s="5" t="s">
        <v>8</v>
      </c>
      <c r="D2260" s="5" t="s">
        <v>8</v>
      </c>
      <c r="E2260" s="6">
        <v>11001</v>
      </c>
      <c r="F2260" s="5" t="s">
        <v>4530</v>
      </c>
      <c r="G2260" s="5" t="s">
        <v>4531</v>
      </c>
    </row>
    <row r="2261" spans="1:7">
      <c r="A2261" s="5" t="s">
        <v>7</v>
      </c>
      <c r="B2261" s="5">
        <v>2325</v>
      </c>
      <c r="C2261" s="5" t="s">
        <v>2891</v>
      </c>
      <c r="D2261" s="5" t="s">
        <v>2892</v>
      </c>
      <c r="E2261" s="6">
        <v>13001</v>
      </c>
      <c r="F2261" s="5" t="s">
        <v>4532</v>
      </c>
      <c r="G2261" s="5" t="s">
        <v>4533</v>
      </c>
    </row>
    <row r="2262" spans="1:7">
      <c r="A2262" s="5" t="s">
        <v>7</v>
      </c>
      <c r="B2262" s="5">
        <v>2326</v>
      </c>
      <c r="C2262" s="5" t="s">
        <v>8</v>
      </c>
      <c r="D2262" s="5" t="s">
        <v>8</v>
      </c>
      <c r="E2262" s="6">
        <v>11001</v>
      </c>
      <c r="F2262" s="5" t="s">
        <v>3283</v>
      </c>
      <c r="G2262" s="5" t="s">
        <v>4534</v>
      </c>
    </row>
    <row r="2263" spans="1:7">
      <c r="A2263" s="5" t="s">
        <v>7</v>
      </c>
      <c r="B2263" s="5">
        <v>2327</v>
      </c>
      <c r="C2263" s="5" t="s">
        <v>8</v>
      </c>
      <c r="D2263" s="5" t="s">
        <v>8</v>
      </c>
      <c r="E2263" s="6">
        <v>11001</v>
      </c>
      <c r="F2263" s="5" t="s">
        <v>4535</v>
      </c>
      <c r="G2263" s="5" t="s">
        <v>4536</v>
      </c>
    </row>
    <row r="2264" spans="1:7">
      <c r="A2264" s="5" t="s">
        <v>7</v>
      </c>
      <c r="B2264" s="5">
        <v>2328</v>
      </c>
      <c r="C2264" s="5" t="s">
        <v>8</v>
      </c>
      <c r="D2264" s="5" t="s">
        <v>8</v>
      </c>
      <c r="E2264" s="6">
        <v>11001</v>
      </c>
      <c r="F2264" s="5" t="s">
        <v>4537</v>
      </c>
      <c r="G2264" s="5" t="s">
        <v>4538</v>
      </c>
    </row>
    <row r="2265" spans="1:7">
      <c r="A2265" s="5" t="s">
        <v>7</v>
      </c>
      <c r="B2265" s="5">
        <v>2329</v>
      </c>
      <c r="C2265" s="5" t="s">
        <v>813</v>
      </c>
      <c r="D2265" s="5" t="s">
        <v>4539</v>
      </c>
      <c r="E2265" s="6">
        <v>25736</v>
      </c>
      <c r="F2265" s="5" t="s">
        <v>4540</v>
      </c>
      <c r="G2265" s="5" t="s">
        <v>4541</v>
      </c>
    </row>
    <row r="2266" spans="1:7">
      <c r="A2266" s="5" t="s">
        <v>7</v>
      </c>
      <c r="B2266" s="5">
        <v>2330</v>
      </c>
      <c r="C2266" s="5" t="s">
        <v>813</v>
      </c>
      <c r="D2266" s="5" t="s">
        <v>2290</v>
      </c>
      <c r="E2266" s="6">
        <v>25286</v>
      </c>
      <c r="F2266" s="5" t="s">
        <v>4542</v>
      </c>
      <c r="G2266" s="5" t="s">
        <v>4543</v>
      </c>
    </row>
    <row r="2267" spans="1:7">
      <c r="A2267" s="5" t="s">
        <v>7</v>
      </c>
      <c r="B2267" s="5">
        <v>2331</v>
      </c>
      <c r="C2267" s="5" t="s">
        <v>8</v>
      </c>
      <c r="D2267" s="5" t="s">
        <v>8</v>
      </c>
      <c r="E2267" s="6">
        <v>11001</v>
      </c>
      <c r="F2267" s="5" t="s">
        <v>4544</v>
      </c>
      <c r="G2267" s="5" t="s">
        <v>4545</v>
      </c>
    </row>
    <row r="2268" spans="1:7">
      <c r="A2268" s="5" t="s">
        <v>7</v>
      </c>
      <c r="B2268" s="5">
        <v>2332</v>
      </c>
      <c r="C2268" s="5" t="s">
        <v>8</v>
      </c>
      <c r="D2268" s="5" t="s">
        <v>8</v>
      </c>
      <c r="E2268" s="6">
        <v>11001</v>
      </c>
      <c r="F2268" s="5" t="s">
        <v>4546</v>
      </c>
      <c r="G2268" s="5" t="s">
        <v>4547</v>
      </c>
    </row>
    <row r="2269" spans="1:7">
      <c r="A2269" s="5" t="s">
        <v>7</v>
      </c>
      <c r="B2269" s="5">
        <v>2333</v>
      </c>
      <c r="C2269" s="5" t="s">
        <v>8</v>
      </c>
      <c r="D2269" s="5" t="s">
        <v>8</v>
      </c>
      <c r="E2269" s="6">
        <v>11001</v>
      </c>
      <c r="F2269" s="5" t="s">
        <v>4548</v>
      </c>
      <c r="G2269" s="5" t="s">
        <v>4549</v>
      </c>
    </row>
    <row r="2270" spans="1:7">
      <c r="A2270" s="5" t="s">
        <v>7</v>
      </c>
      <c r="B2270" s="5">
        <v>2334</v>
      </c>
      <c r="C2270" s="5" t="s">
        <v>8</v>
      </c>
      <c r="D2270" s="5" t="s">
        <v>8</v>
      </c>
      <c r="E2270" s="6">
        <v>11001</v>
      </c>
      <c r="F2270" s="5" t="s">
        <v>4550</v>
      </c>
      <c r="G2270" s="5" t="s">
        <v>4551</v>
      </c>
    </row>
    <row r="2271" spans="1:7">
      <c r="A2271" s="5" t="s">
        <v>7</v>
      </c>
      <c r="B2271" s="5">
        <v>2335</v>
      </c>
      <c r="C2271" s="5" t="s">
        <v>2891</v>
      </c>
      <c r="D2271" s="5" t="s">
        <v>2892</v>
      </c>
      <c r="E2271" s="6">
        <v>13001</v>
      </c>
      <c r="F2271" s="5" t="s">
        <v>4552</v>
      </c>
      <c r="G2271" s="5" t="s">
        <v>4553</v>
      </c>
    </row>
    <row r="2272" spans="1:7">
      <c r="A2272" s="5" t="s">
        <v>7</v>
      </c>
      <c r="B2272" s="5">
        <v>2336</v>
      </c>
      <c r="C2272" s="5" t="s">
        <v>8</v>
      </c>
      <c r="D2272" s="5" t="s">
        <v>8</v>
      </c>
      <c r="E2272" s="6">
        <v>11001</v>
      </c>
      <c r="F2272" s="5" t="s">
        <v>4554</v>
      </c>
      <c r="G2272" s="5" t="s">
        <v>4555</v>
      </c>
    </row>
    <row r="2273" spans="1:7">
      <c r="A2273" s="5" t="s">
        <v>7</v>
      </c>
      <c r="B2273" s="5">
        <v>2337</v>
      </c>
      <c r="C2273" s="5" t="s">
        <v>8</v>
      </c>
      <c r="D2273" s="5" t="s">
        <v>8</v>
      </c>
      <c r="E2273" s="6">
        <v>11001</v>
      </c>
      <c r="F2273" s="5" t="s">
        <v>4556</v>
      </c>
      <c r="G2273" s="5" t="s">
        <v>4557</v>
      </c>
    </row>
    <row r="2274" spans="1:7">
      <c r="A2274" s="5" t="s">
        <v>7</v>
      </c>
      <c r="B2274" s="5">
        <v>2338</v>
      </c>
      <c r="C2274" s="5" t="s">
        <v>8</v>
      </c>
      <c r="D2274" s="5" t="s">
        <v>8</v>
      </c>
      <c r="E2274" s="6">
        <v>11001</v>
      </c>
      <c r="F2274" s="5" t="s">
        <v>4558</v>
      </c>
      <c r="G2274" s="5" t="s">
        <v>4559</v>
      </c>
    </row>
    <row r="2275" spans="1:7">
      <c r="A2275" s="5" t="s">
        <v>7</v>
      </c>
      <c r="B2275" s="5">
        <v>2339</v>
      </c>
      <c r="C2275" s="5" t="s">
        <v>8</v>
      </c>
      <c r="D2275" s="5" t="s">
        <v>8</v>
      </c>
      <c r="E2275" s="6">
        <v>11001</v>
      </c>
      <c r="F2275" s="5" t="s">
        <v>4560</v>
      </c>
      <c r="G2275" s="5" t="s">
        <v>4561</v>
      </c>
    </row>
    <row r="2276" spans="1:7">
      <c r="A2276" s="5" t="s">
        <v>7</v>
      </c>
      <c r="B2276" s="5">
        <v>2340</v>
      </c>
      <c r="C2276" s="5" t="s">
        <v>8</v>
      </c>
      <c r="D2276" s="5" t="s">
        <v>8</v>
      </c>
      <c r="E2276" s="6">
        <v>11001</v>
      </c>
      <c r="F2276" s="5" t="s">
        <v>4562</v>
      </c>
      <c r="G2276" s="5" t="s">
        <v>4563</v>
      </c>
    </row>
    <row r="2277" spans="1:7">
      <c r="A2277" s="5" t="s">
        <v>7</v>
      </c>
      <c r="B2277" s="5">
        <v>2341</v>
      </c>
      <c r="C2277" s="5" t="s">
        <v>8</v>
      </c>
      <c r="D2277" s="5" t="s">
        <v>8</v>
      </c>
      <c r="E2277" s="6">
        <v>11001</v>
      </c>
      <c r="F2277" s="5" t="s">
        <v>4564</v>
      </c>
      <c r="G2277" s="5" t="s">
        <v>4565</v>
      </c>
    </row>
    <row r="2278" spans="1:7">
      <c r="A2278" s="5" t="s">
        <v>7</v>
      </c>
      <c r="B2278" s="5">
        <v>2342</v>
      </c>
      <c r="C2278" s="5" t="s">
        <v>8</v>
      </c>
      <c r="D2278" s="5" t="s">
        <v>8</v>
      </c>
      <c r="E2278" s="6">
        <v>11001</v>
      </c>
      <c r="F2278" s="5" t="s">
        <v>4566</v>
      </c>
      <c r="G2278" s="5" t="s">
        <v>4567</v>
      </c>
    </row>
    <row r="2279" spans="1:7">
      <c r="A2279" s="5" t="s">
        <v>7</v>
      </c>
      <c r="B2279" s="5">
        <v>2343</v>
      </c>
      <c r="C2279" s="5" t="s">
        <v>8</v>
      </c>
      <c r="D2279" s="5" t="s">
        <v>8</v>
      </c>
      <c r="E2279" s="6">
        <v>11001</v>
      </c>
      <c r="F2279" s="5" t="s">
        <v>4568</v>
      </c>
      <c r="G2279" s="5" t="s">
        <v>4569</v>
      </c>
    </row>
    <row r="2280" spans="1:7">
      <c r="A2280" s="5" t="s">
        <v>7</v>
      </c>
      <c r="B2280" s="5">
        <v>2344</v>
      </c>
      <c r="C2280" s="5" t="s">
        <v>8</v>
      </c>
      <c r="D2280" s="5" t="s">
        <v>8</v>
      </c>
      <c r="E2280" s="6">
        <v>11001</v>
      </c>
      <c r="F2280" s="5" t="s">
        <v>4570</v>
      </c>
      <c r="G2280" s="5" t="s">
        <v>4571</v>
      </c>
    </row>
    <row r="2281" spans="1:7">
      <c r="A2281" s="5" t="s">
        <v>7</v>
      </c>
      <c r="B2281" s="5">
        <v>2345</v>
      </c>
      <c r="C2281" s="5" t="s">
        <v>8</v>
      </c>
      <c r="D2281" s="5" t="s">
        <v>8</v>
      </c>
      <c r="E2281" s="6">
        <v>11001</v>
      </c>
      <c r="F2281" s="5" t="s">
        <v>4572</v>
      </c>
      <c r="G2281" s="5" t="s">
        <v>4573</v>
      </c>
    </row>
    <row r="2282" spans="1:7">
      <c r="A2282" s="5" t="s">
        <v>7</v>
      </c>
      <c r="B2282" s="5">
        <v>2346</v>
      </c>
      <c r="C2282" s="5" t="s">
        <v>2891</v>
      </c>
      <c r="D2282" s="5" t="s">
        <v>2892</v>
      </c>
      <c r="E2282" s="6">
        <v>13001</v>
      </c>
      <c r="F2282" s="5" t="s">
        <v>4574</v>
      </c>
      <c r="G2282" s="5" t="s">
        <v>4575</v>
      </c>
    </row>
    <row r="2283" spans="1:7">
      <c r="A2283" s="5" t="s">
        <v>7</v>
      </c>
      <c r="B2283" s="5">
        <v>2347</v>
      </c>
      <c r="C2283" s="5" t="s">
        <v>8</v>
      </c>
      <c r="D2283" s="5" t="s">
        <v>8</v>
      </c>
      <c r="E2283" s="6">
        <v>11001</v>
      </c>
      <c r="F2283" s="5" t="s">
        <v>4576</v>
      </c>
      <c r="G2283" s="5" t="s">
        <v>4577</v>
      </c>
    </row>
    <row r="2284" spans="1:7">
      <c r="A2284" s="5" t="s">
        <v>7</v>
      </c>
      <c r="B2284" s="5">
        <v>2348</v>
      </c>
      <c r="C2284" s="5" t="s">
        <v>813</v>
      </c>
      <c r="D2284" s="5" t="s">
        <v>814</v>
      </c>
      <c r="E2284" s="6">
        <v>25754</v>
      </c>
      <c r="F2284" s="5" t="s">
        <v>4578</v>
      </c>
      <c r="G2284" s="5" t="s">
        <v>4579</v>
      </c>
    </row>
    <row r="2285" spans="1:7">
      <c r="A2285" s="5" t="s">
        <v>7</v>
      </c>
      <c r="B2285" s="5">
        <v>2349</v>
      </c>
      <c r="C2285" s="5" t="s">
        <v>8</v>
      </c>
      <c r="D2285" s="5" t="s">
        <v>8</v>
      </c>
      <c r="E2285" s="6">
        <v>11001</v>
      </c>
      <c r="F2285" s="5" t="s">
        <v>4580</v>
      </c>
      <c r="G2285" s="5" t="s">
        <v>4581</v>
      </c>
    </row>
    <row r="2286" spans="1:7">
      <c r="A2286" s="5" t="s">
        <v>7</v>
      </c>
      <c r="B2286" s="5">
        <v>2350</v>
      </c>
      <c r="C2286" s="5" t="s">
        <v>8</v>
      </c>
      <c r="D2286" s="5" t="s">
        <v>8</v>
      </c>
      <c r="E2286" s="6">
        <v>11001</v>
      </c>
      <c r="F2286" s="5" t="s">
        <v>4582</v>
      </c>
      <c r="G2286" s="5" t="s">
        <v>4583</v>
      </c>
    </row>
    <row r="2287" spans="1:7">
      <c r="A2287" s="5" t="s">
        <v>7</v>
      </c>
      <c r="B2287" s="5">
        <v>2351</v>
      </c>
      <c r="C2287" s="5" t="s">
        <v>8</v>
      </c>
      <c r="D2287" s="5" t="s">
        <v>8</v>
      </c>
      <c r="E2287" s="6">
        <v>11001</v>
      </c>
      <c r="F2287" s="5" t="s">
        <v>4584</v>
      </c>
      <c r="G2287" s="5" t="s">
        <v>4585</v>
      </c>
    </row>
    <row r="2288" spans="1:7">
      <c r="A2288" s="5" t="s">
        <v>7</v>
      </c>
      <c r="B2288" s="5">
        <v>2352</v>
      </c>
      <c r="C2288" s="5" t="s">
        <v>8</v>
      </c>
      <c r="D2288" s="5" t="s">
        <v>8</v>
      </c>
      <c r="E2288" s="6">
        <v>11001</v>
      </c>
      <c r="F2288" s="5" t="s">
        <v>4586</v>
      </c>
      <c r="G2288" s="5" t="s">
        <v>4587</v>
      </c>
    </row>
    <row r="2289" spans="1:7">
      <c r="A2289" s="5" t="s">
        <v>7</v>
      </c>
      <c r="B2289" s="5">
        <v>2353</v>
      </c>
      <c r="C2289" s="5" t="s">
        <v>8</v>
      </c>
      <c r="D2289" s="5" t="s">
        <v>8</v>
      </c>
      <c r="E2289" s="6">
        <v>11001</v>
      </c>
      <c r="F2289" s="5" t="s">
        <v>4588</v>
      </c>
      <c r="G2289" s="5" t="s">
        <v>4589</v>
      </c>
    </row>
    <row r="2290" spans="1:7">
      <c r="A2290" s="5" t="s">
        <v>7</v>
      </c>
      <c r="B2290" s="5">
        <v>2354</v>
      </c>
      <c r="C2290" s="5" t="s">
        <v>8</v>
      </c>
      <c r="D2290" s="5" t="s">
        <v>8</v>
      </c>
      <c r="E2290" s="6">
        <v>11001</v>
      </c>
      <c r="F2290" s="5" t="s">
        <v>4590</v>
      </c>
      <c r="G2290" s="5" t="s">
        <v>4591</v>
      </c>
    </row>
    <row r="2291" spans="1:7">
      <c r="A2291" s="5" t="s">
        <v>7</v>
      </c>
      <c r="B2291" s="5">
        <v>2355</v>
      </c>
      <c r="C2291" s="5" t="s">
        <v>8</v>
      </c>
      <c r="D2291" s="5" t="s">
        <v>8</v>
      </c>
      <c r="E2291" s="6">
        <v>11001</v>
      </c>
      <c r="F2291" s="5" t="s">
        <v>3874</v>
      </c>
      <c r="G2291" s="5" t="s">
        <v>3875</v>
      </c>
    </row>
    <row r="2292" spans="1:7">
      <c r="A2292" s="5" t="s">
        <v>7</v>
      </c>
      <c r="B2292" s="5">
        <v>2356</v>
      </c>
      <c r="C2292" s="5" t="s">
        <v>8</v>
      </c>
      <c r="D2292" s="5" t="s">
        <v>8</v>
      </c>
      <c r="E2292" s="6">
        <v>11001</v>
      </c>
      <c r="F2292" s="5" t="s">
        <v>4592</v>
      </c>
      <c r="G2292" s="5" t="s">
        <v>4593</v>
      </c>
    </row>
    <row r="2293" spans="1:7">
      <c r="A2293" s="5" t="s">
        <v>7</v>
      </c>
      <c r="B2293" s="5">
        <v>2357</v>
      </c>
      <c r="C2293" s="5" t="s">
        <v>8</v>
      </c>
      <c r="D2293" s="5" t="s">
        <v>8</v>
      </c>
      <c r="E2293" s="6">
        <v>11001</v>
      </c>
      <c r="F2293" s="5" t="s">
        <v>4594</v>
      </c>
      <c r="G2293" s="5" t="s">
        <v>4595</v>
      </c>
    </row>
    <row r="2294" spans="1:7">
      <c r="A2294" s="5" t="s">
        <v>7</v>
      </c>
      <c r="B2294" s="5">
        <v>2358</v>
      </c>
      <c r="C2294" s="5" t="s">
        <v>8</v>
      </c>
      <c r="D2294" s="5" t="s">
        <v>8</v>
      </c>
      <c r="E2294" s="6">
        <v>11001</v>
      </c>
      <c r="F2294" s="5" t="s">
        <v>4596</v>
      </c>
      <c r="G2294" s="5" t="s">
        <v>4597</v>
      </c>
    </row>
    <row r="2295" spans="1:7">
      <c r="A2295" s="5" t="s">
        <v>7</v>
      </c>
      <c r="B2295" s="5">
        <v>2359</v>
      </c>
      <c r="C2295" s="5" t="s">
        <v>8</v>
      </c>
      <c r="D2295" s="5" t="s">
        <v>8</v>
      </c>
      <c r="E2295" s="6">
        <v>11001</v>
      </c>
      <c r="F2295" s="5" t="s">
        <v>4598</v>
      </c>
      <c r="G2295" s="5" t="s">
        <v>4599</v>
      </c>
    </row>
    <row r="2296" spans="1:7">
      <c r="A2296" s="5" t="s">
        <v>7</v>
      </c>
      <c r="B2296" s="5">
        <v>2360</v>
      </c>
      <c r="C2296" s="5" t="s">
        <v>2891</v>
      </c>
      <c r="D2296" s="5" t="s">
        <v>2892</v>
      </c>
      <c r="E2296" s="6">
        <v>13001</v>
      </c>
      <c r="F2296" s="5" t="s">
        <v>4600</v>
      </c>
      <c r="G2296" s="5" t="s">
        <v>4601</v>
      </c>
    </row>
    <row r="2297" spans="1:7">
      <c r="A2297" s="5" t="s">
        <v>7</v>
      </c>
      <c r="B2297" s="5">
        <v>2361</v>
      </c>
      <c r="C2297" s="5" t="s">
        <v>8</v>
      </c>
      <c r="D2297" s="5" t="s">
        <v>8</v>
      </c>
      <c r="E2297" s="6">
        <v>11001</v>
      </c>
      <c r="F2297" s="5" t="s">
        <v>4602</v>
      </c>
      <c r="G2297" s="5" t="s">
        <v>4603</v>
      </c>
    </row>
    <row r="2298" spans="1:7">
      <c r="A2298" s="5" t="s">
        <v>7</v>
      </c>
      <c r="B2298" s="5">
        <v>2362</v>
      </c>
      <c r="C2298" s="5" t="s">
        <v>8</v>
      </c>
      <c r="D2298" s="5" t="s">
        <v>8</v>
      </c>
      <c r="E2298" s="6">
        <v>11001</v>
      </c>
      <c r="F2298" s="5" t="s">
        <v>4604</v>
      </c>
      <c r="G2298" s="5" t="s">
        <v>4605</v>
      </c>
    </row>
    <row r="2299" spans="1:7">
      <c r="A2299" s="5" t="s">
        <v>7</v>
      </c>
      <c r="B2299" s="5">
        <v>2363</v>
      </c>
      <c r="C2299" s="5" t="s">
        <v>8</v>
      </c>
      <c r="D2299" s="5" t="s">
        <v>8</v>
      </c>
      <c r="E2299" s="6">
        <v>11001</v>
      </c>
      <c r="F2299" s="5" t="s">
        <v>4606</v>
      </c>
      <c r="G2299" s="5" t="s">
        <v>4607</v>
      </c>
    </row>
    <row r="2300" spans="1:7">
      <c r="A2300" s="5" t="s">
        <v>7</v>
      </c>
      <c r="B2300" s="5">
        <v>2364</v>
      </c>
      <c r="C2300" s="5" t="s">
        <v>8</v>
      </c>
      <c r="D2300" s="5" t="s">
        <v>8</v>
      </c>
      <c r="E2300" s="6">
        <v>11001</v>
      </c>
      <c r="F2300" s="5" t="s">
        <v>4608</v>
      </c>
      <c r="G2300" s="5" t="s">
        <v>4609</v>
      </c>
    </row>
    <row r="2301" spans="1:7">
      <c r="A2301" s="5" t="s">
        <v>7</v>
      </c>
      <c r="B2301" s="5">
        <v>2365</v>
      </c>
      <c r="C2301" s="5" t="s">
        <v>8</v>
      </c>
      <c r="D2301" s="5" t="s">
        <v>8</v>
      </c>
      <c r="E2301" s="6">
        <v>11001</v>
      </c>
      <c r="F2301" s="5" t="s">
        <v>4610</v>
      </c>
      <c r="G2301" s="5" t="s">
        <v>4611</v>
      </c>
    </row>
    <row r="2302" spans="1:7">
      <c r="A2302" s="5" t="s">
        <v>7</v>
      </c>
      <c r="B2302" s="5">
        <v>2366</v>
      </c>
      <c r="C2302" s="5" t="s">
        <v>8</v>
      </c>
      <c r="D2302" s="5" t="s">
        <v>8</v>
      </c>
      <c r="E2302" s="6">
        <v>11001</v>
      </c>
      <c r="F2302" s="5" t="s">
        <v>4612</v>
      </c>
      <c r="G2302" s="5" t="s">
        <v>4613</v>
      </c>
    </row>
    <row r="2303" spans="1:7">
      <c r="A2303" s="5" t="s">
        <v>7</v>
      </c>
      <c r="B2303" s="5">
        <v>2367</v>
      </c>
      <c r="C2303" s="5" t="s">
        <v>8</v>
      </c>
      <c r="D2303" s="5" t="s">
        <v>8</v>
      </c>
      <c r="E2303" s="6">
        <v>11001</v>
      </c>
      <c r="F2303" s="5" t="s">
        <v>4614</v>
      </c>
      <c r="G2303" s="5" t="s">
        <v>4615</v>
      </c>
    </row>
    <row r="2304" spans="1:7">
      <c r="A2304" s="5" t="s">
        <v>7</v>
      </c>
      <c r="B2304" s="5">
        <v>2368</v>
      </c>
      <c r="C2304" s="5" t="s">
        <v>8</v>
      </c>
      <c r="D2304" s="5" t="s">
        <v>8</v>
      </c>
      <c r="E2304" s="6">
        <v>11001</v>
      </c>
      <c r="F2304" s="5" t="s">
        <v>4616</v>
      </c>
      <c r="G2304" s="5" t="s">
        <v>4617</v>
      </c>
    </row>
    <row r="2305" spans="1:7">
      <c r="A2305" s="5" t="s">
        <v>7</v>
      </c>
      <c r="B2305" s="5">
        <v>2369</v>
      </c>
      <c r="C2305" s="5" t="s">
        <v>8</v>
      </c>
      <c r="D2305" s="5" t="s">
        <v>8</v>
      </c>
      <c r="E2305" s="6">
        <v>11001</v>
      </c>
      <c r="F2305" s="5" t="s">
        <v>4618</v>
      </c>
      <c r="G2305" s="5" t="s">
        <v>4619</v>
      </c>
    </row>
    <row r="2306" spans="1:7">
      <c r="A2306" s="5" t="s">
        <v>7</v>
      </c>
      <c r="B2306" s="5">
        <v>2370</v>
      </c>
      <c r="C2306" s="5" t="s">
        <v>8</v>
      </c>
      <c r="D2306" s="5" t="s">
        <v>8</v>
      </c>
      <c r="E2306" s="6">
        <v>11001</v>
      </c>
      <c r="F2306" s="5" t="s">
        <v>4620</v>
      </c>
      <c r="G2306" s="5" t="s">
        <v>4621</v>
      </c>
    </row>
    <row r="2307" spans="1:7">
      <c r="A2307" s="5" t="s">
        <v>7</v>
      </c>
      <c r="B2307" s="5">
        <v>2371</v>
      </c>
      <c r="C2307" s="5" t="s">
        <v>8</v>
      </c>
      <c r="D2307" s="5" t="s">
        <v>8</v>
      </c>
      <c r="E2307" s="6">
        <v>11001</v>
      </c>
      <c r="F2307" s="5" t="s">
        <v>4622</v>
      </c>
      <c r="G2307" s="5" t="s">
        <v>4623</v>
      </c>
    </row>
    <row r="2308" spans="1:7">
      <c r="A2308" s="5" t="s">
        <v>7</v>
      </c>
      <c r="B2308" s="5">
        <v>2372</v>
      </c>
      <c r="C2308" s="5" t="s">
        <v>8</v>
      </c>
      <c r="D2308" s="5" t="s">
        <v>8</v>
      </c>
      <c r="E2308" s="6">
        <v>11001</v>
      </c>
      <c r="F2308" s="5" t="s">
        <v>4624</v>
      </c>
      <c r="G2308" s="5" t="s">
        <v>4625</v>
      </c>
    </row>
    <row r="2309" spans="1:7">
      <c r="A2309" s="5" t="s">
        <v>7</v>
      </c>
      <c r="B2309" s="5">
        <v>2373</v>
      </c>
      <c r="C2309" s="5" t="s">
        <v>2891</v>
      </c>
      <c r="D2309" s="5" t="s">
        <v>2892</v>
      </c>
      <c r="E2309" s="6">
        <v>13001</v>
      </c>
      <c r="F2309" s="5" t="s">
        <v>4626</v>
      </c>
      <c r="G2309" s="5" t="s">
        <v>4627</v>
      </c>
    </row>
    <row r="2310" spans="1:7">
      <c r="A2310" s="5" t="s">
        <v>7</v>
      </c>
      <c r="B2310" s="5">
        <v>2374</v>
      </c>
      <c r="C2310" s="5" t="s">
        <v>8</v>
      </c>
      <c r="D2310" s="5" t="s">
        <v>8</v>
      </c>
      <c r="E2310" s="6">
        <v>11001</v>
      </c>
      <c r="F2310" s="5" t="s">
        <v>4628</v>
      </c>
      <c r="G2310" s="5" t="s">
        <v>4629</v>
      </c>
    </row>
    <row r="2311" spans="1:7">
      <c r="A2311" s="5" t="s">
        <v>7</v>
      </c>
      <c r="B2311" s="5">
        <v>2375</v>
      </c>
      <c r="C2311" s="5" t="s">
        <v>8</v>
      </c>
      <c r="D2311" s="5" t="s">
        <v>8</v>
      </c>
      <c r="E2311" s="6">
        <v>11001</v>
      </c>
      <c r="F2311" s="5" t="s">
        <v>4630</v>
      </c>
      <c r="G2311" s="5" t="s">
        <v>4631</v>
      </c>
    </row>
    <row r="2312" spans="1:7">
      <c r="A2312" s="5" t="s">
        <v>7</v>
      </c>
      <c r="B2312" s="5">
        <v>2376</v>
      </c>
      <c r="C2312" s="5" t="s">
        <v>8</v>
      </c>
      <c r="D2312" s="5" t="s">
        <v>8</v>
      </c>
      <c r="E2312" s="6">
        <v>11001</v>
      </c>
      <c r="F2312" s="5" t="s">
        <v>4632</v>
      </c>
      <c r="G2312" s="5" t="s">
        <v>4633</v>
      </c>
    </row>
    <row r="2313" spans="1:7">
      <c r="A2313" s="5" t="s">
        <v>7</v>
      </c>
      <c r="B2313" s="5">
        <v>2377</v>
      </c>
      <c r="C2313" s="5" t="s">
        <v>8</v>
      </c>
      <c r="D2313" s="5" t="s">
        <v>8</v>
      </c>
      <c r="E2313" s="6">
        <v>11001</v>
      </c>
      <c r="F2313" s="5" t="s">
        <v>4634</v>
      </c>
      <c r="G2313" s="5" t="s">
        <v>4635</v>
      </c>
    </row>
    <row r="2314" spans="1:7">
      <c r="A2314" s="5" t="s">
        <v>7</v>
      </c>
      <c r="B2314" s="5">
        <v>2378</v>
      </c>
      <c r="C2314" s="5" t="s">
        <v>8</v>
      </c>
      <c r="D2314" s="5" t="s">
        <v>8</v>
      </c>
      <c r="E2314" s="6">
        <v>11001</v>
      </c>
      <c r="F2314" s="5" t="s">
        <v>4636</v>
      </c>
      <c r="G2314" s="5" t="s">
        <v>4637</v>
      </c>
    </row>
    <row r="2315" spans="1:7">
      <c r="A2315" s="5" t="s">
        <v>7</v>
      </c>
      <c r="B2315" s="5">
        <v>2379</v>
      </c>
      <c r="C2315" s="5" t="s">
        <v>8</v>
      </c>
      <c r="D2315" s="5" t="s">
        <v>8</v>
      </c>
      <c r="E2315" s="6">
        <v>11001</v>
      </c>
      <c r="F2315" s="5" t="s">
        <v>4638</v>
      </c>
      <c r="G2315" s="5" t="s">
        <v>4639</v>
      </c>
    </row>
    <row r="2316" spans="1:7">
      <c r="A2316" s="5" t="s">
        <v>7</v>
      </c>
      <c r="B2316" s="5">
        <v>2380</v>
      </c>
      <c r="C2316" s="5" t="s">
        <v>8</v>
      </c>
      <c r="D2316" s="5" t="s">
        <v>8</v>
      </c>
      <c r="E2316" s="6">
        <v>11001</v>
      </c>
      <c r="F2316" s="5" t="s">
        <v>4640</v>
      </c>
      <c r="G2316" s="5" t="s">
        <v>4641</v>
      </c>
    </row>
    <row r="2317" spans="1:7">
      <c r="A2317" s="5" t="s">
        <v>7</v>
      </c>
      <c r="B2317" s="5">
        <v>2381</v>
      </c>
      <c r="C2317" s="5" t="s">
        <v>8</v>
      </c>
      <c r="D2317" s="5" t="s">
        <v>8</v>
      </c>
      <c r="E2317" s="6">
        <v>11001</v>
      </c>
      <c r="F2317" s="5" t="s">
        <v>4642</v>
      </c>
      <c r="G2317" s="5" t="s">
        <v>4643</v>
      </c>
    </row>
    <row r="2318" spans="1:7">
      <c r="A2318" s="5" t="s">
        <v>7</v>
      </c>
      <c r="B2318" s="5">
        <v>2382</v>
      </c>
      <c r="C2318" s="5" t="s">
        <v>8</v>
      </c>
      <c r="D2318" s="5" t="s">
        <v>8</v>
      </c>
      <c r="E2318" s="6">
        <v>11001</v>
      </c>
      <c r="F2318" s="5" t="s">
        <v>4644</v>
      </c>
      <c r="G2318" s="5" t="s">
        <v>4645</v>
      </c>
    </row>
    <row r="2319" spans="1:7">
      <c r="A2319" s="5" t="s">
        <v>7</v>
      </c>
      <c r="B2319" s="5">
        <v>2383</v>
      </c>
      <c r="C2319" s="5" t="s">
        <v>8</v>
      </c>
      <c r="D2319" s="5" t="s">
        <v>8</v>
      </c>
      <c r="E2319" s="6">
        <v>11001</v>
      </c>
      <c r="F2319" s="5" t="s">
        <v>4646</v>
      </c>
      <c r="G2319" s="5" t="s">
        <v>4647</v>
      </c>
    </row>
    <row r="2320" spans="1:7">
      <c r="A2320" s="5" t="s">
        <v>7</v>
      </c>
      <c r="B2320" s="5">
        <v>2384</v>
      </c>
      <c r="C2320" s="5" t="s">
        <v>8</v>
      </c>
      <c r="D2320" s="5" t="s">
        <v>8</v>
      </c>
      <c r="E2320" s="6">
        <v>11001</v>
      </c>
      <c r="F2320" s="5" t="s">
        <v>4648</v>
      </c>
      <c r="G2320" s="5" t="s">
        <v>4649</v>
      </c>
    </row>
    <row r="2321" spans="1:7">
      <c r="A2321" s="5" t="s">
        <v>7</v>
      </c>
      <c r="B2321" s="5">
        <v>2385</v>
      </c>
      <c r="C2321" s="5" t="s">
        <v>8</v>
      </c>
      <c r="D2321" s="5" t="s">
        <v>8</v>
      </c>
      <c r="E2321" s="6">
        <v>11001</v>
      </c>
      <c r="F2321" s="5" t="s">
        <v>4650</v>
      </c>
      <c r="G2321" s="5" t="s">
        <v>4651</v>
      </c>
    </row>
    <row r="2322" spans="1:7">
      <c r="A2322" s="5" t="s">
        <v>7</v>
      </c>
      <c r="B2322" s="5">
        <v>2386</v>
      </c>
      <c r="C2322" s="5" t="s">
        <v>8</v>
      </c>
      <c r="D2322" s="5" t="s">
        <v>8</v>
      </c>
      <c r="E2322" s="6">
        <v>11001</v>
      </c>
      <c r="F2322" s="5" t="s">
        <v>4652</v>
      </c>
      <c r="G2322" s="5" t="s">
        <v>4653</v>
      </c>
    </row>
    <row r="2323" spans="1:7">
      <c r="A2323" s="5" t="s">
        <v>7</v>
      </c>
      <c r="B2323" s="5">
        <v>2387</v>
      </c>
      <c r="C2323" s="5" t="s">
        <v>8</v>
      </c>
      <c r="D2323" s="5" t="s">
        <v>8</v>
      </c>
      <c r="E2323" s="6">
        <v>11001</v>
      </c>
      <c r="F2323" s="5" t="s">
        <v>4654</v>
      </c>
      <c r="G2323" s="5" t="s">
        <v>4655</v>
      </c>
    </row>
    <row r="2324" spans="1:7">
      <c r="A2324" s="5" t="s">
        <v>7</v>
      </c>
      <c r="B2324" s="5">
        <v>2388</v>
      </c>
      <c r="C2324" s="5" t="s">
        <v>8</v>
      </c>
      <c r="D2324" s="5" t="s">
        <v>8</v>
      </c>
      <c r="E2324" s="6">
        <v>11001</v>
      </c>
      <c r="F2324" s="5" t="s">
        <v>4656</v>
      </c>
      <c r="G2324" s="5" t="s">
        <v>4657</v>
      </c>
    </row>
    <row r="2325" spans="1:7">
      <c r="A2325" s="5" t="s">
        <v>7</v>
      </c>
      <c r="B2325" s="5">
        <v>2389</v>
      </c>
      <c r="C2325" s="5" t="s">
        <v>8</v>
      </c>
      <c r="D2325" s="5" t="s">
        <v>8</v>
      </c>
      <c r="E2325" s="6">
        <v>11001</v>
      </c>
      <c r="F2325" s="5" t="s">
        <v>4658</v>
      </c>
      <c r="G2325" s="5" t="s">
        <v>4659</v>
      </c>
    </row>
    <row r="2326" spans="1:7">
      <c r="A2326" s="5" t="s">
        <v>7</v>
      </c>
      <c r="B2326" s="5">
        <v>2390</v>
      </c>
      <c r="C2326" s="5" t="s">
        <v>8</v>
      </c>
      <c r="D2326" s="5" t="s">
        <v>8</v>
      </c>
      <c r="E2326" s="6">
        <v>11001</v>
      </c>
      <c r="F2326" s="5" t="s">
        <v>4660</v>
      </c>
      <c r="G2326" s="5" t="s">
        <v>4661</v>
      </c>
    </row>
    <row r="2327" spans="1:7">
      <c r="A2327" s="5" t="s">
        <v>7</v>
      </c>
      <c r="B2327" s="5">
        <v>2391</v>
      </c>
      <c r="C2327" s="5" t="s">
        <v>8</v>
      </c>
      <c r="D2327" s="5" t="s">
        <v>8</v>
      </c>
      <c r="E2327" s="6">
        <v>11001</v>
      </c>
      <c r="F2327" s="5" t="s">
        <v>4662</v>
      </c>
      <c r="G2327" s="5" t="s">
        <v>4663</v>
      </c>
    </row>
    <row r="2328" spans="1:7">
      <c r="A2328" s="5" t="s">
        <v>7</v>
      </c>
      <c r="B2328" s="5">
        <v>2392</v>
      </c>
      <c r="C2328" s="5" t="s">
        <v>2891</v>
      </c>
      <c r="D2328" s="5" t="s">
        <v>2892</v>
      </c>
      <c r="E2328" s="6">
        <v>13001</v>
      </c>
      <c r="F2328" s="5" t="s">
        <v>4664</v>
      </c>
      <c r="G2328" s="5" t="s">
        <v>4665</v>
      </c>
    </row>
    <row r="2329" spans="1:7">
      <c r="A2329" s="5" t="s">
        <v>7</v>
      </c>
      <c r="B2329" s="5">
        <v>2393</v>
      </c>
      <c r="C2329" s="5" t="s">
        <v>813</v>
      </c>
      <c r="D2329" s="5" t="s">
        <v>814</v>
      </c>
      <c r="E2329" s="6">
        <v>25754</v>
      </c>
      <c r="F2329" s="5" t="s">
        <v>4666</v>
      </c>
      <c r="G2329" s="5" t="s">
        <v>4667</v>
      </c>
    </row>
    <row r="2330" spans="1:7">
      <c r="A2330" s="5" t="s">
        <v>7</v>
      </c>
      <c r="B2330" s="5">
        <v>2394</v>
      </c>
      <c r="C2330" s="5" t="s">
        <v>8</v>
      </c>
      <c r="D2330" s="5" t="s">
        <v>8</v>
      </c>
      <c r="E2330" s="6">
        <v>11001</v>
      </c>
      <c r="F2330" s="5" t="s">
        <v>4668</v>
      </c>
      <c r="G2330" s="5" t="s">
        <v>4669</v>
      </c>
    </row>
    <row r="2331" spans="1:7">
      <c r="A2331" s="5" t="s">
        <v>7</v>
      </c>
      <c r="B2331" s="5">
        <v>2395</v>
      </c>
      <c r="C2331" s="5" t="s">
        <v>8</v>
      </c>
      <c r="D2331" s="5" t="s">
        <v>8</v>
      </c>
      <c r="E2331" s="6">
        <v>11001</v>
      </c>
      <c r="F2331" s="5" t="s">
        <v>4670</v>
      </c>
      <c r="G2331" s="5" t="s">
        <v>4671</v>
      </c>
    </row>
    <row r="2332" spans="1:7">
      <c r="A2332" s="5" t="s">
        <v>7</v>
      </c>
      <c r="B2332" s="5">
        <v>2396</v>
      </c>
      <c r="C2332" s="5" t="s">
        <v>4672</v>
      </c>
      <c r="D2332" s="5" t="s">
        <v>4673</v>
      </c>
      <c r="E2332" s="6">
        <v>76111</v>
      </c>
      <c r="F2332" s="5" t="s">
        <v>4674</v>
      </c>
      <c r="G2332" s="5" t="s">
        <v>4675</v>
      </c>
    </row>
    <row r="2333" spans="1:7">
      <c r="A2333" s="5" t="s">
        <v>7</v>
      </c>
      <c r="B2333" s="5">
        <v>2397</v>
      </c>
      <c r="C2333" s="5" t="s">
        <v>8</v>
      </c>
      <c r="D2333" s="5" t="s">
        <v>8</v>
      </c>
      <c r="E2333" s="6">
        <v>11001</v>
      </c>
      <c r="F2333" s="5" t="s">
        <v>4676</v>
      </c>
      <c r="G2333" s="5" t="s">
        <v>4677</v>
      </c>
    </row>
    <row r="2334" spans="1:7">
      <c r="A2334" s="5" t="s">
        <v>7</v>
      </c>
      <c r="B2334" s="5">
        <v>2398</v>
      </c>
      <c r="C2334" s="5" t="s">
        <v>8</v>
      </c>
      <c r="D2334" s="5" t="s">
        <v>8</v>
      </c>
      <c r="E2334" s="6">
        <v>11001</v>
      </c>
      <c r="F2334" s="5" t="s">
        <v>4678</v>
      </c>
      <c r="G2334" s="5" t="s">
        <v>4679</v>
      </c>
    </row>
    <row r="2335" spans="1:7">
      <c r="A2335" s="5" t="s">
        <v>7</v>
      </c>
      <c r="B2335" s="5">
        <v>2399</v>
      </c>
      <c r="C2335" s="5" t="s">
        <v>8</v>
      </c>
      <c r="D2335" s="5" t="s">
        <v>8</v>
      </c>
      <c r="E2335" s="6">
        <v>11001</v>
      </c>
      <c r="F2335" s="5" t="s">
        <v>4680</v>
      </c>
      <c r="G2335" s="5" t="s">
        <v>4681</v>
      </c>
    </row>
    <row r="2336" spans="1:7">
      <c r="A2336" s="5" t="s">
        <v>7</v>
      </c>
      <c r="B2336" s="5">
        <v>2400</v>
      </c>
      <c r="C2336" s="5" t="s">
        <v>8</v>
      </c>
      <c r="D2336" s="5" t="s">
        <v>8</v>
      </c>
      <c r="E2336" s="6">
        <v>11001</v>
      </c>
      <c r="F2336" s="5" t="s">
        <v>4682</v>
      </c>
      <c r="G2336" s="5" t="s">
        <v>4683</v>
      </c>
    </row>
    <row r="2337" spans="1:7">
      <c r="A2337" s="5" t="s">
        <v>7</v>
      </c>
      <c r="B2337" s="5">
        <v>2402</v>
      </c>
      <c r="C2337" s="5" t="s">
        <v>8</v>
      </c>
      <c r="D2337" s="5" t="s">
        <v>8</v>
      </c>
      <c r="E2337" s="6">
        <v>11001</v>
      </c>
      <c r="F2337" s="5" t="s">
        <v>4684</v>
      </c>
      <c r="G2337" s="5" t="s">
        <v>4685</v>
      </c>
    </row>
    <row r="2338" spans="1:7">
      <c r="A2338" s="5" t="s">
        <v>7</v>
      </c>
      <c r="B2338" s="5">
        <v>2403</v>
      </c>
      <c r="C2338" s="5" t="s">
        <v>2891</v>
      </c>
      <c r="D2338" s="5" t="s">
        <v>2892</v>
      </c>
      <c r="E2338" s="6">
        <v>13001</v>
      </c>
      <c r="F2338" s="5" t="s">
        <v>4686</v>
      </c>
      <c r="G2338" s="5" t="s">
        <v>4687</v>
      </c>
    </row>
    <row r="2339" spans="1:7">
      <c r="A2339" s="5" t="s">
        <v>7</v>
      </c>
      <c r="B2339" s="5">
        <v>2404</v>
      </c>
      <c r="C2339" s="5" t="s">
        <v>8</v>
      </c>
      <c r="D2339" s="5" t="s">
        <v>8</v>
      </c>
      <c r="E2339" s="6">
        <v>11001</v>
      </c>
      <c r="F2339" s="5" t="s">
        <v>4688</v>
      </c>
      <c r="G2339" s="5" t="s">
        <v>4689</v>
      </c>
    </row>
    <row r="2340" spans="1:7">
      <c r="A2340" s="5" t="s">
        <v>7</v>
      </c>
      <c r="B2340" s="5">
        <v>2405</v>
      </c>
      <c r="C2340" s="5" t="s">
        <v>8</v>
      </c>
      <c r="D2340" s="5" t="s">
        <v>8</v>
      </c>
      <c r="E2340" s="6">
        <v>11001</v>
      </c>
      <c r="F2340" s="5" t="s">
        <v>4690</v>
      </c>
      <c r="G2340" s="5" t="s">
        <v>4691</v>
      </c>
    </row>
    <row r="2341" spans="1:7">
      <c r="A2341" s="5" t="s">
        <v>7</v>
      </c>
      <c r="B2341" s="5">
        <v>2406</v>
      </c>
      <c r="C2341" s="5" t="s">
        <v>8</v>
      </c>
      <c r="D2341" s="5" t="s">
        <v>8</v>
      </c>
      <c r="E2341" s="6">
        <v>11001</v>
      </c>
      <c r="F2341" s="5" t="s">
        <v>4692</v>
      </c>
      <c r="G2341" s="5" t="s">
        <v>4693</v>
      </c>
    </row>
    <row r="2342" spans="1:7">
      <c r="A2342" s="5" t="s">
        <v>7</v>
      </c>
      <c r="B2342" s="5">
        <v>2407</v>
      </c>
      <c r="C2342" s="5" t="s">
        <v>8</v>
      </c>
      <c r="D2342" s="5" t="s">
        <v>8</v>
      </c>
      <c r="E2342" s="6">
        <v>11001</v>
      </c>
      <c r="F2342" s="5" t="s">
        <v>4694</v>
      </c>
      <c r="G2342" s="5" t="s">
        <v>4695</v>
      </c>
    </row>
    <row r="2343" spans="1:7">
      <c r="A2343" s="5" t="s">
        <v>7</v>
      </c>
      <c r="B2343" s="5">
        <v>2408</v>
      </c>
      <c r="C2343" s="5" t="s">
        <v>8</v>
      </c>
      <c r="D2343" s="5" t="s">
        <v>8</v>
      </c>
      <c r="E2343" s="6">
        <v>11001</v>
      </c>
      <c r="F2343" s="5" t="s">
        <v>4696</v>
      </c>
      <c r="G2343" s="5" t="s">
        <v>4697</v>
      </c>
    </row>
    <row r="2344" spans="1:7">
      <c r="A2344" s="5" t="s">
        <v>7</v>
      </c>
      <c r="B2344" s="5">
        <v>2409</v>
      </c>
      <c r="C2344" s="5" t="s">
        <v>8</v>
      </c>
      <c r="D2344" s="5" t="s">
        <v>8</v>
      </c>
      <c r="E2344" s="6">
        <v>11001</v>
      </c>
      <c r="F2344" s="5" t="s">
        <v>4698</v>
      </c>
      <c r="G2344" s="5" t="s">
        <v>4699</v>
      </c>
    </row>
    <row r="2345" spans="1:7">
      <c r="A2345" s="5" t="s">
        <v>7</v>
      </c>
      <c r="B2345" s="5">
        <v>2410</v>
      </c>
      <c r="C2345" s="5" t="s">
        <v>8</v>
      </c>
      <c r="D2345" s="5" t="s">
        <v>8</v>
      </c>
      <c r="E2345" s="6">
        <v>11001</v>
      </c>
      <c r="F2345" s="5" t="s">
        <v>4700</v>
      </c>
      <c r="G2345" s="5" t="s">
        <v>4701</v>
      </c>
    </row>
    <row r="2346" spans="1:7">
      <c r="A2346" s="5" t="s">
        <v>7</v>
      </c>
      <c r="B2346" s="5">
        <v>2411</v>
      </c>
      <c r="C2346" s="5" t="s">
        <v>8</v>
      </c>
      <c r="D2346" s="5" t="s">
        <v>8</v>
      </c>
      <c r="E2346" s="6">
        <v>11001</v>
      </c>
      <c r="F2346" s="5" t="s">
        <v>4702</v>
      </c>
      <c r="G2346" s="5" t="s">
        <v>4703</v>
      </c>
    </row>
    <row r="2347" spans="1:7">
      <c r="A2347" s="5" t="s">
        <v>7</v>
      </c>
      <c r="B2347" s="5">
        <v>2412</v>
      </c>
      <c r="C2347" s="5" t="s">
        <v>8</v>
      </c>
      <c r="D2347" s="5" t="s">
        <v>8</v>
      </c>
      <c r="E2347" s="6">
        <v>11001</v>
      </c>
      <c r="F2347" s="5" t="s">
        <v>4704</v>
      </c>
      <c r="G2347" s="5" t="s">
        <v>4705</v>
      </c>
    </row>
    <row r="2348" spans="1:7">
      <c r="A2348" s="5" t="s">
        <v>7</v>
      </c>
      <c r="B2348" s="5">
        <v>2413</v>
      </c>
      <c r="C2348" s="5" t="s">
        <v>8</v>
      </c>
      <c r="D2348" s="5" t="s">
        <v>8</v>
      </c>
      <c r="E2348" s="6">
        <v>11001</v>
      </c>
      <c r="F2348" s="5" t="s">
        <v>4706</v>
      </c>
      <c r="G2348" s="5" t="s">
        <v>4707</v>
      </c>
    </row>
    <row r="2349" spans="1:7">
      <c r="A2349" s="5" t="s">
        <v>7</v>
      </c>
      <c r="B2349" s="5">
        <v>2414</v>
      </c>
      <c r="C2349" s="5" t="s">
        <v>8</v>
      </c>
      <c r="D2349" s="5" t="s">
        <v>8</v>
      </c>
      <c r="E2349" s="6">
        <v>11001</v>
      </c>
      <c r="F2349" s="5" t="s">
        <v>3123</v>
      </c>
      <c r="G2349" s="5" t="s">
        <v>3124</v>
      </c>
    </row>
    <row r="2350" spans="1:7">
      <c r="A2350" s="5" t="s">
        <v>7</v>
      </c>
      <c r="B2350" s="5">
        <v>2415</v>
      </c>
      <c r="C2350" s="5" t="s">
        <v>8</v>
      </c>
      <c r="D2350" s="5" t="s">
        <v>8</v>
      </c>
      <c r="E2350" s="6">
        <v>11001</v>
      </c>
      <c r="F2350" s="5" t="s">
        <v>4708</v>
      </c>
      <c r="G2350" s="5" t="s">
        <v>4709</v>
      </c>
    </row>
    <row r="2351" spans="1:7">
      <c r="A2351" s="5" t="s">
        <v>7</v>
      </c>
      <c r="B2351" s="5">
        <v>2416</v>
      </c>
      <c r="C2351" s="5" t="s">
        <v>813</v>
      </c>
      <c r="D2351" s="5" t="s">
        <v>814</v>
      </c>
      <c r="E2351" s="6">
        <v>25754</v>
      </c>
      <c r="F2351" s="5" t="s">
        <v>4710</v>
      </c>
      <c r="G2351" s="5" t="s">
        <v>4711</v>
      </c>
    </row>
    <row r="2352" spans="1:7">
      <c r="A2352" s="5" t="s">
        <v>7</v>
      </c>
      <c r="B2352" s="5">
        <v>2417</v>
      </c>
      <c r="C2352" s="5" t="s">
        <v>8</v>
      </c>
      <c r="D2352" s="5" t="s">
        <v>8</v>
      </c>
      <c r="E2352" s="6">
        <v>11001</v>
      </c>
      <c r="F2352" s="5" t="s">
        <v>4712</v>
      </c>
      <c r="G2352" s="5" t="s">
        <v>4713</v>
      </c>
    </row>
    <row r="2353" spans="1:7">
      <c r="A2353" s="5" t="s">
        <v>7</v>
      </c>
      <c r="B2353" s="5">
        <v>2418</v>
      </c>
      <c r="C2353" s="5" t="s">
        <v>8</v>
      </c>
      <c r="D2353" s="5" t="s">
        <v>8</v>
      </c>
      <c r="E2353" s="6">
        <v>11001</v>
      </c>
      <c r="F2353" s="5" t="s">
        <v>4714</v>
      </c>
      <c r="G2353" s="5" t="s">
        <v>4715</v>
      </c>
    </row>
    <row r="2354" spans="1:7">
      <c r="A2354" s="5" t="s">
        <v>7</v>
      </c>
      <c r="B2354" s="5">
        <v>2419</v>
      </c>
      <c r="C2354" s="5" t="s">
        <v>8</v>
      </c>
      <c r="D2354" s="5" t="s">
        <v>8</v>
      </c>
      <c r="E2354" s="6">
        <v>11001</v>
      </c>
      <c r="F2354" s="5" t="s">
        <v>4716</v>
      </c>
      <c r="G2354" s="5" t="s">
        <v>4717</v>
      </c>
    </row>
    <row r="2355" spans="1:7">
      <c r="A2355" s="5" t="s">
        <v>7</v>
      </c>
      <c r="B2355" s="5">
        <v>2420</v>
      </c>
      <c r="C2355" s="5" t="s">
        <v>8</v>
      </c>
      <c r="D2355" s="5" t="s">
        <v>8</v>
      </c>
      <c r="E2355" s="6">
        <v>11001</v>
      </c>
      <c r="F2355" s="5" t="s">
        <v>4718</v>
      </c>
      <c r="G2355" s="5" t="s">
        <v>4719</v>
      </c>
    </row>
    <row r="2356" spans="1:7">
      <c r="A2356" s="5" t="s">
        <v>7</v>
      </c>
      <c r="B2356" s="5">
        <v>2421</v>
      </c>
      <c r="C2356" s="5" t="s">
        <v>8</v>
      </c>
      <c r="D2356" s="5" t="s">
        <v>8</v>
      </c>
      <c r="E2356" s="6">
        <v>11001</v>
      </c>
      <c r="F2356" s="5" t="s">
        <v>4720</v>
      </c>
      <c r="G2356" s="5" t="s">
        <v>4721</v>
      </c>
    </row>
    <row r="2357" spans="1:7">
      <c r="A2357" s="5" t="s">
        <v>7</v>
      </c>
      <c r="B2357" s="5">
        <v>2422</v>
      </c>
      <c r="C2357" s="5" t="s">
        <v>8</v>
      </c>
      <c r="D2357" s="5" t="s">
        <v>8</v>
      </c>
      <c r="E2357" s="6">
        <v>11001</v>
      </c>
      <c r="F2357" s="5" t="s">
        <v>4722</v>
      </c>
      <c r="G2357" s="5" t="s">
        <v>4723</v>
      </c>
    </row>
    <row r="2358" spans="1:7">
      <c r="A2358" s="5" t="s">
        <v>7</v>
      </c>
      <c r="B2358" s="5">
        <v>2423</v>
      </c>
      <c r="C2358" s="5" t="s">
        <v>8</v>
      </c>
      <c r="D2358" s="5" t="s">
        <v>8</v>
      </c>
      <c r="E2358" s="6">
        <v>11001</v>
      </c>
      <c r="F2358" s="5" t="s">
        <v>4724</v>
      </c>
      <c r="G2358" s="5" t="s">
        <v>58</v>
      </c>
    </row>
    <row r="2359" spans="1:7">
      <c r="A2359" s="5" t="s">
        <v>7</v>
      </c>
      <c r="B2359" s="5">
        <v>2424</v>
      </c>
      <c r="C2359" s="5" t="s">
        <v>8</v>
      </c>
      <c r="D2359" s="5" t="s">
        <v>8</v>
      </c>
      <c r="E2359" s="6">
        <v>11001</v>
      </c>
      <c r="F2359" s="5" t="s">
        <v>4725</v>
      </c>
      <c r="G2359" s="5" t="s">
        <v>4726</v>
      </c>
    </row>
    <row r="2360" spans="1:7">
      <c r="A2360" s="5" t="s">
        <v>7</v>
      </c>
      <c r="B2360" s="5">
        <v>2425</v>
      </c>
      <c r="C2360" s="5" t="s">
        <v>8</v>
      </c>
      <c r="D2360" s="5" t="s">
        <v>8</v>
      </c>
      <c r="E2360" s="6">
        <v>11001</v>
      </c>
      <c r="F2360" s="5" t="s">
        <v>4727</v>
      </c>
      <c r="G2360" s="5" t="s">
        <v>4728</v>
      </c>
    </row>
    <row r="2361" spans="1:7">
      <c r="A2361" s="5" t="s">
        <v>7</v>
      </c>
      <c r="B2361" s="5">
        <v>2426</v>
      </c>
      <c r="C2361" s="5" t="s">
        <v>8</v>
      </c>
      <c r="D2361" s="5" t="s">
        <v>8</v>
      </c>
      <c r="E2361" s="6">
        <v>11001</v>
      </c>
      <c r="F2361" s="5" t="s">
        <v>4729</v>
      </c>
      <c r="G2361" s="5" t="s">
        <v>4730</v>
      </c>
    </row>
    <row r="2362" spans="1:7">
      <c r="A2362" s="5" t="s">
        <v>7</v>
      </c>
      <c r="B2362" s="5">
        <v>2428</v>
      </c>
      <c r="C2362" s="5" t="s">
        <v>8</v>
      </c>
      <c r="D2362" s="5" t="s">
        <v>8</v>
      </c>
      <c r="E2362" s="6">
        <v>11001</v>
      </c>
      <c r="F2362" s="5" t="s">
        <v>4731</v>
      </c>
      <c r="G2362" s="5" t="s">
        <v>4732</v>
      </c>
    </row>
    <row r="2363" spans="1:7">
      <c r="A2363" s="5" t="s">
        <v>7</v>
      </c>
      <c r="B2363" s="5">
        <v>2429</v>
      </c>
      <c r="C2363" s="5" t="s">
        <v>8</v>
      </c>
      <c r="D2363" s="5" t="s">
        <v>8</v>
      </c>
      <c r="E2363" s="6">
        <v>11001</v>
      </c>
      <c r="F2363" s="5" t="s">
        <v>4733</v>
      </c>
      <c r="G2363" s="5" t="s">
        <v>4734</v>
      </c>
    </row>
    <row r="2364" spans="1:7">
      <c r="A2364" s="5" t="s">
        <v>7</v>
      </c>
      <c r="B2364" s="5">
        <v>2430</v>
      </c>
      <c r="C2364" s="5" t="s">
        <v>8</v>
      </c>
      <c r="D2364" s="5" t="s">
        <v>8</v>
      </c>
      <c r="E2364" s="6">
        <v>11001</v>
      </c>
      <c r="F2364" s="5" t="s">
        <v>4735</v>
      </c>
      <c r="G2364" s="5" t="s">
        <v>4736</v>
      </c>
    </row>
    <row r="2365" spans="1:7">
      <c r="A2365" s="5" t="s">
        <v>7</v>
      </c>
      <c r="B2365" s="5">
        <v>2431</v>
      </c>
      <c r="C2365" s="5" t="s">
        <v>8</v>
      </c>
      <c r="D2365" s="5" t="s">
        <v>8</v>
      </c>
      <c r="E2365" s="6">
        <v>11001</v>
      </c>
      <c r="F2365" s="5" t="s">
        <v>4737</v>
      </c>
      <c r="G2365" s="5" t="s">
        <v>4738</v>
      </c>
    </row>
    <row r="2366" spans="1:7">
      <c r="A2366" s="5" t="s">
        <v>7</v>
      </c>
      <c r="B2366" s="5">
        <v>2432</v>
      </c>
      <c r="C2366" s="5" t="s">
        <v>8</v>
      </c>
      <c r="D2366" s="5" t="s">
        <v>8</v>
      </c>
      <c r="E2366" s="6">
        <v>11001</v>
      </c>
      <c r="F2366" s="5" t="s">
        <v>4739</v>
      </c>
      <c r="G2366" s="5" t="s">
        <v>3839</v>
      </c>
    </row>
    <row r="2367" spans="1:7">
      <c r="A2367" s="5" t="s">
        <v>7</v>
      </c>
      <c r="B2367" s="5">
        <v>2433</v>
      </c>
      <c r="C2367" s="5" t="s">
        <v>8</v>
      </c>
      <c r="D2367" s="5" t="s">
        <v>8</v>
      </c>
      <c r="E2367" s="6">
        <v>11001</v>
      </c>
      <c r="F2367" s="5" t="s">
        <v>4740</v>
      </c>
      <c r="G2367" s="5" t="s">
        <v>4741</v>
      </c>
    </row>
    <row r="2368" spans="1:7">
      <c r="A2368" s="5" t="s">
        <v>7</v>
      </c>
      <c r="B2368" s="5">
        <v>2434</v>
      </c>
      <c r="C2368" s="5" t="s">
        <v>2891</v>
      </c>
      <c r="D2368" s="5" t="s">
        <v>2892</v>
      </c>
      <c r="E2368" s="6">
        <v>13001</v>
      </c>
      <c r="F2368" s="5" t="s">
        <v>4742</v>
      </c>
      <c r="G2368" s="5" t="s">
        <v>4743</v>
      </c>
    </row>
    <row r="2369" spans="1:7">
      <c r="A2369" s="5" t="s">
        <v>7</v>
      </c>
      <c r="B2369" s="5">
        <v>2435</v>
      </c>
      <c r="C2369" s="5" t="s">
        <v>813</v>
      </c>
      <c r="D2369" s="5" t="s">
        <v>2237</v>
      </c>
      <c r="E2369" s="6">
        <v>25290</v>
      </c>
      <c r="F2369" s="5" t="s">
        <v>4744</v>
      </c>
      <c r="G2369" s="5" t="s">
        <v>4745</v>
      </c>
    </row>
    <row r="2370" spans="1:7">
      <c r="A2370" s="5" t="s">
        <v>7</v>
      </c>
      <c r="B2370" s="5">
        <v>2436</v>
      </c>
      <c r="C2370" s="5" t="s">
        <v>2891</v>
      </c>
      <c r="D2370" s="5" t="s">
        <v>2892</v>
      </c>
      <c r="E2370" s="6">
        <v>13001</v>
      </c>
      <c r="F2370" s="5" t="s">
        <v>4746</v>
      </c>
      <c r="G2370" s="5" t="s">
        <v>4747</v>
      </c>
    </row>
    <row r="2371" spans="1:7">
      <c r="A2371" s="5" t="s">
        <v>7</v>
      </c>
      <c r="B2371" s="5">
        <v>2437</v>
      </c>
      <c r="C2371" s="5" t="s">
        <v>8</v>
      </c>
      <c r="D2371" s="5" t="s">
        <v>8</v>
      </c>
      <c r="E2371" s="6">
        <v>11001</v>
      </c>
      <c r="F2371" s="5" t="s">
        <v>4748</v>
      </c>
      <c r="G2371" s="5" t="s">
        <v>4749</v>
      </c>
    </row>
    <row r="2372" spans="1:7">
      <c r="A2372" s="5" t="s">
        <v>7</v>
      </c>
      <c r="B2372" s="5">
        <v>2438</v>
      </c>
      <c r="C2372" s="5" t="s">
        <v>2891</v>
      </c>
      <c r="D2372" s="5" t="s">
        <v>2892</v>
      </c>
      <c r="E2372" s="6">
        <v>13001</v>
      </c>
      <c r="F2372" s="5" t="s">
        <v>4750</v>
      </c>
      <c r="G2372" s="5" t="s">
        <v>4751</v>
      </c>
    </row>
    <row r="2373" spans="1:7">
      <c r="A2373" s="5" t="s">
        <v>7</v>
      </c>
      <c r="B2373" s="5">
        <v>2439</v>
      </c>
      <c r="C2373" s="5" t="s">
        <v>8</v>
      </c>
      <c r="D2373" s="5" t="s">
        <v>8</v>
      </c>
      <c r="E2373" s="6">
        <v>11001</v>
      </c>
      <c r="F2373" s="5" t="s">
        <v>4752</v>
      </c>
      <c r="G2373" s="5" t="s">
        <v>4753</v>
      </c>
    </row>
    <row r="2374" spans="1:7">
      <c r="A2374" s="5" t="s">
        <v>7</v>
      </c>
      <c r="B2374" s="5">
        <v>2440</v>
      </c>
      <c r="C2374" s="5" t="s">
        <v>2891</v>
      </c>
      <c r="D2374" s="5" t="s">
        <v>2892</v>
      </c>
      <c r="E2374" s="6">
        <v>13001</v>
      </c>
      <c r="F2374" s="5" t="s">
        <v>4754</v>
      </c>
      <c r="G2374" s="5" t="s">
        <v>4755</v>
      </c>
    </row>
    <row r="2375" spans="1:7">
      <c r="A2375" s="5" t="s">
        <v>7</v>
      </c>
      <c r="B2375" s="5">
        <v>2441</v>
      </c>
      <c r="C2375" s="5" t="s">
        <v>8</v>
      </c>
      <c r="D2375" s="5" t="s">
        <v>8</v>
      </c>
      <c r="E2375" s="6">
        <v>11001</v>
      </c>
      <c r="F2375" s="5" t="s">
        <v>4756</v>
      </c>
      <c r="G2375" s="5" t="s">
        <v>4757</v>
      </c>
    </row>
    <row r="2376" spans="1:7">
      <c r="A2376" s="5" t="s">
        <v>7</v>
      </c>
      <c r="B2376" s="5">
        <v>2442</v>
      </c>
      <c r="C2376" s="5" t="s">
        <v>8</v>
      </c>
      <c r="D2376" s="5" t="s">
        <v>8</v>
      </c>
      <c r="E2376" s="6">
        <v>11001</v>
      </c>
      <c r="F2376" s="5" t="s">
        <v>4758</v>
      </c>
      <c r="G2376" s="5" t="s">
        <v>4759</v>
      </c>
    </row>
    <row r="2377" spans="1:7">
      <c r="A2377" s="5" t="s">
        <v>7</v>
      </c>
      <c r="B2377" s="5">
        <v>2443</v>
      </c>
      <c r="C2377" s="5" t="s">
        <v>8</v>
      </c>
      <c r="D2377" s="5" t="s">
        <v>8</v>
      </c>
      <c r="E2377" s="6">
        <v>11001</v>
      </c>
      <c r="F2377" s="5" t="s">
        <v>4760</v>
      </c>
      <c r="G2377" s="5" t="s">
        <v>4761</v>
      </c>
    </row>
    <row r="2378" spans="1:7">
      <c r="A2378" s="5" t="s">
        <v>7</v>
      </c>
      <c r="B2378" s="5">
        <v>2444</v>
      </c>
      <c r="C2378" s="5" t="s">
        <v>8</v>
      </c>
      <c r="D2378" s="5" t="s">
        <v>8</v>
      </c>
      <c r="E2378" s="6">
        <v>11001</v>
      </c>
      <c r="F2378" s="5" t="s">
        <v>4762</v>
      </c>
      <c r="G2378" s="5" t="s">
        <v>4763</v>
      </c>
    </row>
    <row r="2379" spans="1:7">
      <c r="A2379" s="5" t="s">
        <v>7</v>
      </c>
      <c r="B2379" s="5">
        <v>2445</v>
      </c>
      <c r="C2379" s="5" t="s">
        <v>8</v>
      </c>
      <c r="D2379" s="5" t="s">
        <v>8</v>
      </c>
      <c r="E2379" s="6">
        <v>11001</v>
      </c>
      <c r="F2379" s="5" t="s">
        <v>4764</v>
      </c>
      <c r="G2379" s="5" t="s">
        <v>4765</v>
      </c>
    </row>
    <row r="2380" spans="1:7">
      <c r="A2380" s="5" t="s">
        <v>7</v>
      </c>
      <c r="B2380" s="5">
        <v>2446</v>
      </c>
      <c r="C2380" s="5" t="s">
        <v>8</v>
      </c>
      <c r="D2380" s="5" t="s">
        <v>8</v>
      </c>
      <c r="E2380" s="6">
        <v>11001</v>
      </c>
      <c r="F2380" s="5" t="s">
        <v>4766</v>
      </c>
      <c r="G2380" s="5" t="s">
        <v>4767</v>
      </c>
    </row>
    <row r="2381" spans="1:7">
      <c r="A2381" s="5" t="s">
        <v>7</v>
      </c>
      <c r="B2381" s="5">
        <v>2447</v>
      </c>
      <c r="C2381" s="5" t="s">
        <v>8</v>
      </c>
      <c r="D2381" s="5" t="s">
        <v>8</v>
      </c>
      <c r="E2381" s="6">
        <v>11001</v>
      </c>
      <c r="F2381" s="5" t="s">
        <v>4768</v>
      </c>
      <c r="G2381" s="5" t="s">
        <v>4769</v>
      </c>
    </row>
    <row r="2382" spans="1:7">
      <c r="A2382" s="5" t="s">
        <v>7</v>
      </c>
      <c r="B2382" s="5">
        <v>2448</v>
      </c>
      <c r="C2382" s="5" t="s">
        <v>8</v>
      </c>
      <c r="D2382" s="5" t="s">
        <v>8</v>
      </c>
      <c r="E2382" s="6">
        <v>11001</v>
      </c>
      <c r="F2382" s="5" t="s">
        <v>4770</v>
      </c>
      <c r="G2382" s="5" t="s">
        <v>4771</v>
      </c>
    </row>
    <row r="2383" spans="1:7">
      <c r="A2383" s="5" t="s">
        <v>7</v>
      </c>
      <c r="B2383" s="5">
        <v>2449</v>
      </c>
      <c r="C2383" s="5" t="s">
        <v>8</v>
      </c>
      <c r="D2383" s="5" t="s">
        <v>8</v>
      </c>
      <c r="E2383" s="6">
        <v>11001</v>
      </c>
      <c r="F2383" s="5" t="s">
        <v>4772</v>
      </c>
      <c r="G2383" s="5" t="s">
        <v>4773</v>
      </c>
    </row>
    <row r="2384" spans="1:7">
      <c r="A2384" s="5" t="s">
        <v>7</v>
      </c>
      <c r="B2384" s="5">
        <v>2450</v>
      </c>
      <c r="C2384" s="5" t="s">
        <v>8</v>
      </c>
      <c r="D2384" s="5" t="s">
        <v>8</v>
      </c>
      <c r="E2384" s="6">
        <v>11001</v>
      </c>
      <c r="F2384" s="5" t="s">
        <v>4774</v>
      </c>
      <c r="G2384" s="5" t="s">
        <v>4775</v>
      </c>
    </row>
    <row r="2385" spans="1:7">
      <c r="A2385" s="5" t="s">
        <v>7</v>
      </c>
      <c r="B2385" s="5">
        <v>2451</v>
      </c>
      <c r="C2385" s="5" t="s">
        <v>3215</v>
      </c>
      <c r="D2385" s="5" t="s">
        <v>3216</v>
      </c>
      <c r="E2385" s="6">
        <v>20001</v>
      </c>
      <c r="F2385" s="5" t="s">
        <v>4776</v>
      </c>
      <c r="G2385" s="5" t="s">
        <v>4777</v>
      </c>
    </row>
    <row r="2386" spans="1:7">
      <c r="A2386" s="5" t="s">
        <v>7</v>
      </c>
      <c r="B2386" s="5">
        <v>2452</v>
      </c>
      <c r="C2386" s="5" t="s">
        <v>8</v>
      </c>
      <c r="D2386" s="5" t="s">
        <v>8</v>
      </c>
      <c r="E2386" s="6">
        <v>11001</v>
      </c>
      <c r="F2386" s="5" t="s">
        <v>4778</v>
      </c>
      <c r="G2386" s="5" t="s">
        <v>4779</v>
      </c>
    </row>
    <row r="2387" spans="1:7">
      <c r="A2387" s="5" t="s">
        <v>7</v>
      </c>
      <c r="B2387" s="5">
        <v>2453</v>
      </c>
      <c r="C2387" s="5" t="s">
        <v>8</v>
      </c>
      <c r="D2387" s="5" t="s">
        <v>8</v>
      </c>
      <c r="E2387" s="6">
        <v>11001</v>
      </c>
      <c r="F2387" s="5" t="s">
        <v>4780</v>
      </c>
      <c r="G2387" s="5" t="s">
        <v>4781</v>
      </c>
    </row>
    <row r="2388" spans="1:7">
      <c r="A2388" s="5" t="s">
        <v>7</v>
      </c>
      <c r="B2388" s="5">
        <v>2454</v>
      </c>
      <c r="C2388" s="5" t="s">
        <v>8</v>
      </c>
      <c r="D2388" s="5" t="s">
        <v>8</v>
      </c>
      <c r="E2388" s="6">
        <v>11001</v>
      </c>
      <c r="F2388" s="5" t="s">
        <v>4782</v>
      </c>
      <c r="G2388" s="5" t="s">
        <v>4783</v>
      </c>
    </row>
    <row r="2389" spans="1:7">
      <c r="A2389" s="5" t="s">
        <v>7</v>
      </c>
      <c r="B2389" s="5">
        <v>2455</v>
      </c>
      <c r="C2389" s="5" t="s">
        <v>2891</v>
      </c>
      <c r="D2389" s="5" t="s">
        <v>2892</v>
      </c>
      <c r="E2389" s="6">
        <v>13001</v>
      </c>
      <c r="F2389" s="5" t="s">
        <v>4784</v>
      </c>
      <c r="G2389" s="5" t="s">
        <v>4785</v>
      </c>
    </row>
    <row r="2390" spans="1:7">
      <c r="A2390" s="5" t="s">
        <v>7</v>
      </c>
      <c r="B2390" s="5">
        <v>2456</v>
      </c>
      <c r="C2390" s="5" t="s">
        <v>8</v>
      </c>
      <c r="D2390" s="5" t="s">
        <v>8</v>
      </c>
      <c r="E2390" s="6">
        <v>11001</v>
      </c>
      <c r="F2390" s="5" t="s">
        <v>4786</v>
      </c>
      <c r="G2390" s="5" t="s">
        <v>4787</v>
      </c>
    </row>
    <row r="2391" spans="1:7">
      <c r="A2391" s="5" t="s">
        <v>7</v>
      </c>
      <c r="B2391" s="5">
        <v>2457</v>
      </c>
      <c r="C2391" s="5" t="s">
        <v>8</v>
      </c>
      <c r="D2391" s="5" t="s">
        <v>8</v>
      </c>
      <c r="E2391" s="6">
        <v>11001</v>
      </c>
      <c r="F2391" s="5" t="s">
        <v>4788</v>
      </c>
      <c r="G2391" s="5" t="s">
        <v>4789</v>
      </c>
    </row>
    <row r="2392" spans="1:7">
      <c r="A2392" s="5" t="s">
        <v>7</v>
      </c>
      <c r="B2392" s="5">
        <v>2458</v>
      </c>
      <c r="C2392" s="5" t="s">
        <v>8</v>
      </c>
      <c r="D2392" s="5" t="s">
        <v>8</v>
      </c>
      <c r="E2392" s="6">
        <v>11001</v>
      </c>
      <c r="F2392" s="5" t="s">
        <v>4790</v>
      </c>
      <c r="G2392" s="5" t="s">
        <v>4791</v>
      </c>
    </row>
    <row r="2393" spans="1:7">
      <c r="A2393" s="5" t="s">
        <v>7</v>
      </c>
      <c r="B2393" s="5">
        <v>2459</v>
      </c>
      <c r="C2393" s="5" t="s">
        <v>8</v>
      </c>
      <c r="D2393" s="5" t="s">
        <v>8</v>
      </c>
      <c r="E2393" s="6">
        <v>11001</v>
      </c>
      <c r="F2393" s="5" t="s">
        <v>113</v>
      </c>
      <c r="G2393" s="5" t="s">
        <v>4792</v>
      </c>
    </row>
    <row r="2394" spans="1:7">
      <c r="A2394" s="5" t="s">
        <v>7</v>
      </c>
      <c r="B2394" s="5">
        <v>2460</v>
      </c>
      <c r="C2394" s="5" t="s">
        <v>8</v>
      </c>
      <c r="D2394" s="5" t="s">
        <v>8</v>
      </c>
      <c r="E2394" s="6">
        <v>11001</v>
      </c>
      <c r="F2394" s="5" t="s">
        <v>4793</v>
      </c>
      <c r="G2394" s="5" t="s">
        <v>4794</v>
      </c>
    </row>
    <row r="2395" spans="1:7">
      <c r="A2395" s="5" t="s">
        <v>7</v>
      </c>
      <c r="B2395" s="5">
        <v>2461</v>
      </c>
      <c r="C2395" s="5" t="s">
        <v>813</v>
      </c>
      <c r="D2395" s="5" t="s">
        <v>2290</v>
      </c>
      <c r="E2395" s="6">
        <v>25286</v>
      </c>
      <c r="F2395" s="5" t="s">
        <v>4795</v>
      </c>
      <c r="G2395" s="5" t="s">
        <v>4796</v>
      </c>
    </row>
    <row r="2396" spans="1:7">
      <c r="A2396" s="5" t="s">
        <v>7</v>
      </c>
      <c r="B2396" s="5">
        <v>2462</v>
      </c>
      <c r="C2396" s="5" t="s">
        <v>8</v>
      </c>
      <c r="D2396" s="5" t="s">
        <v>8</v>
      </c>
      <c r="E2396" s="6">
        <v>11001</v>
      </c>
      <c r="F2396" s="5" t="s">
        <v>4797</v>
      </c>
      <c r="G2396" s="5" t="s">
        <v>4798</v>
      </c>
    </row>
    <row r="2397" spans="1:7">
      <c r="A2397" s="5" t="s">
        <v>7</v>
      </c>
      <c r="B2397" s="5">
        <v>2463</v>
      </c>
      <c r="C2397" s="5" t="s">
        <v>8</v>
      </c>
      <c r="D2397" s="5" t="s">
        <v>8</v>
      </c>
      <c r="E2397" s="6">
        <v>11001</v>
      </c>
      <c r="F2397" s="5" t="s">
        <v>4799</v>
      </c>
      <c r="G2397" s="5" t="s">
        <v>4800</v>
      </c>
    </row>
    <row r="2398" spans="1:7">
      <c r="A2398" s="5" t="s">
        <v>7</v>
      </c>
      <c r="B2398" s="5">
        <v>2464</v>
      </c>
      <c r="C2398" s="5" t="s">
        <v>2891</v>
      </c>
      <c r="D2398" s="5" t="s">
        <v>2892</v>
      </c>
      <c r="E2398" s="6">
        <v>13001</v>
      </c>
      <c r="F2398" s="5" t="s">
        <v>4801</v>
      </c>
      <c r="G2398" s="5" t="s">
        <v>4802</v>
      </c>
    </row>
    <row r="2399" spans="1:7">
      <c r="A2399" s="5" t="s">
        <v>7</v>
      </c>
      <c r="B2399" s="5">
        <v>2465</v>
      </c>
      <c r="C2399" s="5" t="s">
        <v>8</v>
      </c>
      <c r="D2399" s="5" t="s">
        <v>8</v>
      </c>
      <c r="E2399" s="6">
        <v>11001</v>
      </c>
      <c r="F2399" s="5" t="s">
        <v>4803</v>
      </c>
      <c r="G2399" s="5" t="s">
        <v>4804</v>
      </c>
    </row>
    <row r="2400" spans="1:7">
      <c r="A2400" s="5" t="s">
        <v>7</v>
      </c>
      <c r="B2400" s="5">
        <v>2466</v>
      </c>
      <c r="C2400" s="5" t="s">
        <v>8</v>
      </c>
      <c r="D2400" s="5" t="s">
        <v>8</v>
      </c>
      <c r="E2400" s="6">
        <v>11001</v>
      </c>
      <c r="F2400" s="5" t="s">
        <v>4805</v>
      </c>
      <c r="G2400" s="5" t="s">
        <v>4806</v>
      </c>
    </row>
    <row r="2401" spans="1:7">
      <c r="A2401" s="5" t="s">
        <v>7</v>
      </c>
      <c r="B2401" s="5">
        <v>2467</v>
      </c>
      <c r="C2401" s="5" t="s">
        <v>8</v>
      </c>
      <c r="D2401" s="5" t="s">
        <v>8</v>
      </c>
      <c r="E2401" s="6">
        <v>11001</v>
      </c>
      <c r="F2401" s="5" t="s">
        <v>4807</v>
      </c>
      <c r="G2401" s="5" t="s">
        <v>4808</v>
      </c>
    </row>
    <row r="2402" spans="1:7">
      <c r="A2402" s="5" t="s">
        <v>7</v>
      </c>
      <c r="B2402" s="5">
        <v>2468</v>
      </c>
      <c r="C2402" s="5" t="s">
        <v>8</v>
      </c>
      <c r="D2402" s="5" t="s">
        <v>8</v>
      </c>
      <c r="E2402" s="6">
        <v>11001</v>
      </c>
      <c r="F2402" s="5" t="s">
        <v>1324</v>
      </c>
      <c r="G2402" s="5" t="s">
        <v>4809</v>
      </c>
    </row>
    <row r="2403" spans="1:7">
      <c r="A2403" s="5" t="s">
        <v>7</v>
      </c>
      <c r="B2403" s="5">
        <v>2469</v>
      </c>
      <c r="C2403" s="5" t="s">
        <v>8</v>
      </c>
      <c r="D2403" s="5" t="s">
        <v>8</v>
      </c>
      <c r="E2403" s="6">
        <v>11001</v>
      </c>
      <c r="F2403" s="5" t="s">
        <v>4810</v>
      </c>
      <c r="G2403" s="5" t="s">
        <v>4811</v>
      </c>
    </row>
    <row r="2404" spans="1:7">
      <c r="A2404" s="5" t="s">
        <v>7</v>
      </c>
      <c r="B2404" s="5">
        <v>2470</v>
      </c>
      <c r="C2404" s="5" t="s">
        <v>8</v>
      </c>
      <c r="D2404" s="5" t="s">
        <v>8</v>
      </c>
      <c r="E2404" s="6">
        <v>11001</v>
      </c>
      <c r="F2404" s="5" t="s">
        <v>4812</v>
      </c>
      <c r="G2404" s="5" t="s">
        <v>4813</v>
      </c>
    </row>
    <row r="2405" spans="1:7">
      <c r="A2405" s="5" t="s">
        <v>7</v>
      </c>
      <c r="B2405" s="5">
        <v>2471</v>
      </c>
      <c r="C2405" s="5" t="s">
        <v>8</v>
      </c>
      <c r="D2405" s="5" t="s">
        <v>8</v>
      </c>
      <c r="E2405" s="6">
        <v>11001</v>
      </c>
      <c r="F2405" s="5" t="s">
        <v>4814</v>
      </c>
      <c r="G2405" s="5" t="s">
        <v>4815</v>
      </c>
    </row>
    <row r="2406" spans="1:7">
      <c r="A2406" s="5" t="s">
        <v>7</v>
      </c>
      <c r="B2406" s="5">
        <v>2472</v>
      </c>
      <c r="C2406" s="5" t="s">
        <v>8</v>
      </c>
      <c r="D2406" s="5" t="s">
        <v>8</v>
      </c>
      <c r="E2406" s="6">
        <v>11001</v>
      </c>
      <c r="F2406" s="5" t="s">
        <v>4816</v>
      </c>
      <c r="G2406" s="5" t="s">
        <v>4817</v>
      </c>
    </row>
    <row r="2407" spans="1:7">
      <c r="A2407" s="5" t="s">
        <v>7</v>
      </c>
      <c r="B2407" s="5">
        <v>2473</v>
      </c>
      <c r="C2407" s="5" t="s">
        <v>8</v>
      </c>
      <c r="D2407" s="5" t="s">
        <v>8</v>
      </c>
      <c r="E2407" s="6">
        <v>11001</v>
      </c>
      <c r="F2407" s="5" t="s">
        <v>4818</v>
      </c>
      <c r="G2407" s="5" t="s">
        <v>4819</v>
      </c>
    </row>
    <row r="2408" spans="1:7">
      <c r="A2408" s="5" t="s">
        <v>7</v>
      </c>
      <c r="B2408" s="5">
        <v>2474</v>
      </c>
      <c r="C2408" s="5" t="s">
        <v>2891</v>
      </c>
      <c r="D2408" s="5" t="s">
        <v>2892</v>
      </c>
      <c r="E2408" s="6">
        <v>13001</v>
      </c>
      <c r="F2408" s="5" t="s">
        <v>4820</v>
      </c>
      <c r="G2408" s="5" t="s">
        <v>4821</v>
      </c>
    </row>
    <row r="2409" spans="1:7">
      <c r="A2409" s="5" t="s">
        <v>7</v>
      </c>
      <c r="B2409" s="5">
        <v>2475</v>
      </c>
      <c r="C2409" s="5" t="s">
        <v>8</v>
      </c>
      <c r="D2409" s="5" t="s">
        <v>8</v>
      </c>
      <c r="E2409" s="6">
        <v>11001</v>
      </c>
      <c r="F2409" s="5" t="s">
        <v>4822</v>
      </c>
      <c r="G2409" s="5" t="s">
        <v>4823</v>
      </c>
    </row>
    <row r="2410" spans="1:7">
      <c r="A2410" s="5" t="s">
        <v>7</v>
      </c>
      <c r="B2410" s="5">
        <v>2476</v>
      </c>
      <c r="C2410" s="5" t="s">
        <v>8</v>
      </c>
      <c r="D2410" s="5" t="s">
        <v>8</v>
      </c>
      <c r="E2410" s="6">
        <v>11001</v>
      </c>
      <c r="F2410" s="5" t="s">
        <v>4824</v>
      </c>
      <c r="G2410" s="5" t="s">
        <v>4825</v>
      </c>
    </row>
    <row r="2411" spans="1:7">
      <c r="A2411" s="5" t="s">
        <v>7</v>
      </c>
      <c r="B2411" s="5">
        <v>2477</v>
      </c>
      <c r="C2411" s="5" t="s">
        <v>8</v>
      </c>
      <c r="D2411" s="5" t="s">
        <v>8</v>
      </c>
      <c r="E2411" s="6">
        <v>11001</v>
      </c>
      <c r="F2411" s="5" t="s">
        <v>4826</v>
      </c>
      <c r="G2411" s="5" t="s">
        <v>4827</v>
      </c>
    </row>
    <row r="2412" spans="1:7">
      <c r="A2412" s="5" t="s">
        <v>7</v>
      </c>
      <c r="B2412" s="5">
        <v>2478</v>
      </c>
      <c r="C2412" s="5" t="s">
        <v>8</v>
      </c>
      <c r="D2412" s="5" t="s">
        <v>8</v>
      </c>
      <c r="E2412" s="6">
        <v>11001</v>
      </c>
      <c r="F2412" s="5" t="s">
        <v>4828</v>
      </c>
      <c r="G2412" s="5" t="s">
        <v>4829</v>
      </c>
    </row>
    <row r="2413" spans="1:7">
      <c r="A2413" s="5" t="s">
        <v>7</v>
      </c>
      <c r="B2413" s="5">
        <v>2479</v>
      </c>
      <c r="C2413" s="5" t="s">
        <v>8</v>
      </c>
      <c r="D2413" s="5" t="s">
        <v>8</v>
      </c>
      <c r="E2413" s="6">
        <v>11001</v>
      </c>
      <c r="F2413" s="5" t="s">
        <v>4830</v>
      </c>
      <c r="G2413" s="5" t="s">
        <v>4831</v>
      </c>
    </row>
    <row r="2414" spans="1:7">
      <c r="A2414" s="5" t="s">
        <v>7</v>
      </c>
      <c r="B2414" s="5">
        <v>2480</v>
      </c>
      <c r="C2414" s="5" t="s">
        <v>8</v>
      </c>
      <c r="D2414" s="5" t="s">
        <v>8</v>
      </c>
      <c r="E2414" s="6">
        <v>11001</v>
      </c>
      <c r="F2414" s="5" t="s">
        <v>4832</v>
      </c>
      <c r="G2414" s="5" t="s">
        <v>4833</v>
      </c>
    </row>
    <row r="2415" spans="1:7">
      <c r="A2415" s="5" t="s">
        <v>7</v>
      </c>
      <c r="B2415" s="5">
        <v>2481</v>
      </c>
      <c r="C2415" s="5" t="s">
        <v>8</v>
      </c>
      <c r="D2415" s="5" t="s">
        <v>8</v>
      </c>
      <c r="E2415" s="6">
        <v>11001</v>
      </c>
      <c r="F2415" s="5" t="s">
        <v>4834</v>
      </c>
      <c r="G2415" s="5" t="s">
        <v>4835</v>
      </c>
    </row>
    <row r="2416" spans="1:7">
      <c r="A2416" s="5" t="s">
        <v>7</v>
      </c>
      <c r="B2416" s="5">
        <v>2482</v>
      </c>
      <c r="C2416" s="5" t="s">
        <v>8</v>
      </c>
      <c r="D2416" s="5" t="s">
        <v>8</v>
      </c>
      <c r="E2416" s="6">
        <v>11001</v>
      </c>
      <c r="F2416" s="5" t="s">
        <v>4836</v>
      </c>
      <c r="G2416" s="5" t="s">
        <v>4837</v>
      </c>
    </row>
    <row r="2417" spans="1:7">
      <c r="A2417" s="5" t="s">
        <v>7</v>
      </c>
      <c r="B2417" s="5">
        <v>2483</v>
      </c>
      <c r="C2417" s="5" t="s">
        <v>8</v>
      </c>
      <c r="D2417" s="5" t="s">
        <v>8</v>
      </c>
      <c r="E2417" s="6">
        <v>11001</v>
      </c>
      <c r="F2417" s="5" t="s">
        <v>4838</v>
      </c>
      <c r="G2417" s="5" t="s">
        <v>4839</v>
      </c>
    </row>
    <row r="2418" spans="1:7">
      <c r="A2418" s="5" t="s">
        <v>7</v>
      </c>
      <c r="B2418" s="5">
        <v>2484</v>
      </c>
      <c r="C2418" s="5" t="s">
        <v>8</v>
      </c>
      <c r="D2418" s="5" t="s">
        <v>8</v>
      </c>
      <c r="E2418" s="6">
        <v>11001</v>
      </c>
      <c r="F2418" s="5" t="s">
        <v>4840</v>
      </c>
      <c r="G2418" s="5" t="s">
        <v>4841</v>
      </c>
    </row>
    <row r="2419" spans="1:7">
      <c r="A2419" s="5" t="s">
        <v>7</v>
      </c>
      <c r="B2419" s="5">
        <v>2485</v>
      </c>
      <c r="C2419" s="5" t="s">
        <v>8</v>
      </c>
      <c r="D2419" s="5" t="s">
        <v>8</v>
      </c>
      <c r="E2419" s="6">
        <v>11001</v>
      </c>
      <c r="F2419" s="5" t="s">
        <v>4842</v>
      </c>
      <c r="G2419" s="5" t="s">
        <v>4843</v>
      </c>
    </row>
    <row r="2420" spans="1:7">
      <c r="A2420" s="5" t="s">
        <v>7</v>
      </c>
      <c r="B2420" s="5">
        <v>2486</v>
      </c>
      <c r="C2420" s="5" t="s">
        <v>8</v>
      </c>
      <c r="D2420" s="5" t="s">
        <v>8</v>
      </c>
      <c r="E2420" s="6">
        <v>11001</v>
      </c>
      <c r="F2420" s="5" t="s">
        <v>4844</v>
      </c>
      <c r="G2420" s="5" t="s">
        <v>4845</v>
      </c>
    </row>
    <row r="2421" spans="1:7">
      <c r="A2421" s="5" t="s">
        <v>7</v>
      </c>
      <c r="B2421" s="5">
        <v>2487</v>
      </c>
      <c r="C2421" s="5" t="s">
        <v>8</v>
      </c>
      <c r="D2421" s="5" t="s">
        <v>8</v>
      </c>
      <c r="E2421" s="6">
        <v>11001</v>
      </c>
      <c r="F2421" s="5" t="s">
        <v>4846</v>
      </c>
      <c r="G2421" s="5" t="s">
        <v>4847</v>
      </c>
    </row>
    <row r="2422" spans="1:7">
      <c r="A2422" s="5" t="s">
        <v>7</v>
      </c>
      <c r="B2422" s="5">
        <v>2488</v>
      </c>
      <c r="C2422" s="5" t="s">
        <v>8</v>
      </c>
      <c r="D2422" s="5" t="s">
        <v>8</v>
      </c>
      <c r="E2422" s="6">
        <v>11001</v>
      </c>
      <c r="F2422" s="5" t="s">
        <v>4848</v>
      </c>
      <c r="G2422" s="5" t="s">
        <v>4849</v>
      </c>
    </row>
    <row r="2423" spans="1:7">
      <c r="A2423" s="5" t="s">
        <v>7</v>
      </c>
      <c r="B2423" s="5">
        <v>2489</v>
      </c>
      <c r="C2423" s="5" t="s">
        <v>8</v>
      </c>
      <c r="D2423" s="5" t="s">
        <v>8</v>
      </c>
      <c r="E2423" s="6">
        <v>11001</v>
      </c>
      <c r="F2423" s="5" t="s">
        <v>4850</v>
      </c>
      <c r="G2423" s="5" t="s">
        <v>4851</v>
      </c>
    </row>
    <row r="2424" spans="1:7">
      <c r="A2424" s="5" t="s">
        <v>7</v>
      </c>
      <c r="B2424" s="5">
        <v>2490</v>
      </c>
      <c r="C2424" s="5" t="s">
        <v>8</v>
      </c>
      <c r="D2424" s="5" t="s">
        <v>8</v>
      </c>
      <c r="E2424" s="6">
        <v>11001</v>
      </c>
      <c r="F2424" s="5" t="s">
        <v>4852</v>
      </c>
      <c r="G2424" s="5" t="s">
        <v>4853</v>
      </c>
    </row>
    <row r="2425" spans="1:7">
      <c r="A2425" s="5" t="s">
        <v>7</v>
      </c>
      <c r="B2425" s="5">
        <v>2491</v>
      </c>
      <c r="C2425" s="5" t="s">
        <v>8</v>
      </c>
      <c r="D2425" s="5" t="s">
        <v>8</v>
      </c>
      <c r="E2425" s="6">
        <v>11001</v>
      </c>
      <c r="F2425" s="5" t="s">
        <v>4854</v>
      </c>
      <c r="G2425" s="5" t="s">
        <v>4855</v>
      </c>
    </row>
    <row r="2426" spans="1:7">
      <c r="A2426" s="5" t="s">
        <v>7</v>
      </c>
      <c r="B2426" s="5">
        <v>2492</v>
      </c>
      <c r="C2426" s="5" t="s">
        <v>8</v>
      </c>
      <c r="D2426" s="5" t="s">
        <v>8</v>
      </c>
      <c r="E2426" s="6">
        <v>11001</v>
      </c>
      <c r="F2426" s="5" t="s">
        <v>4856</v>
      </c>
      <c r="G2426" s="5" t="s">
        <v>4857</v>
      </c>
    </row>
    <row r="2427" spans="1:7">
      <c r="A2427" s="5" t="s">
        <v>7</v>
      </c>
      <c r="B2427" s="5">
        <v>2493</v>
      </c>
      <c r="C2427" s="5" t="s">
        <v>8</v>
      </c>
      <c r="D2427" s="5" t="s">
        <v>8</v>
      </c>
      <c r="E2427" s="6">
        <v>11001</v>
      </c>
      <c r="F2427" s="5" t="s">
        <v>4858</v>
      </c>
      <c r="G2427" s="5" t="s">
        <v>4859</v>
      </c>
    </row>
    <row r="2428" spans="1:7">
      <c r="A2428" s="5" t="s">
        <v>7</v>
      </c>
      <c r="B2428" s="5">
        <v>2494</v>
      </c>
      <c r="C2428" s="5" t="s">
        <v>8</v>
      </c>
      <c r="D2428" s="5" t="s">
        <v>8</v>
      </c>
      <c r="E2428" s="6">
        <v>11001</v>
      </c>
      <c r="F2428" s="5" t="s">
        <v>4860</v>
      </c>
      <c r="G2428" s="5" t="s">
        <v>4861</v>
      </c>
    </row>
    <row r="2429" spans="1:7">
      <c r="A2429" s="5" t="s">
        <v>7</v>
      </c>
      <c r="B2429" s="5">
        <v>2495</v>
      </c>
      <c r="C2429" s="5" t="s">
        <v>8</v>
      </c>
      <c r="D2429" s="5" t="s">
        <v>8</v>
      </c>
      <c r="E2429" s="6">
        <v>11001</v>
      </c>
      <c r="F2429" s="5" t="s">
        <v>4862</v>
      </c>
      <c r="G2429" s="5" t="s">
        <v>4863</v>
      </c>
    </row>
    <row r="2430" spans="1:7">
      <c r="A2430" s="5" t="s">
        <v>7</v>
      </c>
      <c r="B2430" s="5">
        <v>2496</v>
      </c>
      <c r="C2430" s="5" t="s">
        <v>8</v>
      </c>
      <c r="D2430" s="5" t="s">
        <v>8</v>
      </c>
      <c r="E2430" s="6">
        <v>11001</v>
      </c>
      <c r="F2430" s="5" t="s">
        <v>4864</v>
      </c>
      <c r="G2430" s="5" t="s">
        <v>4865</v>
      </c>
    </row>
    <row r="2431" spans="1:7">
      <c r="A2431" s="5" t="s">
        <v>7</v>
      </c>
      <c r="B2431" s="5">
        <v>2497</v>
      </c>
      <c r="C2431" s="5" t="s">
        <v>8</v>
      </c>
      <c r="D2431" s="5" t="s">
        <v>8</v>
      </c>
      <c r="E2431" s="6">
        <v>11001</v>
      </c>
      <c r="F2431" s="5" t="s">
        <v>4866</v>
      </c>
      <c r="G2431" s="5" t="s">
        <v>4867</v>
      </c>
    </row>
    <row r="2432" spans="1:7">
      <c r="A2432" s="5" t="s">
        <v>7</v>
      </c>
      <c r="B2432" s="5">
        <v>2498</v>
      </c>
      <c r="C2432" s="5" t="s">
        <v>8</v>
      </c>
      <c r="D2432" s="5" t="s">
        <v>8</v>
      </c>
      <c r="E2432" s="6">
        <v>11001</v>
      </c>
      <c r="F2432" s="5" t="s">
        <v>4868</v>
      </c>
      <c r="G2432" s="5" t="s">
        <v>4869</v>
      </c>
    </row>
    <row r="2433" spans="1:7">
      <c r="A2433" s="5" t="s">
        <v>7</v>
      </c>
      <c r="B2433" s="5">
        <v>2499</v>
      </c>
      <c r="C2433" s="5" t="s">
        <v>8</v>
      </c>
      <c r="D2433" s="5" t="s">
        <v>8</v>
      </c>
      <c r="E2433" s="6">
        <v>11001</v>
      </c>
      <c r="F2433" s="5" t="s">
        <v>4870</v>
      </c>
      <c r="G2433" s="5" t="s">
        <v>4871</v>
      </c>
    </row>
    <row r="2434" spans="1:7">
      <c r="A2434" s="5" t="s">
        <v>7</v>
      </c>
      <c r="B2434" s="5">
        <v>2500</v>
      </c>
      <c r="C2434" s="5" t="s">
        <v>8</v>
      </c>
      <c r="D2434" s="5" t="s">
        <v>8</v>
      </c>
      <c r="E2434" s="6">
        <v>11001</v>
      </c>
      <c r="F2434" s="5" t="s">
        <v>4872</v>
      </c>
      <c r="G2434" s="5" t="s">
        <v>4873</v>
      </c>
    </row>
    <row r="2435" spans="1:7">
      <c r="A2435" s="5" t="s">
        <v>7</v>
      </c>
      <c r="B2435" s="5">
        <v>2501</v>
      </c>
      <c r="C2435" s="5" t="s">
        <v>8</v>
      </c>
      <c r="D2435" s="5" t="s">
        <v>8</v>
      </c>
      <c r="E2435" s="6">
        <v>11001</v>
      </c>
      <c r="F2435" s="5" t="s">
        <v>4874</v>
      </c>
      <c r="G2435" s="5" t="s">
        <v>4875</v>
      </c>
    </row>
    <row r="2436" spans="1:7">
      <c r="A2436" s="5" t="s">
        <v>7</v>
      </c>
      <c r="B2436" s="5">
        <v>2502</v>
      </c>
      <c r="C2436" s="5" t="s">
        <v>813</v>
      </c>
      <c r="D2436" s="5" t="s">
        <v>814</v>
      </c>
      <c r="E2436" s="6">
        <v>25754</v>
      </c>
      <c r="F2436" s="5" t="s">
        <v>4876</v>
      </c>
      <c r="G2436" s="5" t="s">
        <v>4877</v>
      </c>
    </row>
    <row r="2437" spans="1:7">
      <c r="A2437" s="5" t="s">
        <v>7</v>
      </c>
      <c r="B2437" s="5">
        <v>2503</v>
      </c>
      <c r="C2437" s="5" t="s">
        <v>8</v>
      </c>
      <c r="D2437" s="5" t="s">
        <v>8</v>
      </c>
      <c r="E2437" s="6">
        <v>11001</v>
      </c>
      <c r="F2437" s="5" t="s">
        <v>4878</v>
      </c>
      <c r="G2437" s="5" t="s">
        <v>4879</v>
      </c>
    </row>
    <row r="2438" spans="1:7">
      <c r="A2438" s="5" t="s">
        <v>7</v>
      </c>
      <c r="B2438" s="5">
        <v>2504</v>
      </c>
      <c r="C2438" s="5" t="s">
        <v>8</v>
      </c>
      <c r="D2438" s="5" t="s">
        <v>8</v>
      </c>
      <c r="E2438" s="6">
        <v>11001</v>
      </c>
      <c r="F2438" s="5" t="s">
        <v>4880</v>
      </c>
      <c r="G2438" s="5" t="s">
        <v>4881</v>
      </c>
    </row>
    <row r="2439" spans="1:7">
      <c r="A2439" s="5" t="s">
        <v>7</v>
      </c>
      <c r="B2439" s="5">
        <v>2505</v>
      </c>
      <c r="C2439" s="5" t="s">
        <v>8</v>
      </c>
      <c r="D2439" s="5" t="s">
        <v>8</v>
      </c>
      <c r="E2439" s="6">
        <v>11001</v>
      </c>
      <c r="F2439" s="5" t="s">
        <v>4882</v>
      </c>
      <c r="G2439" s="5" t="s">
        <v>4883</v>
      </c>
    </row>
    <row r="2440" spans="1:7">
      <c r="A2440" s="5" t="s">
        <v>7</v>
      </c>
      <c r="B2440" s="5">
        <v>2506</v>
      </c>
      <c r="C2440" s="5" t="s">
        <v>8</v>
      </c>
      <c r="D2440" s="5" t="s">
        <v>8</v>
      </c>
      <c r="E2440" s="6">
        <v>11001</v>
      </c>
      <c r="F2440" s="5" t="s">
        <v>4884</v>
      </c>
      <c r="G2440" s="5" t="s">
        <v>4885</v>
      </c>
    </row>
    <row r="2441" spans="1:7">
      <c r="A2441" s="5" t="s">
        <v>7</v>
      </c>
      <c r="B2441" s="5">
        <v>2507</v>
      </c>
      <c r="C2441" s="5" t="s">
        <v>8</v>
      </c>
      <c r="D2441" s="5" t="s">
        <v>8</v>
      </c>
      <c r="E2441" s="6">
        <v>11001</v>
      </c>
      <c r="F2441" s="5" t="s">
        <v>4886</v>
      </c>
      <c r="G2441" s="5" t="s">
        <v>4887</v>
      </c>
    </row>
    <row r="2442" spans="1:7">
      <c r="A2442" s="5" t="s">
        <v>7</v>
      </c>
      <c r="B2442" s="5">
        <v>2508</v>
      </c>
      <c r="C2442" s="5" t="s">
        <v>8</v>
      </c>
      <c r="D2442" s="5" t="s">
        <v>8</v>
      </c>
      <c r="E2442" s="6">
        <v>11001</v>
      </c>
      <c r="F2442" s="5" t="s">
        <v>4888</v>
      </c>
      <c r="G2442" s="5" t="s">
        <v>4889</v>
      </c>
    </row>
    <row r="2443" spans="1:7">
      <c r="A2443" s="5" t="s">
        <v>7</v>
      </c>
      <c r="B2443" s="5">
        <v>2509</v>
      </c>
      <c r="C2443" s="5" t="s">
        <v>2891</v>
      </c>
      <c r="D2443" s="5" t="s">
        <v>2892</v>
      </c>
      <c r="E2443" s="6">
        <v>13001</v>
      </c>
      <c r="F2443" s="5" t="s">
        <v>4890</v>
      </c>
      <c r="G2443" s="5" t="s">
        <v>4891</v>
      </c>
    </row>
    <row r="2444" spans="1:7">
      <c r="A2444" s="5" t="s">
        <v>7</v>
      </c>
      <c r="B2444" s="5">
        <v>2510</v>
      </c>
      <c r="C2444" s="5" t="s">
        <v>8</v>
      </c>
      <c r="D2444" s="5" t="s">
        <v>8</v>
      </c>
      <c r="E2444" s="6">
        <v>11001</v>
      </c>
      <c r="F2444" s="5" t="s">
        <v>4892</v>
      </c>
      <c r="G2444" s="5" t="s">
        <v>4893</v>
      </c>
    </row>
    <row r="2445" spans="1:7">
      <c r="A2445" s="5" t="s">
        <v>7</v>
      </c>
      <c r="B2445" s="5">
        <v>2511</v>
      </c>
      <c r="C2445" s="5" t="s">
        <v>8</v>
      </c>
      <c r="D2445" s="5" t="s">
        <v>8</v>
      </c>
      <c r="E2445" s="6">
        <v>11001</v>
      </c>
      <c r="F2445" s="5" t="s">
        <v>4894</v>
      </c>
      <c r="G2445" s="5" t="s">
        <v>4895</v>
      </c>
    </row>
    <row r="2446" spans="1:7">
      <c r="A2446" s="5" t="s">
        <v>7</v>
      </c>
      <c r="B2446" s="5">
        <v>2512</v>
      </c>
      <c r="C2446" s="5" t="s">
        <v>8</v>
      </c>
      <c r="D2446" s="5" t="s">
        <v>8</v>
      </c>
      <c r="E2446" s="6">
        <v>11001</v>
      </c>
      <c r="F2446" s="5" t="s">
        <v>4896</v>
      </c>
      <c r="G2446" s="5" t="s">
        <v>4897</v>
      </c>
    </row>
    <row r="2447" spans="1:7">
      <c r="A2447" s="5" t="s">
        <v>7</v>
      </c>
      <c r="B2447" s="5">
        <v>2513</v>
      </c>
      <c r="C2447" s="5" t="s">
        <v>8</v>
      </c>
      <c r="D2447" s="5" t="s">
        <v>8</v>
      </c>
      <c r="E2447" s="6">
        <v>11001</v>
      </c>
      <c r="F2447" s="5" t="s">
        <v>4898</v>
      </c>
      <c r="G2447" s="5" t="s">
        <v>4899</v>
      </c>
    </row>
    <row r="2448" spans="1:7">
      <c r="A2448" s="5" t="s">
        <v>7</v>
      </c>
      <c r="B2448" s="5">
        <v>2514</v>
      </c>
      <c r="C2448" s="5" t="s">
        <v>8</v>
      </c>
      <c r="D2448" s="5" t="s">
        <v>8</v>
      </c>
      <c r="E2448" s="6">
        <v>11001</v>
      </c>
      <c r="F2448" s="5" t="s">
        <v>4900</v>
      </c>
      <c r="G2448" s="5" t="s">
        <v>4901</v>
      </c>
    </row>
    <row r="2449" spans="1:7">
      <c r="A2449" s="5" t="s">
        <v>7</v>
      </c>
      <c r="B2449" s="5">
        <v>2515</v>
      </c>
      <c r="C2449" s="5" t="s">
        <v>8</v>
      </c>
      <c r="D2449" s="5" t="s">
        <v>8</v>
      </c>
      <c r="E2449" s="6">
        <v>11001</v>
      </c>
      <c r="F2449" s="5" t="s">
        <v>4902</v>
      </c>
      <c r="G2449" s="5" t="s">
        <v>4903</v>
      </c>
    </row>
    <row r="2450" spans="1:7">
      <c r="A2450" s="5" t="s">
        <v>7</v>
      </c>
      <c r="B2450" s="5">
        <v>2516</v>
      </c>
      <c r="C2450" s="5" t="s">
        <v>8</v>
      </c>
      <c r="D2450" s="5" t="s">
        <v>8</v>
      </c>
      <c r="E2450" s="6">
        <v>11001</v>
      </c>
      <c r="F2450" s="5" t="s">
        <v>4904</v>
      </c>
      <c r="G2450" s="5" t="s">
        <v>4905</v>
      </c>
    </row>
    <row r="2451" spans="1:7">
      <c r="A2451" s="5" t="s">
        <v>7</v>
      </c>
      <c r="B2451" s="5">
        <v>2517</v>
      </c>
      <c r="C2451" s="5" t="s">
        <v>8</v>
      </c>
      <c r="D2451" s="5" t="s">
        <v>8</v>
      </c>
      <c r="E2451" s="6">
        <v>11001</v>
      </c>
      <c r="F2451" s="5" t="s">
        <v>4906</v>
      </c>
      <c r="G2451" s="5" t="s">
        <v>4907</v>
      </c>
    </row>
    <row r="2452" spans="1:7">
      <c r="A2452" s="5" t="s">
        <v>7</v>
      </c>
      <c r="B2452" s="5">
        <v>2518</v>
      </c>
      <c r="C2452" s="5" t="s">
        <v>8</v>
      </c>
      <c r="D2452" s="5" t="s">
        <v>8</v>
      </c>
      <c r="E2452" s="6">
        <v>11001</v>
      </c>
      <c r="F2452" s="5" t="s">
        <v>4908</v>
      </c>
      <c r="G2452" s="5" t="s">
        <v>4909</v>
      </c>
    </row>
    <row r="2453" spans="1:7">
      <c r="A2453" s="5" t="s">
        <v>7</v>
      </c>
      <c r="B2453" s="5">
        <v>2519</v>
      </c>
      <c r="C2453" s="5" t="s">
        <v>8</v>
      </c>
      <c r="D2453" s="5" t="s">
        <v>8</v>
      </c>
      <c r="E2453" s="6">
        <v>11001</v>
      </c>
      <c r="F2453" s="5" t="s">
        <v>4910</v>
      </c>
      <c r="G2453" s="5" t="s">
        <v>4911</v>
      </c>
    </row>
    <row r="2454" spans="1:7">
      <c r="A2454" s="5" t="s">
        <v>7</v>
      </c>
      <c r="B2454" s="5">
        <v>2520</v>
      </c>
      <c r="C2454" s="5" t="s">
        <v>8</v>
      </c>
      <c r="D2454" s="5" t="s">
        <v>8</v>
      </c>
      <c r="E2454" s="6">
        <v>11001</v>
      </c>
      <c r="F2454" s="5" t="s">
        <v>4912</v>
      </c>
      <c r="G2454" s="5" t="s">
        <v>4913</v>
      </c>
    </row>
    <row r="2455" spans="1:7">
      <c r="A2455" s="5" t="s">
        <v>7</v>
      </c>
      <c r="B2455" s="5">
        <v>2521</v>
      </c>
      <c r="C2455" s="5" t="s">
        <v>813</v>
      </c>
      <c r="D2455" s="5" t="s">
        <v>2421</v>
      </c>
      <c r="E2455" s="6">
        <v>25430</v>
      </c>
      <c r="F2455" s="5" t="s">
        <v>4914</v>
      </c>
      <c r="G2455" s="5" t="s">
        <v>4915</v>
      </c>
    </row>
    <row r="2456" spans="1:7">
      <c r="A2456" s="5" t="s">
        <v>7</v>
      </c>
      <c r="B2456" s="5">
        <v>2522</v>
      </c>
      <c r="C2456" s="5" t="s">
        <v>8</v>
      </c>
      <c r="D2456" s="5" t="s">
        <v>8</v>
      </c>
      <c r="E2456" s="6">
        <v>11001</v>
      </c>
      <c r="F2456" s="5" t="s">
        <v>4916</v>
      </c>
      <c r="G2456" s="5" t="s">
        <v>4917</v>
      </c>
    </row>
    <row r="2457" spans="1:7">
      <c r="A2457" s="5" t="s">
        <v>7</v>
      </c>
      <c r="B2457" s="5">
        <v>2523</v>
      </c>
      <c r="C2457" s="5" t="s">
        <v>8</v>
      </c>
      <c r="D2457" s="5" t="s">
        <v>8</v>
      </c>
      <c r="E2457" s="6">
        <v>11001</v>
      </c>
      <c r="F2457" s="5" t="s">
        <v>4918</v>
      </c>
      <c r="G2457" s="5" t="s">
        <v>4919</v>
      </c>
    </row>
    <row r="2458" spans="1:7">
      <c r="A2458" s="5" t="s">
        <v>7</v>
      </c>
      <c r="B2458" s="5">
        <v>2524</v>
      </c>
      <c r="C2458" s="5" t="s">
        <v>813</v>
      </c>
      <c r="D2458" s="5" t="s">
        <v>814</v>
      </c>
      <c r="E2458" s="6">
        <v>25754</v>
      </c>
      <c r="F2458" s="5" t="s">
        <v>4830</v>
      </c>
      <c r="G2458" s="5" t="s">
        <v>4831</v>
      </c>
    </row>
    <row r="2459" spans="1:7">
      <c r="A2459" s="5" t="s">
        <v>7</v>
      </c>
      <c r="B2459" s="5">
        <v>2525</v>
      </c>
      <c r="C2459" s="5" t="s">
        <v>8</v>
      </c>
      <c r="D2459" s="5" t="s">
        <v>8</v>
      </c>
      <c r="E2459" s="6">
        <v>11001</v>
      </c>
      <c r="F2459" s="5" t="s">
        <v>4920</v>
      </c>
      <c r="G2459" s="5" t="s">
        <v>4921</v>
      </c>
    </row>
    <row r="2460" spans="1:7">
      <c r="A2460" s="5" t="s">
        <v>7</v>
      </c>
      <c r="B2460" s="5">
        <v>2526</v>
      </c>
      <c r="C2460" s="5" t="s">
        <v>8</v>
      </c>
      <c r="D2460" s="5" t="s">
        <v>8</v>
      </c>
      <c r="E2460" s="6">
        <v>11001</v>
      </c>
      <c r="F2460" s="5" t="s">
        <v>4922</v>
      </c>
      <c r="G2460" s="5" t="s">
        <v>4923</v>
      </c>
    </row>
    <row r="2461" spans="1:7">
      <c r="A2461" s="5" t="s">
        <v>7</v>
      </c>
      <c r="B2461" s="5">
        <v>2527</v>
      </c>
      <c r="C2461" s="5" t="s">
        <v>8</v>
      </c>
      <c r="D2461" s="5" t="s">
        <v>8</v>
      </c>
      <c r="E2461" s="6">
        <v>11001</v>
      </c>
      <c r="F2461" s="5" t="s">
        <v>4924</v>
      </c>
      <c r="G2461" s="5" t="s">
        <v>4925</v>
      </c>
    </row>
    <row r="2462" spans="1:7">
      <c r="A2462" s="5" t="s">
        <v>7</v>
      </c>
      <c r="B2462" s="5">
        <v>2528</v>
      </c>
      <c r="C2462" s="5" t="s">
        <v>8</v>
      </c>
      <c r="D2462" s="5" t="s">
        <v>8</v>
      </c>
      <c r="E2462" s="6">
        <v>11001</v>
      </c>
      <c r="F2462" s="5" t="s">
        <v>4926</v>
      </c>
      <c r="G2462" s="5" t="s">
        <v>4927</v>
      </c>
    </row>
    <row r="2463" spans="1:7">
      <c r="A2463" s="5" t="s">
        <v>7</v>
      </c>
      <c r="B2463" s="5">
        <v>2529</v>
      </c>
      <c r="C2463" s="5" t="s">
        <v>2891</v>
      </c>
      <c r="D2463" s="5" t="s">
        <v>2892</v>
      </c>
      <c r="E2463" s="6">
        <v>13001</v>
      </c>
      <c r="F2463" s="5" t="s">
        <v>4928</v>
      </c>
      <c r="G2463" s="5" t="s">
        <v>4929</v>
      </c>
    </row>
    <row r="2464" spans="1:7">
      <c r="A2464" s="5" t="s">
        <v>7</v>
      </c>
      <c r="B2464" s="5">
        <v>2530</v>
      </c>
      <c r="C2464" s="5" t="s">
        <v>8</v>
      </c>
      <c r="D2464" s="5" t="s">
        <v>8</v>
      </c>
      <c r="E2464" s="6">
        <v>11001</v>
      </c>
      <c r="F2464" s="5" t="s">
        <v>4930</v>
      </c>
      <c r="G2464" s="5" t="s">
        <v>4931</v>
      </c>
    </row>
    <row r="2465" spans="1:7">
      <c r="A2465" s="5" t="s">
        <v>7</v>
      </c>
      <c r="B2465" s="5">
        <v>2531</v>
      </c>
      <c r="C2465" s="5" t="s">
        <v>8</v>
      </c>
      <c r="D2465" s="5" t="s">
        <v>8</v>
      </c>
      <c r="E2465" s="6">
        <v>11001</v>
      </c>
      <c r="F2465" s="5" t="s">
        <v>4932</v>
      </c>
      <c r="G2465" s="5" t="s">
        <v>4933</v>
      </c>
    </row>
    <row r="2466" spans="1:7">
      <c r="A2466" s="5" t="s">
        <v>7</v>
      </c>
      <c r="B2466" s="5">
        <v>2532</v>
      </c>
      <c r="C2466" s="5" t="s">
        <v>813</v>
      </c>
      <c r="D2466" s="5" t="s">
        <v>814</v>
      </c>
      <c r="E2466" s="6">
        <v>25754</v>
      </c>
      <c r="F2466" s="5" t="s">
        <v>4934</v>
      </c>
      <c r="G2466" s="5" t="s">
        <v>4935</v>
      </c>
    </row>
    <row r="2467" spans="1:7">
      <c r="A2467" s="5" t="s">
        <v>7</v>
      </c>
      <c r="B2467" s="5">
        <v>2533</v>
      </c>
      <c r="C2467" s="5" t="s">
        <v>8</v>
      </c>
      <c r="D2467" s="5" t="s">
        <v>8</v>
      </c>
      <c r="E2467" s="6">
        <v>11001</v>
      </c>
      <c r="F2467" s="5" t="s">
        <v>4936</v>
      </c>
      <c r="G2467" s="5" t="s">
        <v>4937</v>
      </c>
    </row>
    <row r="2468" spans="1:7">
      <c r="A2468" s="5" t="s">
        <v>7</v>
      </c>
      <c r="B2468" s="5">
        <v>2534</v>
      </c>
      <c r="C2468" s="5" t="s">
        <v>8</v>
      </c>
      <c r="D2468" s="5" t="s">
        <v>8</v>
      </c>
      <c r="E2468" s="6">
        <v>11001</v>
      </c>
      <c r="F2468" s="5" t="s">
        <v>4938</v>
      </c>
      <c r="G2468" s="5" t="s">
        <v>4939</v>
      </c>
    </row>
    <row r="2469" spans="1:7">
      <c r="A2469" s="5" t="s">
        <v>7</v>
      </c>
      <c r="B2469" s="5">
        <v>2535</v>
      </c>
      <c r="C2469" s="5" t="s">
        <v>8</v>
      </c>
      <c r="D2469" s="5" t="s">
        <v>8</v>
      </c>
      <c r="E2469" s="6">
        <v>11001</v>
      </c>
      <c r="F2469" s="5" t="s">
        <v>4940</v>
      </c>
      <c r="G2469" s="5" t="s">
        <v>4941</v>
      </c>
    </row>
    <row r="2470" spans="1:7">
      <c r="A2470" s="5" t="s">
        <v>7</v>
      </c>
      <c r="B2470" s="5">
        <v>2536</v>
      </c>
      <c r="C2470" s="5" t="s">
        <v>2891</v>
      </c>
      <c r="D2470" s="5" t="s">
        <v>2892</v>
      </c>
      <c r="E2470" s="6">
        <v>13001</v>
      </c>
      <c r="F2470" s="5" t="s">
        <v>4942</v>
      </c>
      <c r="G2470" s="5" t="s">
        <v>4943</v>
      </c>
    </row>
    <row r="2471" spans="1:7">
      <c r="A2471" s="5" t="s">
        <v>7</v>
      </c>
      <c r="B2471" s="5">
        <v>2537</v>
      </c>
      <c r="C2471" s="5" t="s">
        <v>2891</v>
      </c>
      <c r="D2471" s="5" t="s">
        <v>2892</v>
      </c>
      <c r="E2471" s="6">
        <v>13001</v>
      </c>
      <c r="F2471" s="5" t="s">
        <v>4944</v>
      </c>
      <c r="G2471" s="5" t="s">
        <v>4945</v>
      </c>
    </row>
    <row r="2472" spans="1:7">
      <c r="A2472" s="5" t="s">
        <v>7</v>
      </c>
      <c r="B2472" s="5">
        <v>2538</v>
      </c>
      <c r="C2472" s="5" t="s">
        <v>2891</v>
      </c>
      <c r="D2472" s="5" t="s">
        <v>2892</v>
      </c>
      <c r="E2472" s="6">
        <v>13001</v>
      </c>
      <c r="F2472" s="5" t="s">
        <v>4946</v>
      </c>
      <c r="G2472" s="5" t="s">
        <v>4947</v>
      </c>
    </row>
    <row r="2473" spans="1:7">
      <c r="A2473" s="5" t="s">
        <v>7</v>
      </c>
      <c r="B2473" s="5">
        <v>2539</v>
      </c>
      <c r="C2473" s="5" t="s">
        <v>2891</v>
      </c>
      <c r="D2473" s="5" t="s">
        <v>2892</v>
      </c>
      <c r="E2473" s="6">
        <v>13001</v>
      </c>
      <c r="F2473" s="5" t="s">
        <v>4948</v>
      </c>
      <c r="G2473" s="5" t="s">
        <v>4949</v>
      </c>
    </row>
    <row r="2474" spans="1:7">
      <c r="A2474" s="5" t="s">
        <v>7</v>
      </c>
      <c r="B2474" s="5">
        <v>2540</v>
      </c>
      <c r="C2474" s="5" t="s">
        <v>8</v>
      </c>
      <c r="D2474" s="5" t="s">
        <v>8</v>
      </c>
      <c r="E2474" s="6">
        <v>11001</v>
      </c>
      <c r="F2474" s="5" t="s">
        <v>4950</v>
      </c>
      <c r="G2474" s="5" t="s">
        <v>4951</v>
      </c>
    </row>
    <row r="2475" spans="1:7">
      <c r="A2475" s="5" t="s">
        <v>7</v>
      </c>
      <c r="B2475" s="5">
        <v>2541</v>
      </c>
      <c r="C2475" s="5" t="s">
        <v>8</v>
      </c>
      <c r="D2475" s="5" t="s">
        <v>8</v>
      </c>
      <c r="E2475" s="6">
        <v>11001</v>
      </c>
      <c r="F2475" s="5" t="s">
        <v>4952</v>
      </c>
      <c r="G2475" s="5" t="s">
        <v>4953</v>
      </c>
    </row>
    <row r="2476" spans="1:7">
      <c r="A2476" s="5" t="s">
        <v>7</v>
      </c>
      <c r="B2476" s="5">
        <v>2542</v>
      </c>
      <c r="C2476" s="5" t="s">
        <v>8</v>
      </c>
      <c r="D2476" s="5" t="s">
        <v>8</v>
      </c>
      <c r="E2476" s="6">
        <v>11001</v>
      </c>
      <c r="F2476" s="5" t="s">
        <v>4954</v>
      </c>
      <c r="G2476" s="5" t="s">
        <v>4955</v>
      </c>
    </row>
    <row r="2477" spans="1:7">
      <c r="A2477" s="5" t="s">
        <v>7</v>
      </c>
      <c r="B2477" s="5">
        <v>2543</v>
      </c>
      <c r="C2477" s="5" t="s">
        <v>8</v>
      </c>
      <c r="D2477" s="5" t="s">
        <v>8</v>
      </c>
      <c r="E2477" s="6">
        <v>11001</v>
      </c>
      <c r="F2477" s="5" t="s">
        <v>4956</v>
      </c>
      <c r="G2477" s="5" t="s">
        <v>4957</v>
      </c>
    </row>
    <row r="2478" spans="1:7">
      <c r="A2478" s="5" t="s">
        <v>7</v>
      </c>
      <c r="B2478" s="5">
        <v>2544</v>
      </c>
      <c r="C2478" s="5" t="s">
        <v>8</v>
      </c>
      <c r="D2478" s="5" t="s">
        <v>8</v>
      </c>
      <c r="E2478" s="6">
        <v>11001</v>
      </c>
      <c r="F2478" s="5" t="s">
        <v>4958</v>
      </c>
      <c r="G2478" s="5" t="s">
        <v>4959</v>
      </c>
    </row>
    <row r="2479" spans="1:7">
      <c r="A2479" s="5" t="s">
        <v>7</v>
      </c>
      <c r="B2479" s="5">
        <v>2545</v>
      </c>
      <c r="C2479" s="5" t="s">
        <v>8</v>
      </c>
      <c r="D2479" s="5" t="s">
        <v>8</v>
      </c>
      <c r="E2479" s="6">
        <v>11001</v>
      </c>
      <c r="F2479" s="5" t="s">
        <v>4960</v>
      </c>
      <c r="G2479" s="5" t="s">
        <v>1393</v>
      </c>
    </row>
    <row r="2480" spans="1:7">
      <c r="A2480" s="5" t="s">
        <v>7</v>
      </c>
      <c r="B2480" s="5">
        <v>2546</v>
      </c>
      <c r="C2480" s="5" t="s">
        <v>8</v>
      </c>
      <c r="D2480" s="5" t="s">
        <v>8</v>
      </c>
      <c r="E2480" s="6">
        <v>11001</v>
      </c>
      <c r="F2480" s="5" t="s">
        <v>4961</v>
      </c>
      <c r="G2480" s="5" t="s">
        <v>4962</v>
      </c>
    </row>
    <row r="2481" spans="1:7">
      <c r="A2481" s="5" t="s">
        <v>7</v>
      </c>
      <c r="B2481" s="5">
        <v>2547</v>
      </c>
      <c r="C2481" s="5" t="s">
        <v>8</v>
      </c>
      <c r="D2481" s="5" t="s">
        <v>8</v>
      </c>
      <c r="E2481" s="6">
        <v>11001</v>
      </c>
      <c r="F2481" s="5" t="s">
        <v>4963</v>
      </c>
      <c r="G2481" s="5" t="s">
        <v>4964</v>
      </c>
    </row>
    <row r="2482" spans="1:7">
      <c r="A2482" s="5" t="s">
        <v>7</v>
      </c>
      <c r="B2482" s="5">
        <v>2548</v>
      </c>
      <c r="C2482" s="5" t="s">
        <v>8</v>
      </c>
      <c r="D2482" s="5" t="s">
        <v>8</v>
      </c>
      <c r="E2482" s="6">
        <v>11001</v>
      </c>
      <c r="F2482" s="5" t="s">
        <v>4965</v>
      </c>
      <c r="G2482" s="5" t="s">
        <v>4966</v>
      </c>
    </row>
    <row r="2483" spans="1:7">
      <c r="A2483" s="5" t="s">
        <v>7</v>
      </c>
      <c r="B2483" s="5">
        <v>2549</v>
      </c>
      <c r="C2483" s="5" t="s">
        <v>3306</v>
      </c>
      <c r="D2483" s="5" t="s">
        <v>4967</v>
      </c>
      <c r="E2483" s="6">
        <v>50313</v>
      </c>
      <c r="F2483" s="5" t="s">
        <v>4968</v>
      </c>
      <c r="G2483" s="5" t="s">
        <v>4969</v>
      </c>
    </row>
    <row r="2484" spans="1:7">
      <c r="A2484" s="5" t="s">
        <v>7</v>
      </c>
      <c r="B2484" s="5">
        <v>2550</v>
      </c>
      <c r="C2484" s="5" t="s">
        <v>8</v>
      </c>
      <c r="D2484" s="5" t="s">
        <v>8</v>
      </c>
      <c r="E2484" s="6">
        <v>11001</v>
      </c>
      <c r="F2484" s="5" t="s">
        <v>4970</v>
      </c>
      <c r="G2484" s="5" t="s">
        <v>4971</v>
      </c>
    </row>
    <row r="2485" spans="1:7">
      <c r="A2485" s="5" t="s">
        <v>7</v>
      </c>
      <c r="B2485" s="5">
        <v>2551</v>
      </c>
      <c r="C2485" s="5" t="s">
        <v>8</v>
      </c>
      <c r="D2485" s="5" t="s">
        <v>8</v>
      </c>
      <c r="E2485" s="6">
        <v>11001</v>
      </c>
      <c r="F2485" s="5" t="s">
        <v>4972</v>
      </c>
      <c r="G2485" s="5" t="s">
        <v>4973</v>
      </c>
    </row>
    <row r="2486" spans="1:7">
      <c r="A2486" s="5" t="s">
        <v>7</v>
      </c>
      <c r="B2486" s="5">
        <v>2552</v>
      </c>
      <c r="C2486" s="5" t="s">
        <v>8</v>
      </c>
      <c r="D2486" s="5" t="s">
        <v>8</v>
      </c>
      <c r="E2486" s="6">
        <v>11001</v>
      </c>
      <c r="F2486" s="5" t="s">
        <v>4974</v>
      </c>
      <c r="G2486" s="5" t="s">
        <v>4975</v>
      </c>
    </row>
    <row r="2487" spans="1:7">
      <c r="A2487" s="5" t="s">
        <v>7</v>
      </c>
      <c r="B2487" s="5">
        <v>2553</v>
      </c>
      <c r="C2487" s="5" t="s">
        <v>8</v>
      </c>
      <c r="D2487" s="5" t="s">
        <v>8</v>
      </c>
      <c r="E2487" s="6">
        <v>11001</v>
      </c>
      <c r="F2487" s="5" t="s">
        <v>4976</v>
      </c>
      <c r="G2487" s="5" t="s">
        <v>4977</v>
      </c>
    </row>
    <row r="2488" spans="1:7">
      <c r="A2488" s="5" t="s">
        <v>7</v>
      </c>
      <c r="B2488" s="5">
        <v>2554</v>
      </c>
      <c r="C2488" s="5" t="s">
        <v>8</v>
      </c>
      <c r="D2488" s="5" t="s">
        <v>8</v>
      </c>
      <c r="E2488" s="6">
        <v>11001</v>
      </c>
      <c r="F2488" s="5" t="s">
        <v>4978</v>
      </c>
      <c r="G2488" s="5" t="s">
        <v>4979</v>
      </c>
    </row>
    <row r="2489" spans="1:7">
      <c r="A2489" s="5" t="s">
        <v>7</v>
      </c>
      <c r="B2489" s="5">
        <v>2555</v>
      </c>
      <c r="C2489" s="5" t="s">
        <v>8</v>
      </c>
      <c r="D2489" s="5" t="s">
        <v>8</v>
      </c>
      <c r="E2489" s="6">
        <v>11001</v>
      </c>
      <c r="F2489" s="5" t="s">
        <v>4980</v>
      </c>
      <c r="G2489" s="5" t="s">
        <v>4981</v>
      </c>
    </row>
    <row r="2490" spans="1:7">
      <c r="A2490" s="5" t="s">
        <v>7</v>
      </c>
      <c r="B2490" s="5">
        <v>2556</v>
      </c>
      <c r="C2490" s="5" t="s">
        <v>8</v>
      </c>
      <c r="D2490" s="5" t="s">
        <v>8</v>
      </c>
      <c r="E2490" s="6">
        <v>11001</v>
      </c>
      <c r="F2490" s="5" t="s">
        <v>4982</v>
      </c>
      <c r="G2490" s="5" t="s">
        <v>4983</v>
      </c>
    </row>
    <row r="2491" spans="1:7">
      <c r="A2491" s="5" t="s">
        <v>7</v>
      </c>
      <c r="B2491" s="5">
        <v>2557</v>
      </c>
      <c r="C2491" s="5" t="s">
        <v>8</v>
      </c>
      <c r="D2491" s="5" t="s">
        <v>8</v>
      </c>
      <c r="E2491" s="6">
        <v>11001</v>
      </c>
      <c r="F2491" s="5" t="s">
        <v>4984</v>
      </c>
      <c r="G2491" s="5" t="s">
        <v>4985</v>
      </c>
    </row>
    <row r="2492" spans="1:7">
      <c r="A2492" s="5" t="s">
        <v>7</v>
      </c>
      <c r="B2492" s="5">
        <v>2558</v>
      </c>
      <c r="C2492" s="5" t="s">
        <v>8</v>
      </c>
      <c r="D2492" s="5" t="s">
        <v>8</v>
      </c>
      <c r="E2492" s="6">
        <v>11001</v>
      </c>
      <c r="F2492" s="5" t="s">
        <v>4986</v>
      </c>
      <c r="G2492" s="5" t="s">
        <v>4987</v>
      </c>
    </row>
    <row r="2493" spans="1:7">
      <c r="A2493" s="5" t="s">
        <v>7</v>
      </c>
      <c r="B2493" s="5">
        <v>2559</v>
      </c>
      <c r="C2493" s="5" t="s">
        <v>8</v>
      </c>
      <c r="D2493" s="5" t="s">
        <v>8</v>
      </c>
      <c r="E2493" s="6">
        <v>11001</v>
      </c>
      <c r="F2493" s="5" t="s">
        <v>4988</v>
      </c>
      <c r="G2493" s="5" t="s">
        <v>4989</v>
      </c>
    </row>
    <row r="2494" spans="1:7">
      <c r="A2494" s="5" t="s">
        <v>7</v>
      </c>
      <c r="B2494" s="5">
        <v>2560</v>
      </c>
      <c r="C2494" s="5" t="s">
        <v>813</v>
      </c>
      <c r="D2494" s="5" t="s">
        <v>2290</v>
      </c>
      <c r="E2494" s="6">
        <v>25286</v>
      </c>
      <c r="F2494" s="5" t="s">
        <v>4990</v>
      </c>
      <c r="G2494" s="5" t="s">
        <v>4991</v>
      </c>
    </row>
    <row r="2495" spans="1:7">
      <c r="A2495" s="5" t="s">
        <v>7</v>
      </c>
      <c r="B2495" s="5">
        <v>2561</v>
      </c>
      <c r="C2495" s="5" t="s">
        <v>8</v>
      </c>
      <c r="D2495" s="5" t="s">
        <v>8</v>
      </c>
      <c r="E2495" s="6">
        <v>11001</v>
      </c>
      <c r="F2495" s="5" t="s">
        <v>4992</v>
      </c>
      <c r="G2495" s="5" t="s">
        <v>4993</v>
      </c>
    </row>
    <row r="2496" spans="1:7">
      <c r="A2496" s="5" t="s">
        <v>7</v>
      </c>
      <c r="B2496" s="5">
        <v>2562</v>
      </c>
      <c r="C2496" s="5" t="s">
        <v>8</v>
      </c>
      <c r="D2496" s="5" t="s">
        <v>8</v>
      </c>
      <c r="E2496" s="6">
        <v>11001</v>
      </c>
      <c r="F2496" s="5" t="s">
        <v>4994</v>
      </c>
      <c r="G2496" s="5" t="s">
        <v>4995</v>
      </c>
    </row>
    <row r="2497" spans="1:7">
      <c r="A2497" s="5" t="s">
        <v>7</v>
      </c>
      <c r="B2497" s="5">
        <v>2563</v>
      </c>
      <c r="C2497" s="5" t="s">
        <v>8</v>
      </c>
      <c r="D2497" s="5" t="s">
        <v>8</v>
      </c>
      <c r="E2497" s="6">
        <v>11001</v>
      </c>
      <c r="F2497" s="5" t="s">
        <v>4996</v>
      </c>
      <c r="G2497" s="5" t="s">
        <v>4997</v>
      </c>
    </row>
    <row r="2498" spans="1:7">
      <c r="A2498" s="5" t="s">
        <v>7</v>
      </c>
      <c r="B2498" s="5">
        <v>2564</v>
      </c>
      <c r="C2498" s="5" t="s">
        <v>8</v>
      </c>
      <c r="D2498" s="5" t="s">
        <v>8</v>
      </c>
      <c r="E2498" s="6">
        <v>11001</v>
      </c>
      <c r="F2498" s="5" t="s">
        <v>4998</v>
      </c>
      <c r="G2498" s="5" t="s">
        <v>4999</v>
      </c>
    </row>
    <row r="2499" spans="1:7">
      <c r="A2499" s="5" t="s">
        <v>7</v>
      </c>
      <c r="B2499" s="5">
        <v>2565</v>
      </c>
      <c r="C2499" s="5" t="s">
        <v>8</v>
      </c>
      <c r="D2499" s="5" t="s">
        <v>8</v>
      </c>
      <c r="E2499" s="6">
        <v>11001</v>
      </c>
      <c r="F2499" s="5" t="s">
        <v>5000</v>
      </c>
      <c r="G2499" s="5" t="s">
        <v>5001</v>
      </c>
    </row>
    <row r="2500" spans="1:7">
      <c r="A2500" s="5" t="s">
        <v>7</v>
      </c>
      <c r="B2500" s="5">
        <v>2566</v>
      </c>
      <c r="C2500" s="5" t="s">
        <v>8</v>
      </c>
      <c r="D2500" s="5" t="s">
        <v>8</v>
      </c>
      <c r="E2500" s="6">
        <v>11001</v>
      </c>
      <c r="F2500" s="5" t="s">
        <v>5002</v>
      </c>
      <c r="G2500" s="5" t="s">
        <v>5003</v>
      </c>
    </row>
    <row r="2501" spans="1:7">
      <c r="A2501" s="5" t="s">
        <v>7</v>
      </c>
      <c r="B2501" s="5">
        <v>2567</v>
      </c>
      <c r="C2501" s="5" t="s">
        <v>8</v>
      </c>
      <c r="D2501" s="5" t="s">
        <v>8</v>
      </c>
      <c r="E2501" s="6">
        <v>11001</v>
      </c>
      <c r="F2501" s="5" t="s">
        <v>5004</v>
      </c>
      <c r="G2501" s="5" t="s">
        <v>5005</v>
      </c>
    </row>
    <row r="2502" spans="1:7">
      <c r="A2502" s="5" t="s">
        <v>7</v>
      </c>
      <c r="B2502" s="5">
        <v>2568</v>
      </c>
      <c r="C2502" s="5" t="s">
        <v>8</v>
      </c>
      <c r="D2502" s="5" t="s">
        <v>8</v>
      </c>
      <c r="E2502" s="6">
        <v>11001</v>
      </c>
      <c r="F2502" s="5" t="s">
        <v>5006</v>
      </c>
      <c r="G2502" s="5" t="s">
        <v>5007</v>
      </c>
    </row>
    <row r="2503" spans="1:7">
      <c r="A2503" s="5" t="s">
        <v>7</v>
      </c>
      <c r="B2503" s="5">
        <v>2569</v>
      </c>
      <c r="C2503" s="5" t="s">
        <v>8</v>
      </c>
      <c r="D2503" s="5" t="s">
        <v>8</v>
      </c>
      <c r="E2503" s="6">
        <v>11001</v>
      </c>
      <c r="F2503" s="5" t="s">
        <v>5008</v>
      </c>
      <c r="G2503" s="5" t="s">
        <v>5009</v>
      </c>
    </row>
    <row r="2504" spans="1:7">
      <c r="A2504" s="5" t="s">
        <v>7</v>
      </c>
      <c r="B2504" s="5">
        <v>2570</v>
      </c>
      <c r="C2504" s="5" t="s">
        <v>8</v>
      </c>
      <c r="D2504" s="5" t="s">
        <v>8</v>
      </c>
      <c r="E2504" s="6">
        <v>11001</v>
      </c>
      <c r="F2504" s="5" t="s">
        <v>5010</v>
      </c>
      <c r="G2504" s="5" t="s">
        <v>5011</v>
      </c>
    </row>
    <row r="2505" spans="1:7">
      <c r="A2505" s="5" t="s">
        <v>7</v>
      </c>
      <c r="B2505" s="5">
        <v>2571</v>
      </c>
      <c r="C2505" s="5" t="s">
        <v>8</v>
      </c>
      <c r="D2505" s="5" t="s">
        <v>8</v>
      </c>
      <c r="E2505" s="6">
        <v>11001</v>
      </c>
      <c r="F2505" s="5" t="s">
        <v>5012</v>
      </c>
      <c r="G2505" s="5" t="s">
        <v>5013</v>
      </c>
    </row>
    <row r="2506" spans="1:7">
      <c r="A2506" s="5" t="s">
        <v>7</v>
      </c>
      <c r="B2506" s="5">
        <v>2572</v>
      </c>
      <c r="C2506" s="5" t="s">
        <v>8</v>
      </c>
      <c r="D2506" s="5" t="s">
        <v>8</v>
      </c>
      <c r="E2506" s="6">
        <v>11001</v>
      </c>
      <c r="F2506" s="5" t="s">
        <v>5014</v>
      </c>
      <c r="G2506" s="5" t="s">
        <v>5015</v>
      </c>
    </row>
    <row r="2507" spans="1:7">
      <c r="A2507" s="5" t="s">
        <v>7</v>
      </c>
      <c r="B2507" s="5">
        <v>2573</v>
      </c>
      <c r="C2507" s="5" t="s">
        <v>2891</v>
      </c>
      <c r="D2507" s="5" t="s">
        <v>2892</v>
      </c>
      <c r="E2507" s="6">
        <v>13001</v>
      </c>
      <c r="F2507" s="5" t="s">
        <v>5016</v>
      </c>
      <c r="G2507" s="5" t="s">
        <v>5017</v>
      </c>
    </row>
    <row r="2508" spans="1:7">
      <c r="A2508" s="5" t="s">
        <v>7</v>
      </c>
      <c r="B2508" s="5">
        <v>2574</v>
      </c>
      <c r="C2508" s="5" t="s">
        <v>8</v>
      </c>
      <c r="D2508" s="5" t="s">
        <v>8</v>
      </c>
      <c r="E2508" s="6">
        <v>11001</v>
      </c>
      <c r="F2508" s="5" t="s">
        <v>5018</v>
      </c>
      <c r="G2508" s="5" t="s">
        <v>5019</v>
      </c>
    </row>
    <row r="2509" spans="1:7">
      <c r="A2509" s="5" t="s">
        <v>7</v>
      </c>
      <c r="B2509" s="5">
        <v>2575</v>
      </c>
      <c r="C2509" s="5" t="s">
        <v>8</v>
      </c>
      <c r="D2509" s="5" t="s">
        <v>8</v>
      </c>
      <c r="E2509" s="6">
        <v>11001</v>
      </c>
      <c r="F2509" s="5" t="s">
        <v>5020</v>
      </c>
      <c r="G2509" s="5" t="s">
        <v>5021</v>
      </c>
    </row>
    <row r="2510" spans="1:7">
      <c r="A2510" s="5" t="s">
        <v>7</v>
      </c>
      <c r="B2510" s="5">
        <v>2576</v>
      </c>
      <c r="C2510" s="5" t="s">
        <v>8</v>
      </c>
      <c r="D2510" s="5" t="s">
        <v>8</v>
      </c>
      <c r="E2510" s="6">
        <v>11001</v>
      </c>
      <c r="F2510" s="5" t="s">
        <v>5022</v>
      </c>
      <c r="G2510" s="5" t="s">
        <v>5023</v>
      </c>
    </row>
    <row r="2511" spans="1:7">
      <c r="A2511" s="5" t="s">
        <v>7</v>
      </c>
      <c r="B2511" s="5">
        <v>2577</v>
      </c>
      <c r="C2511" s="5" t="s">
        <v>8</v>
      </c>
      <c r="D2511" s="5" t="s">
        <v>8</v>
      </c>
      <c r="E2511" s="6">
        <v>11001</v>
      </c>
      <c r="F2511" s="5" t="s">
        <v>5024</v>
      </c>
      <c r="G2511" s="5" t="s">
        <v>5025</v>
      </c>
    </row>
    <row r="2512" spans="1:7">
      <c r="A2512" s="5" t="s">
        <v>7</v>
      </c>
      <c r="B2512" s="5">
        <v>2578</v>
      </c>
      <c r="C2512" s="5" t="s">
        <v>8</v>
      </c>
      <c r="D2512" s="5" t="s">
        <v>8</v>
      </c>
      <c r="E2512" s="6">
        <v>11001</v>
      </c>
      <c r="F2512" s="5" t="s">
        <v>5026</v>
      </c>
      <c r="G2512" s="5" t="s">
        <v>5027</v>
      </c>
    </row>
    <row r="2513" spans="1:7">
      <c r="A2513" s="5" t="s">
        <v>7</v>
      </c>
      <c r="B2513" s="5">
        <v>2579</v>
      </c>
      <c r="C2513" s="5" t="s">
        <v>8</v>
      </c>
      <c r="D2513" s="5" t="s">
        <v>8</v>
      </c>
      <c r="E2513" s="6">
        <v>11001</v>
      </c>
      <c r="F2513" s="5" t="s">
        <v>5028</v>
      </c>
      <c r="G2513" s="5" t="s">
        <v>5029</v>
      </c>
    </row>
    <row r="2514" spans="1:7">
      <c r="A2514" s="5" t="s">
        <v>7</v>
      </c>
      <c r="B2514" s="5">
        <v>2580</v>
      </c>
      <c r="C2514" s="5" t="s">
        <v>8</v>
      </c>
      <c r="D2514" s="5" t="s">
        <v>8</v>
      </c>
      <c r="E2514" s="6">
        <v>11001</v>
      </c>
      <c r="F2514" s="5" t="s">
        <v>5030</v>
      </c>
      <c r="G2514" s="5" t="s">
        <v>5031</v>
      </c>
    </row>
    <row r="2515" spans="1:7">
      <c r="A2515" s="5" t="s">
        <v>7</v>
      </c>
      <c r="B2515" s="5">
        <v>2581</v>
      </c>
      <c r="C2515" s="5" t="s">
        <v>8</v>
      </c>
      <c r="D2515" s="5" t="s">
        <v>8</v>
      </c>
      <c r="E2515" s="6">
        <v>11001</v>
      </c>
      <c r="F2515" s="5" t="s">
        <v>5032</v>
      </c>
      <c r="G2515" s="5" t="s">
        <v>5033</v>
      </c>
    </row>
    <row r="2516" spans="1:7">
      <c r="A2516" s="5" t="s">
        <v>7</v>
      </c>
      <c r="B2516" s="5">
        <v>2582</v>
      </c>
      <c r="C2516" s="5" t="s">
        <v>8</v>
      </c>
      <c r="D2516" s="5" t="s">
        <v>8</v>
      </c>
      <c r="E2516" s="6">
        <v>11001</v>
      </c>
      <c r="F2516" s="5" t="s">
        <v>5034</v>
      </c>
      <c r="G2516" s="5" t="s">
        <v>5035</v>
      </c>
    </row>
    <row r="2517" spans="1:7">
      <c r="A2517" s="5" t="s">
        <v>7</v>
      </c>
      <c r="B2517" s="5">
        <v>2583</v>
      </c>
      <c r="C2517" s="5" t="s">
        <v>8</v>
      </c>
      <c r="D2517" s="5" t="s">
        <v>8</v>
      </c>
      <c r="E2517" s="6">
        <v>11001</v>
      </c>
      <c r="F2517" s="5" t="s">
        <v>5036</v>
      </c>
      <c r="G2517" s="5" t="s">
        <v>5037</v>
      </c>
    </row>
    <row r="2518" spans="1:7">
      <c r="A2518" s="5" t="s">
        <v>7</v>
      </c>
      <c r="B2518" s="5">
        <v>2584</v>
      </c>
      <c r="C2518" s="5" t="s">
        <v>8</v>
      </c>
      <c r="D2518" s="5" t="s">
        <v>8</v>
      </c>
      <c r="E2518" s="6">
        <v>11001</v>
      </c>
      <c r="F2518" s="5" t="s">
        <v>5038</v>
      </c>
      <c r="G2518" s="5" t="s">
        <v>5039</v>
      </c>
    </row>
    <row r="2519" spans="1:7">
      <c r="A2519" s="5" t="s">
        <v>7</v>
      </c>
      <c r="B2519" s="5">
        <v>2585</v>
      </c>
      <c r="C2519" s="5" t="s">
        <v>8</v>
      </c>
      <c r="D2519" s="5" t="s">
        <v>8</v>
      </c>
      <c r="E2519" s="6">
        <v>11001</v>
      </c>
      <c r="F2519" s="5" t="s">
        <v>5040</v>
      </c>
      <c r="G2519" s="5" t="s">
        <v>5041</v>
      </c>
    </row>
    <row r="2520" spans="1:7">
      <c r="A2520" s="5" t="s">
        <v>7</v>
      </c>
      <c r="B2520" s="5">
        <v>2586</v>
      </c>
      <c r="C2520" s="5" t="s">
        <v>8</v>
      </c>
      <c r="D2520" s="5" t="s">
        <v>8</v>
      </c>
      <c r="E2520" s="6">
        <v>11001</v>
      </c>
      <c r="F2520" s="5" t="s">
        <v>5042</v>
      </c>
      <c r="G2520" s="5" t="s">
        <v>5043</v>
      </c>
    </row>
    <row r="2521" spans="1:7">
      <c r="A2521" s="5" t="s">
        <v>7</v>
      </c>
      <c r="B2521" s="5">
        <v>2587</v>
      </c>
      <c r="C2521" s="5" t="s">
        <v>8</v>
      </c>
      <c r="D2521" s="5" t="s">
        <v>8</v>
      </c>
      <c r="E2521" s="6">
        <v>11001</v>
      </c>
      <c r="F2521" s="5" t="s">
        <v>5044</v>
      </c>
      <c r="G2521" s="5" t="s">
        <v>5045</v>
      </c>
    </row>
    <row r="2522" spans="1:7">
      <c r="A2522" s="5" t="s">
        <v>7</v>
      </c>
      <c r="B2522" s="5">
        <v>2588</v>
      </c>
      <c r="C2522" s="5" t="s">
        <v>2891</v>
      </c>
      <c r="D2522" s="5" t="s">
        <v>2892</v>
      </c>
      <c r="E2522" s="6">
        <v>13001</v>
      </c>
      <c r="F2522" s="5" t="s">
        <v>5046</v>
      </c>
      <c r="G2522" s="5" t="s">
        <v>5047</v>
      </c>
    </row>
    <row r="2523" spans="1:7">
      <c r="A2523" s="5" t="s">
        <v>7</v>
      </c>
      <c r="B2523" s="5">
        <v>2589</v>
      </c>
      <c r="C2523" s="5" t="s">
        <v>8</v>
      </c>
      <c r="D2523" s="5" t="s">
        <v>8</v>
      </c>
      <c r="E2523" s="6">
        <v>11001</v>
      </c>
      <c r="F2523" s="5" t="s">
        <v>5048</v>
      </c>
      <c r="G2523" s="5" t="s">
        <v>5049</v>
      </c>
    </row>
    <row r="2524" spans="1:7">
      <c r="A2524" s="5" t="s">
        <v>7</v>
      </c>
      <c r="B2524" s="5">
        <v>2590</v>
      </c>
      <c r="C2524" s="5" t="s">
        <v>2929</v>
      </c>
      <c r="D2524" s="5" t="s">
        <v>5050</v>
      </c>
      <c r="E2524" s="6">
        <v>73283</v>
      </c>
      <c r="F2524" s="5" t="s">
        <v>5051</v>
      </c>
      <c r="G2524" s="5" t="s">
        <v>5052</v>
      </c>
    </row>
    <row r="2525" spans="1:7">
      <c r="A2525" s="5" t="s">
        <v>7</v>
      </c>
      <c r="B2525" s="5">
        <v>2591</v>
      </c>
      <c r="C2525" s="5" t="s">
        <v>8</v>
      </c>
      <c r="D2525" s="5" t="s">
        <v>8</v>
      </c>
      <c r="E2525" s="6">
        <v>11001</v>
      </c>
      <c r="F2525" s="5" t="s">
        <v>5053</v>
      </c>
      <c r="G2525" s="5" t="s">
        <v>5054</v>
      </c>
    </row>
    <row r="2526" spans="1:7">
      <c r="A2526" s="5" t="s">
        <v>7</v>
      </c>
      <c r="B2526" s="5">
        <v>2592</v>
      </c>
      <c r="C2526" s="5" t="s">
        <v>3203</v>
      </c>
      <c r="D2526" s="5" t="s">
        <v>5055</v>
      </c>
      <c r="E2526" s="6">
        <v>63001</v>
      </c>
      <c r="F2526" s="5" t="s">
        <v>5056</v>
      </c>
      <c r="G2526" s="5" t="s">
        <v>5057</v>
      </c>
    </row>
    <row r="2527" spans="1:7">
      <c r="A2527" s="5" t="s">
        <v>7</v>
      </c>
      <c r="B2527" s="5">
        <v>2593</v>
      </c>
      <c r="C2527" s="5" t="s">
        <v>8</v>
      </c>
      <c r="D2527" s="5" t="s">
        <v>8</v>
      </c>
      <c r="E2527" s="6">
        <v>11001</v>
      </c>
      <c r="F2527" s="5" t="s">
        <v>5058</v>
      </c>
      <c r="G2527" s="5" t="s">
        <v>5059</v>
      </c>
    </row>
    <row r="2528" spans="1:7">
      <c r="A2528" s="5" t="s">
        <v>7</v>
      </c>
      <c r="B2528" s="5">
        <v>2594</v>
      </c>
      <c r="C2528" s="5" t="s">
        <v>8</v>
      </c>
      <c r="D2528" s="5" t="s">
        <v>8</v>
      </c>
      <c r="E2528" s="6">
        <v>11001</v>
      </c>
      <c r="F2528" s="5" t="s">
        <v>5060</v>
      </c>
      <c r="G2528" s="5" t="s">
        <v>5061</v>
      </c>
    </row>
    <row r="2529" spans="1:7">
      <c r="A2529" s="5" t="s">
        <v>7</v>
      </c>
      <c r="B2529" s="5">
        <v>2595</v>
      </c>
      <c r="C2529" s="5" t="s">
        <v>8</v>
      </c>
      <c r="D2529" s="5" t="s">
        <v>8</v>
      </c>
      <c r="E2529" s="6">
        <v>11001</v>
      </c>
      <c r="F2529" s="5" t="s">
        <v>5062</v>
      </c>
      <c r="G2529" s="5" t="s">
        <v>5063</v>
      </c>
    </row>
    <row r="2530" spans="1:7">
      <c r="A2530" s="5" t="s">
        <v>7</v>
      </c>
      <c r="B2530" s="5">
        <v>2596</v>
      </c>
      <c r="C2530" s="5" t="s">
        <v>813</v>
      </c>
      <c r="D2530" s="5" t="s">
        <v>814</v>
      </c>
      <c r="E2530" s="6">
        <v>25754</v>
      </c>
      <c r="F2530" s="5" t="s">
        <v>5064</v>
      </c>
      <c r="G2530" s="5" t="s">
        <v>5065</v>
      </c>
    </row>
    <row r="2531" spans="1:7">
      <c r="A2531" s="5" t="s">
        <v>7</v>
      </c>
      <c r="B2531" s="5">
        <v>2597</v>
      </c>
      <c r="C2531" s="5" t="s">
        <v>8</v>
      </c>
      <c r="D2531" s="5" t="s">
        <v>8</v>
      </c>
      <c r="E2531" s="6">
        <v>11001</v>
      </c>
      <c r="F2531" s="5" t="s">
        <v>5066</v>
      </c>
      <c r="G2531" s="5" t="s">
        <v>5067</v>
      </c>
    </row>
    <row r="2532" spans="1:7">
      <c r="A2532" s="5" t="s">
        <v>7</v>
      </c>
      <c r="B2532" s="5">
        <v>2598</v>
      </c>
      <c r="C2532" s="5" t="s">
        <v>8</v>
      </c>
      <c r="D2532" s="5" t="s">
        <v>8</v>
      </c>
      <c r="E2532" s="6">
        <v>11001</v>
      </c>
      <c r="F2532" s="5" t="s">
        <v>5068</v>
      </c>
      <c r="G2532" s="5" t="s">
        <v>5069</v>
      </c>
    </row>
    <row r="2533" spans="1:7">
      <c r="A2533" s="5" t="s">
        <v>7</v>
      </c>
      <c r="B2533" s="5">
        <v>2599</v>
      </c>
      <c r="C2533" s="5" t="s">
        <v>8</v>
      </c>
      <c r="D2533" s="5" t="s">
        <v>8</v>
      </c>
      <c r="E2533" s="6">
        <v>11001</v>
      </c>
      <c r="F2533" s="5" t="s">
        <v>5070</v>
      </c>
      <c r="G2533" s="5" t="s">
        <v>5071</v>
      </c>
    </row>
    <row r="2534" spans="1:7">
      <c r="A2534" s="5" t="s">
        <v>7</v>
      </c>
      <c r="B2534" s="5">
        <v>2600</v>
      </c>
      <c r="C2534" s="5" t="s">
        <v>8</v>
      </c>
      <c r="D2534" s="5" t="s">
        <v>8</v>
      </c>
      <c r="E2534" s="6">
        <v>11001</v>
      </c>
      <c r="F2534" s="5" t="s">
        <v>5072</v>
      </c>
      <c r="G2534" s="5" t="s">
        <v>5073</v>
      </c>
    </row>
    <row r="2535" spans="1:7">
      <c r="A2535" s="5" t="s">
        <v>7</v>
      </c>
      <c r="B2535" s="5">
        <v>2601</v>
      </c>
      <c r="C2535" s="5" t="s">
        <v>813</v>
      </c>
      <c r="D2535" s="5" t="s">
        <v>4501</v>
      </c>
      <c r="E2535" s="6">
        <v>25599</v>
      </c>
      <c r="F2535" s="5" t="s">
        <v>5074</v>
      </c>
      <c r="G2535" s="5" t="s">
        <v>5075</v>
      </c>
    </row>
    <row r="2536" spans="1:7">
      <c r="A2536" s="5" t="s">
        <v>7</v>
      </c>
      <c r="B2536" s="5">
        <v>2602</v>
      </c>
      <c r="C2536" s="5" t="s">
        <v>8</v>
      </c>
      <c r="D2536" s="5" t="s">
        <v>8</v>
      </c>
      <c r="E2536" s="6">
        <v>11001</v>
      </c>
      <c r="F2536" s="5" t="s">
        <v>5076</v>
      </c>
      <c r="G2536" s="5" t="s">
        <v>5077</v>
      </c>
    </row>
    <row r="2537" spans="1:7">
      <c r="A2537" s="5" t="s">
        <v>7</v>
      </c>
      <c r="B2537" s="5">
        <v>2603</v>
      </c>
      <c r="C2537" s="5" t="s">
        <v>8</v>
      </c>
      <c r="D2537" s="5" t="s">
        <v>8</v>
      </c>
      <c r="E2537" s="6">
        <v>11001</v>
      </c>
      <c r="F2537" s="5" t="s">
        <v>5078</v>
      </c>
      <c r="G2537" s="5" t="s">
        <v>5079</v>
      </c>
    </row>
    <row r="2538" spans="1:7">
      <c r="A2538" s="5" t="s">
        <v>7</v>
      </c>
      <c r="B2538" s="5">
        <v>2604</v>
      </c>
      <c r="C2538" s="5" t="s">
        <v>8</v>
      </c>
      <c r="D2538" s="5" t="s">
        <v>8</v>
      </c>
      <c r="E2538" s="6">
        <v>11001</v>
      </c>
      <c r="F2538" s="5" t="s">
        <v>5080</v>
      </c>
      <c r="G2538" s="5" t="s">
        <v>5081</v>
      </c>
    </row>
    <row r="2539" spans="1:7">
      <c r="A2539" s="5" t="s">
        <v>7</v>
      </c>
      <c r="B2539" s="5">
        <v>2605</v>
      </c>
      <c r="C2539" s="5" t="s">
        <v>8</v>
      </c>
      <c r="D2539" s="5" t="s">
        <v>8</v>
      </c>
      <c r="E2539" s="6">
        <v>11001</v>
      </c>
      <c r="F2539" s="5" t="s">
        <v>5082</v>
      </c>
      <c r="G2539" s="5" t="s">
        <v>5083</v>
      </c>
    </row>
    <row r="2540" spans="1:7">
      <c r="A2540" s="5" t="s">
        <v>7</v>
      </c>
      <c r="B2540" s="5">
        <v>2606</v>
      </c>
      <c r="C2540" s="5" t="s">
        <v>8</v>
      </c>
      <c r="D2540" s="5" t="s">
        <v>8</v>
      </c>
      <c r="E2540" s="6">
        <v>11001</v>
      </c>
      <c r="F2540" s="5" t="s">
        <v>5084</v>
      </c>
      <c r="G2540" s="5" t="s">
        <v>5085</v>
      </c>
    </row>
    <row r="2541" spans="1:7">
      <c r="A2541" s="5" t="s">
        <v>7</v>
      </c>
      <c r="B2541" s="5">
        <v>2607</v>
      </c>
      <c r="C2541" s="5" t="s">
        <v>2760</v>
      </c>
      <c r="D2541" s="5" t="s">
        <v>5086</v>
      </c>
      <c r="E2541" s="6">
        <v>68190</v>
      </c>
      <c r="F2541" s="5" t="s">
        <v>5087</v>
      </c>
      <c r="G2541" s="5" t="s">
        <v>5088</v>
      </c>
    </row>
    <row r="2542" spans="1:7">
      <c r="A2542" s="5" t="s">
        <v>7</v>
      </c>
      <c r="B2542" s="5">
        <v>2608</v>
      </c>
      <c r="C2542" s="5" t="s">
        <v>8</v>
      </c>
      <c r="D2542" s="5" t="s">
        <v>8</v>
      </c>
      <c r="E2542" s="6">
        <v>11001</v>
      </c>
      <c r="F2542" s="5" t="s">
        <v>5089</v>
      </c>
      <c r="G2542" s="5" t="s">
        <v>5090</v>
      </c>
    </row>
    <row r="2543" spans="1:7">
      <c r="A2543" s="5" t="s">
        <v>7</v>
      </c>
      <c r="B2543" s="5">
        <v>2609</v>
      </c>
      <c r="C2543" s="5" t="s">
        <v>2929</v>
      </c>
      <c r="D2543" s="5" t="s">
        <v>5091</v>
      </c>
      <c r="E2543" s="6">
        <v>73411</v>
      </c>
      <c r="F2543" s="5" t="s">
        <v>5092</v>
      </c>
      <c r="G2543" s="5" t="s">
        <v>5093</v>
      </c>
    </row>
    <row r="2544" spans="1:7">
      <c r="A2544" s="5" t="s">
        <v>7</v>
      </c>
      <c r="B2544" s="5">
        <v>2610</v>
      </c>
      <c r="C2544" s="5" t="s">
        <v>8</v>
      </c>
      <c r="D2544" s="5" t="s">
        <v>8</v>
      </c>
      <c r="E2544" s="6">
        <v>11001</v>
      </c>
      <c r="F2544" s="5" t="s">
        <v>5094</v>
      </c>
      <c r="G2544" s="5" t="s">
        <v>5095</v>
      </c>
    </row>
    <row r="2545" spans="1:7">
      <c r="A2545" s="5" t="s">
        <v>7</v>
      </c>
      <c r="B2545" s="5">
        <v>2611</v>
      </c>
      <c r="C2545" s="5" t="s">
        <v>813</v>
      </c>
      <c r="D2545" s="5" t="s">
        <v>814</v>
      </c>
      <c r="E2545" s="6">
        <v>25754</v>
      </c>
      <c r="F2545" s="5" t="s">
        <v>5096</v>
      </c>
      <c r="G2545" s="5" t="s">
        <v>5097</v>
      </c>
    </row>
    <row r="2546" spans="1:7">
      <c r="A2546" s="5" t="s">
        <v>7</v>
      </c>
      <c r="B2546" s="5">
        <v>2612</v>
      </c>
      <c r="C2546" s="5" t="s">
        <v>3323</v>
      </c>
      <c r="D2546" s="5" t="s">
        <v>3431</v>
      </c>
      <c r="E2546" s="6">
        <v>54001</v>
      </c>
      <c r="F2546" s="5" t="s">
        <v>5098</v>
      </c>
      <c r="G2546" s="5" t="s">
        <v>5099</v>
      </c>
    </row>
    <row r="2547" spans="1:7">
      <c r="A2547" s="5" t="s">
        <v>7</v>
      </c>
      <c r="B2547" s="5">
        <v>2613</v>
      </c>
      <c r="C2547" s="5" t="s">
        <v>8</v>
      </c>
      <c r="D2547" s="5" t="s">
        <v>8</v>
      </c>
      <c r="E2547" s="6">
        <v>11001</v>
      </c>
      <c r="F2547" s="5" t="s">
        <v>5100</v>
      </c>
      <c r="G2547" s="5" t="s">
        <v>5101</v>
      </c>
    </row>
    <row r="2548" spans="1:7">
      <c r="A2548" s="5" t="s">
        <v>7</v>
      </c>
      <c r="B2548" s="5">
        <v>2614</v>
      </c>
      <c r="C2548" s="5" t="s">
        <v>8</v>
      </c>
      <c r="D2548" s="5" t="s">
        <v>8</v>
      </c>
      <c r="E2548" s="6">
        <v>11001</v>
      </c>
      <c r="F2548" s="5" t="s">
        <v>5102</v>
      </c>
      <c r="G2548" s="5" t="s">
        <v>5103</v>
      </c>
    </row>
    <row r="2549" spans="1:7">
      <c r="A2549" s="5" t="s">
        <v>7</v>
      </c>
      <c r="B2549" s="5">
        <v>2615</v>
      </c>
      <c r="C2549" s="5" t="s">
        <v>8</v>
      </c>
      <c r="D2549" s="5" t="s">
        <v>8</v>
      </c>
      <c r="E2549" s="6">
        <v>11001</v>
      </c>
      <c r="F2549" s="5" t="s">
        <v>5104</v>
      </c>
      <c r="G2549" s="5" t="s">
        <v>5105</v>
      </c>
    </row>
    <row r="2550" spans="1:7">
      <c r="A2550" s="5" t="s">
        <v>7</v>
      </c>
      <c r="B2550" s="5">
        <v>2616</v>
      </c>
      <c r="C2550" s="5" t="s">
        <v>8</v>
      </c>
      <c r="D2550" s="5" t="s">
        <v>8</v>
      </c>
      <c r="E2550" s="6">
        <v>11001</v>
      </c>
      <c r="F2550" s="5" t="s">
        <v>5106</v>
      </c>
      <c r="G2550" s="5" t="s">
        <v>5107</v>
      </c>
    </row>
    <row r="2551" spans="1:7">
      <c r="A2551" s="5" t="s">
        <v>7</v>
      </c>
      <c r="B2551" s="5">
        <v>2617</v>
      </c>
      <c r="C2551" s="5" t="s">
        <v>2929</v>
      </c>
      <c r="D2551" s="5" t="s">
        <v>5091</v>
      </c>
      <c r="E2551" s="6">
        <v>73411</v>
      </c>
      <c r="F2551" s="5" t="s">
        <v>5108</v>
      </c>
      <c r="G2551" s="5" t="s">
        <v>5109</v>
      </c>
    </row>
    <row r="2552" spans="1:7">
      <c r="A2552" s="5" t="s">
        <v>7</v>
      </c>
      <c r="B2552" s="5">
        <v>2618</v>
      </c>
      <c r="C2552" s="5" t="s">
        <v>8</v>
      </c>
      <c r="D2552" s="5" t="s">
        <v>8</v>
      </c>
      <c r="E2552" s="6">
        <v>11001</v>
      </c>
      <c r="F2552" s="5" t="s">
        <v>5110</v>
      </c>
      <c r="G2552" s="5" t="s">
        <v>5111</v>
      </c>
    </row>
    <row r="2553" spans="1:7">
      <c r="A2553" s="5" t="s">
        <v>7</v>
      </c>
      <c r="B2553" s="5">
        <v>2619</v>
      </c>
      <c r="C2553" s="5" t="s">
        <v>813</v>
      </c>
      <c r="D2553" s="5" t="s">
        <v>814</v>
      </c>
      <c r="E2553" s="6">
        <v>25754</v>
      </c>
      <c r="F2553" s="5" t="s">
        <v>5112</v>
      </c>
      <c r="G2553" s="5" t="s">
        <v>5113</v>
      </c>
    </row>
    <row r="2554" spans="1:7">
      <c r="A2554" s="5" t="s">
        <v>7</v>
      </c>
      <c r="B2554" s="5">
        <v>2620</v>
      </c>
      <c r="C2554" s="5" t="s">
        <v>8</v>
      </c>
      <c r="D2554" s="5" t="s">
        <v>8</v>
      </c>
      <c r="E2554" s="6">
        <v>11001</v>
      </c>
      <c r="F2554" s="5" t="s">
        <v>5114</v>
      </c>
      <c r="G2554" s="5" t="s">
        <v>5115</v>
      </c>
    </row>
    <row r="2555" spans="1:7">
      <c r="A2555" s="5" t="s">
        <v>7</v>
      </c>
      <c r="B2555" s="5">
        <v>2621</v>
      </c>
      <c r="C2555" s="5" t="s">
        <v>8</v>
      </c>
      <c r="D2555" s="5" t="s">
        <v>8</v>
      </c>
      <c r="E2555" s="6">
        <v>11001</v>
      </c>
      <c r="F2555" s="5" t="s">
        <v>5116</v>
      </c>
      <c r="G2555" s="5" t="s">
        <v>5117</v>
      </c>
    </row>
    <row r="2556" spans="1:7">
      <c r="A2556" s="5" t="s">
        <v>7</v>
      </c>
      <c r="B2556" s="5">
        <v>2622</v>
      </c>
      <c r="C2556" s="5" t="s">
        <v>8</v>
      </c>
      <c r="D2556" s="5" t="s">
        <v>8</v>
      </c>
      <c r="E2556" s="6">
        <v>11001</v>
      </c>
      <c r="F2556" s="5" t="s">
        <v>5118</v>
      </c>
      <c r="G2556" s="5" t="s">
        <v>5119</v>
      </c>
    </row>
    <row r="2557" spans="1:7">
      <c r="A2557" s="5" t="s">
        <v>7</v>
      </c>
      <c r="B2557" s="5">
        <v>2623</v>
      </c>
      <c r="C2557" s="5" t="s">
        <v>8</v>
      </c>
      <c r="D2557" s="5" t="s">
        <v>8</v>
      </c>
      <c r="E2557" s="6">
        <v>11001</v>
      </c>
      <c r="F2557" s="5" t="s">
        <v>5120</v>
      </c>
      <c r="G2557" s="5" t="s">
        <v>5121</v>
      </c>
    </row>
    <row r="2558" spans="1:7">
      <c r="A2558" s="5" t="s">
        <v>7</v>
      </c>
      <c r="B2558" s="5">
        <v>2624</v>
      </c>
      <c r="C2558" s="5" t="s">
        <v>8</v>
      </c>
      <c r="D2558" s="5" t="s">
        <v>8</v>
      </c>
      <c r="E2558" s="6">
        <v>11001</v>
      </c>
      <c r="F2558" s="5" t="s">
        <v>5122</v>
      </c>
      <c r="G2558" s="5" t="s">
        <v>5123</v>
      </c>
    </row>
    <row r="2559" spans="1:7">
      <c r="A2559" s="5" t="s">
        <v>7</v>
      </c>
      <c r="B2559" s="5">
        <v>2625</v>
      </c>
      <c r="C2559" s="5" t="s">
        <v>8</v>
      </c>
      <c r="D2559" s="5" t="s">
        <v>8</v>
      </c>
      <c r="E2559" s="6">
        <v>11001</v>
      </c>
      <c r="F2559" s="5" t="s">
        <v>5124</v>
      </c>
      <c r="G2559" s="5" t="s">
        <v>5125</v>
      </c>
    </row>
    <row r="2560" spans="1:7">
      <c r="A2560" s="5" t="s">
        <v>7</v>
      </c>
      <c r="B2560" s="5">
        <v>2626</v>
      </c>
      <c r="C2560" s="5" t="s">
        <v>8</v>
      </c>
      <c r="D2560" s="5" t="s">
        <v>8</v>
      </c>
      <c r="E2560" s="6">
        <v>11001</v>
      </c>
      <c r="F2560" s="5" t="s">
        <v>5126</v>
      </c>
      <c r="G2560" s="5" t="s">
        <v>5127</v>
      </c>
    </row>
    <row r="2561" spans="1:7">
      <c r="A2561" s="5" t="s">
        <v>7</v>
      </c>
      <c r="B2561" s="5">
        <v>2627</v>
      </c>
      <c r="C2561" s="5" t="s">
        <v>3323</v>
      </c>
      <c r="D2561" s="5" t="s">
        <v>3431</v>
      </c>
      <c r="E2561" s="6">
        <v>54001</v>
      </c>
      <c r="F2561" s="5" t="s">
        <v>5128</v>
      </c>
      <c r="G2561" s="5" t="s">
        <v>5129</v>
      </c>
    </row>
    <row r="2562" spans="1:7">
      <c r="A2562" s="5" t="s">
        <v>7</v>
      </c>
      <c r="B2562" s="5">
        <v>2628</v>
      </c>
      <c r="C2562" s="5" t="s">
        <v>8</v>
      </c>
      <c r="D2562" s="5" t="s">
        <v>8</v>
      </c>
      <c r="E2562" s="6">
        <v>11001</v>
      </c>
      <c r="F2562" s="5" t="s">
        <v>5130</v>
      </c>
      <c r="G2562" s="5" t="s">
        <v>5131</v>
      </c>
    </row>
    <row r="2563" spans="1:7">
      <c r="A2563" s="5" t="s">
        <v>7</v>
      </c>
      <c r="B2563" s="5">
        <v>2629</v>
      </c>
      <c r="C2563" s="5" t="s">
        <v>3971</v>
      </c>
      <c r="D2563" s="5" t="s">
        <v>5132</v>
      </c>
      <c r="E2563" s="6">
        <v>52356</v>
      </c>
      <c r="F2563" s="5" t="s">
        <v>5133</v>
      </c>
      <c r="G2563" s="5" t="s">
        <v>5134</v>
      </c>
    </row>
    <row r="2564" spans="1:7">
      <c r="A2564" s="5" t="s">
        <v>7</v>
      </c>
      <c r="B2564" s="5">
        <v>2630</v>
      </c>
      <c r="C2564" s="5" t="s">
        <v>8</v>
      </c>
      <c r="D2564" s="5" t="s">
        <v>8</v>
      </c>
      <c r="E2564" s="6">
        <v>11001</v>
      </c>
      <c r="F2564" s="5" t="s">
        <v>5135</v>
      </c>
      <c r="G2564" s="5" t="s">
        <v>5136</v>
      </c>
    </row>
    <row r="2565" spans="1:7">
      <c r="A2565" s="5" t="s">
        <v>7</v>
      </c>
      <c r="B2565" s="5">
        <v>2631</v>
      </c>
      <c r="C2565" s="5" t="s">
        <v>8</v>
      </c>
      <c r="D2565" s="5" t="s">
        <v>8</v>
      </c>
      <c r="E2565" s="6">
        <v>11001</v>
      </c>
      <c r="F2565" s="5" t="s">
        <v>5137</v>
      </c>
      <c r="G2565" s="5" t="s">
        <v>5138</v>
      </c>
    </row>
    <row r="2566" spans="1:7">
      <c r="A2566" s="5" t="s">
        <v>7</v>
      </c>
      <c r="B2566" s="5">
        <v>2632</v>
      </c>
      <c r="C2566" s="5" t="s">
        <v>8</v>
      </c>
      <c r="D2566" s="5" t="s">
        <v>8</v>
      </c>
      <c r="E2566" s="6">
        <v>11001</v>
      </c>
      <c r="F2566" s="5" t="s">
        <v>5139</v>
      </c>
      <c r="G2566" s="5" t="s">
        <v>5140</v>
      </c>
    </row>
    <row r="2567" spans="1:7">
      <c r="A2567" s="5" t="s">
        <v>7</v>
      </c>
      <c r="B2567" s="5">
        <v>2633</v>
      </c>
      <c r="C2567" s="5" t="s">
        <v>8</v>
      </c>
      <c r="D2567" s="5" t="s">
        <v>8</v>
      </c>
      <c r="E2567" s="6">
        <v>11001</v>
      </c>
      <c r="F2567" s="5" t="s">
        <v>5141</v>
      </c>
      <c r="G2567" s="5" t="s">
        <v>5142</v>
      </c>
    </row>
    <row r="2568" spans="1:7">
      <c r="A2568" s="5" t="s">
        <v>7</v>
      </c>
      <c r="B2568" s="5">
        <v>2634</v>
      </c>
      <c r="C2568" s="5" t="s">
        <v>8</v>
      </c>
      <c r="D2568" s="5" t="s">
        <v>8</v>
      </c>
      <c r="E2568" s="6">
        <v>11001</v>
      </c>
      <c r="F2568" s="5" t="s">
        <v>5143</v>
      </c>
      <c r="G2568" s="5" t="s">
        <v>5144</v>
      </c>
    </row>
    <row r="2569" spans="1:7">
      <c r="A2569" s="5" t="s">
        <v>7</v>
      </c>
      <c r="B2569" s="5">
        <v>2635</v>
      </c>
      <c r="C2569" s="5" t="s">
        <v>8</v>
      </c>
      <c r="D2569" s="5" t="s">
        <v>8</v>
      </c>
      <c r="E2569" s="6">
        <v>11001</v>
      </c>
      <c r="F2569" s="5" t="s">
        <v>5145</v>
      </c>
      <c r="G2569" s="5" t="s">
        <v>5146</v>
      </c>
    </row>
    <row r="2570" spans="1:7">
      <c r="A2570" s="5" t="s">
        <v>7</v>
      </c>
      <c r="B2570" s="5">
        <v>2636</v>
      </c>
      <c r="C2570" s="5" t="s">
        <v>813</v>
      </c>
      <c r="D2570" s="5" t="s">
        <v>814</v>
      </c>
      <c r="E2570" s="6">
        <v>25754</v>
      </c>
      <c r="F2570" s="5" t="s">
        <v>5147</v>
      </c>
      <c r="G2570" s="5" t="s">
        <v>5148</v>
      </c>
    </row>
    <row r="2571" spans="1:7">
      <c r="A2571" s="5" t="s">
        <v>7</v>
      </c>
      <c r="B2571" s="5">
        <v>2637</v>
      </c>
      <c r="C2571" s="5" t="s">
        <v>2929</v>
      </c>
      <c r="D2571" s="5" t="s">
        <v>5091</v>
      </c>
      <c r="E2571" s="6">
        <v>73411</v>
      </c>
      <c r="F2571" s="5" t="s">
        <v>5149</v>
      </c>
      <c r="G2571" s="5" t="s">
        <v>5150</v>
      </c>
    </row>
    <row r="2572" spans="1:7">
      <c r="A2572" s="5" t="s">
        <v>7</v>
      </c>
      <c r="B2572" s="5">
        <v>2638</v>
      </c>
      <c r="C2572" s="5" t="s">
        <v>8</v>
      </c>
      <c r="D2572" s="5" t="s">
        <v>8</v>
      </c>
      <c r="E2572" s="6">
        <v>11001</v>
      </c>
      <c r="F2572" s="5" t="s">
        <v>5151</v>
      </c>
      <c r="G2572" s="5" t="s">
        <v>5152</v>
      </c>
    </row>
    <row r="2573" spans="1:7">
      <c r="A2573" s="5" t="s">
        <v>7</v>
      </c>
      <c r="B2573" s="5">
        <v>2639</v>
      </c>
      <c r="C2573" s="5" t="s">
        <v>8</v>
      </c>
      <c r="D2573" s="5" t="s">
        <v>8</v>
      </c>
      <c r="E2573" s="6">
        <v>11001</v>
      </c>
      <c r="F2573" s="5" t="s">
        <v>5153</v>
      </c>
      <c r="G2573" s="5" t="s">
        <v>5154</v>
      </c>
    </row>
    <row r="2574" spans="1:7">
      <c r="A2574" s="5" t="s">
        <v>7</v>
      </c>
      <c r="B2574" s="5">
        <v>2640</v>
      </c>
      <c r="C2574" s="5" t="s">
        <v>8</v>
      </c>
      <c r="D2574" s="5" t="s">
        <v>8</v>
      </c>
      <c r="E2574" s="6">
        <v>11001</v>
      </c>
      <c r="F2574" s="5" t="s">
        <v>5155</v>
      </c>
      <c r="G2574" s="5" t="s">
        <v>5156</v>
      </c>
    </row>
    <row r="2575" spans="1:7">
      <c r="A2575" s="5" t="s">
        <v>7</v>
      </c>
      <c r="B2575" s="5">
        <v>2641</v>
      </c>
      <c r="C2575" s="5" t="s">
        <v>8</v>
      </c>
      <c r="D2575" s="5" t="s">
        <v>8</v>
      </c>
      <c r="E2575" s="6">
        <v>11001</v>
      </c>
      <c r="F2575" s="5" t="s">
        <v>5157</v>
      </c>
      <c r="G2575" s="5" t="s">
        <v>5158</v>
      </c>
    </row>
    <row r="2576" spans="1:7">
      <c r="A2576" s="5" t="s">
        <v>7</v>
      </c>
      <c r="B2576" s="5">
        <v>2642</v>
      </c>
      <c r="C2576" s="5" t="s">
        <v>8</v>
      </c>
      <c r="D2576" s="5" t="s">
        <v>8</v>
      </c>
      <c r="E2576" s="6">
        <v>11001</v>
      </c>
      <c r="F2576" s="5" t="s">
        <v>5159</v>
      </c>
      <c r="G2576" s="5" t="s">
        <v>5160</v>
      </c>
    </row>
    <row r="2577" spans="1:7">
      <c r="A2577" s="5" t="s">
        <v>7</v>
      </c>
      <c r="B2577" s="5">
        <v>2643</v>
      </c>
      <c r="C2577" s="5" t="s">
        <v>8</v>
      </c>
      <c r="D2577" s="5" t="s">
        <v>8</v>
      </c>
      <c r="E2577" s="6">
        <v>11001</v>
      </c>
      <c r="F2577" s="5" t="s">
        <v>5161</v>
      </c>
      <c r="G2577" s="5" t="s">
        <v>5162</v>
      </c>
    </row>
    <row r="2578" spans="1:7">
      <c r="A2578" s="5" t="s">
        <v>7</v>
      </c>
      <c r="B2578" s="5">
        <v>2644</v>
      </c>
      <c r="C2578" s="5" t="s">
        <v>8</v>
      </c>
      <c r="D2578" s="5" t="s">
        <v>8</v>
      </c>
      <c r="E2578" s="6">
        <v>11001</v>
      </c>
      <c r="F2578" s="5" t="s">
        <v>5163</v>
      </c>
      <c r="G2578" s="5" t="s">
        <v>5164</v>
      </c>
    </row>
    <row r="2579" spans="1:7">
      <c r="A2579" s="5" t="s">
        <v>7</v>
      </c>
      <c r="B2579" s="5">
        <v>2645</v>
      </c>
      <c r="C2579" s="5" t="s">
        <v>8</v>
      </c>
      <c r="D2579" s="5" t="s">
        <v>8</v>
      </c>
      <c r="E2579" s="6">
        <v>11001</v>
      </c>
      <c r="F2579" s="5" t="s">
        <v>5165</v>
      </c>
      <c r="G2579" s="5" t="s">
        <v>5166</v>
      </c>
    </row>
    <row r="2580" spans="1:7">
      <c r="A2580" s="5" t="s">
        <v>7</v>
      </c>
      <c r="B2580" s="5">
        <v>2646</v>
      </c>
      <c r="C2580" s="5" t="s">
        <v>8</v>
      </c>
      <c r="D2580" s="5" t="s">
        <v>8</v>
      </c>
      <c r="E2580" s="6">
        <v>11001</v>
      </c>
      <c r="F2580" s="5" t="s">
        <v>5167</v>
      </c>
      <c r="G2580" s="5" t="s">
        <v>5168</v>
      </c>
    </row>
    <row r="2581" spans="1:7">
      <c r="A2581" s="5" t="s">
        <v>7</v>
      </c>
      <c r="B2581" s="5">
        <v>2647</v>
      </c>
      <c r="C2581" s="5" t="s">
        <v>8</v>
      </c>
      <c r="D2581" s="5" t="s">
        <v>8</v>
      </c>
      <c r="E2581" s="6">
        <v>11001</v>
      </c>
      <c r="F2581" s="5" t="s">
        <v>5169</v>
      </c>
      <c r="G2581" s="5" t="s">
        <v>5170</v>
      </c>
    </row>
    <row r="2582" spans="1:7">
      <c r="A2582" s="5" t="s">
        <v>7</v>
      </c>
      <c r="B2582" s="5">
        <v>2648</v>
      </c>
      <c r="C2582" s="5" t="s">
        <v>2891</v>
      </c>
      <c r="D2582" s="5" t="s">
        <v>2892</v>
      </c>
      <c r="E2582" s="6">
        <v>13001</v>
      </c>
      <c r="F2582" s="5" t="s">
        <v>5171</v>
      </c>
      <c r="G2582" s="5" t="s">
        <v>5172</v>
      </c>
    </row>
    <row r="2583" spans="1:7">
      <c r="A2583" s="5" t="s">
        <v>7</v>
      </c>
      <c r="B2583" s="5">
        <v>2649</v>
      </c>
      <c r="C2583" s="5" t="s">
        <v>8</v>
      </c>
      <c r="D2583" s="5" t="s">
        <v>8</v>
      </c>
      <c r="E2583" s="6">
        <v>11001</v>
      </c>
      <c r="F2583" s="5" t="s">
        <v>5173</v>
      </c>
      <c r="G2583" s="5" t="s">
        <v>5174</v>
      </c>
    </row>
    <row r="2584" spans="1:7">
      <c r="A2584" s="5" t="s">
        <v>7</v>
      </c>
      <c r="B2584" s="5">
        <v>2650</v>
      </c>
      <c r="C2584" s="5" t="s">
        <v>2891</v>
      </c>
      <c r="D2584" s="5" t="s">
        <v>2892</v>
      </c>
      <c r="E2584" s="6">
        <v>13001</v>
      </c>
      <c r="F2584" s="5" t="s">
        <v>5175</v>
      </c>
      <c r="G2584" s="5" t="s">
        <v>5176</v>
      </c>
    </row>
    <row r="2585" spans="1:7">
      <c r="A2585" s="5" t="s">
        <v>7</v>
      </c>
      <c r="B2585" s="5">
        <v>2651</v>
      </c>
      <c r="C2585" s="5" t="s">
        <v>8</v>
      </c>
      <c r="D2585" s="5" t="s">
        <v>8</v>
      </c>
      <c r="E2585" s="6">
        <v>11001</v>
      </c>
      <c r="F2585" s="5" t="s">
        <v>5177</v>
      </c>
      <c r="G2585" s="5" t="s">
        <v>5178</v>
      </c>
    </row>
    <row r="2586" spans="1:7">
      <c r="A2586" s="5" t="s">
        <v>7</v>
      </c>
      <c r="B2586" s="5">
        <v>2652</v>
      </c>
      <c r="C2586" s="5" t="s">
        <v>8</v>
      </c>
      <c r="D2586" s="5" t="s">
        <v>8</v>
      </c>
      <c r="E2586" s="6">
        <v>11001</v>
      </c>
      <c r="F2586" s="5" t="s">
        <v>5179</v>
      </c>
      <c r="G2586" s="5" t="s">
        <v>5180</v>
      </c>
    </row>
    <row r="2587" spans="1:7">
      <c r="A2587" s="5" t="s">
        <v>7</v>
      </c>
      <c r="B2587" s="5">
        <v>2653</v>
      </c>
      <c r="C2587" s="5" t="s">
        <v>2891</v>
      </c>
      <c r="D2587" s="5" t="s">
        <v>2892</v>
      </c>
      <c r="E2587" s="6">
        <v>13001</v>
      </c>
      <c r="F2587" s="5" t="s">
        <v>5181</v>
      </c>
      <c r="G2587" s="5" t="s">
        <v>5182</v>
      </c>
    </row>
    <row r="2588" spans="1:7">
      <c r="A2588" s="5" t="s">
        <v>7</v>
      </c>
      <c r="B2588" s="5">
        <v>2654</v>
      </c>
      <c r="C2588" s="5" t="s">
        <v>8</v>
      </c>
      <c r="D2588" s="5" t="s">
        <v>8</v>
      </c>
      <c r="E2588" s="6">
        <v>11001</v>
      </c>
      <c r="F2588" s="5" t="s">
        <v>5183</v>
      </c>
      <c r="G2588" s="5" t="s">
        <v>5184</v>
      </c>
    </row>
    <row r="2589" spans="1:7">
      <c r="A2589" s="5" t="s">
        <v>7</v>
      </c>
      <c r="B2589" s="5">
        <v>2655</v>
      </c>
      <c r="C2589" s="5" t="s">
        <v>2891</v>
      </c>
      <c r="D2589" s="5" t="s">
        <v>2892</v>
      </c>
      <c r="E2589" s="6">
        <v>13001</v>
      </c>
      <c r="F2589" s="5" t="s">
        <v>5185</v>
      </c>
      <c r="G2589" s="5" t="s">
        <v>5186</v>
      </c>
    </row>
    <row r="2590" spans="1:7">
      <c r="A2590" s="5" t="s">
        <v>7</v>
      </c>
      <c r="B2590" s="5">
        <v>2656</v>
      </c>
      <c r="C2590" s="5" t="s">
        <v>813</v>
      </c>
      <c r="D2590" s="5" t="s">
        <v>5187</v>
      </c>
      <c r="E2590" s="6">
        <v>25260</v>
      </c>
      <c r="F2590" s="5" t="s">
        <v>5188</v>
      </c>
      <c r="G2590" s="5" t="s">
        <v>5189</v>
      </c>
    </row>
    <row r="2591" spans="1:7">
      <c r="A2591" s="5" t="s">
        <v>7</v>
      </c>
      <c r="B2591" s="5">
        <v>2657</v>
      </c>
      <c r="C2591" s="5" t="s">
        <v>8</v>
      </c>
      <c r="D2591" s="5" t="s">
        <v>8</v>
      </c>
      <c r="E2591" s="6">
        <v>11001</v>
      </c>
      <c r="F2591" s="5" t="s">
        <v>5190</v>
      </c>
      <c r="G2591" s="5" t="s">
        <v>5191</v>
      </c>
    </row>
    <row r="2592" spans="1:7">
      <c r="A2592" s="5" t="s">
        <v>7</v>
      </c>
      <c r="B2592" s="5">
        <v>2658</v>
      </c>
      <c r="C2592" s="5" t="s">
        <v>8</v>
      </c>
      <c r="D2592" s="5" t="s">
        <v>8</v>
      </c>
      <c r="E2592" s="6">
        <v>11001</v>
      </c>
      <c r="F2592" s="5" t="s">
        <v>5192</v>
      </c>
      <c r="G2592" s="5" t="s">
        <v>5193</v>
      </c>
    </row>
    <row r="2593" spans="1:7">
      <c r="A2593" s="5" t="s">
        <v>7</v>
      </c>
      <c r="B2593" s="5">
        <v>2659</v>
      </c>
      <c r="C2593" s="5" t="s">
        <v>8</v>
      </c>
      <c r="D2593" s="5" t="s">
        <v>8</v>
      </c>
      <c r="E2593" s="6">
        <v>11001</v>
      </c>
      <c r="F2593" s="5" t="s">
        <v>5194</v>
      </c>
      <c r="G2593" s="5" t="s">
        <v>5195</v>
      </c>
    </row>
    <row r="2594" spans="1:7">
      <c r="A2594" s="5" t="s">
        <v>7</v>
      </c>
      <c r="B2594" s="5">
        <v>2660</v>
      </c>
      <c r="C2594" s="5" t="s">
        <v>8</v>
      </c>
      <c r="D2594" s="5" t="s">
        <v>8</v>
      </c>
      <c r="E2594" s="6">
        <v>11001</v>
      </c>
      <c r="F2594" s="5" t="s">
        <v>5196</v>
      </c>
      <c r="G2594" s="5" t="s">
        <v>5197</v>
      </c>
    </row>
    <row r="2595" spans="1:7">
      <c r="A2595" s="5" t="s">
        <v>7</v>
      </c>
      <c r="B2595" s="5">
        <v>2661</v>
      </c>
      <c r="C2595" s="5" t="s">
        <v>8</v>
      </c>
      <c r="D2595" s="5" t="s">
        <v>8</v>
      </c>
      <c r="E2595" s="6">
        <v>11001</v>
      </c>
      <c r="F2595" s="5" t="s">
        <v>5198</v>
      </c>
      <c r="G2595" s="5" t="s">
        <v>5199</v>
      </c>
    </row>
    <row r="2596" spans="1:7">
      <c r="A2596" s="5" t="s">
        <v>7</v>
      </c>
      <c r="B2596" s="5">
        <v>2662</v>
      </c>
      <c r="C2596" s="5" t="s">
        <v>813</v>
      </c>
      <c r="D2596" s="5" t="s">
        <v>2842</v>
      </c>
      <c r="E2596" s="6">
        <v>25899</v>
      </c>
      <c r="F2596" s="5" t="s">
        <v>5200</v>
      </c>
      <c r="G2596" s="5" t="s">
        <v>5201</v>
      </c>
    </row>
    <row r="2597" spans="1:7">
      <c r="A2597" s="5" t="s">
        <v>7</v>
      </c>
      <c r="B2597" s="5">
        <v>2663</v>
      </c>
      <c r="C2597" s="5" t="s">
        <v>8</v>
      </c>
      <c r="D2597" s="5" t="s">
        <v>8</v>
      </c>
      <c r="E2597" s="6">
        <v>11001</v>
      </c>
      <c r="F2597" s="5" t="s">
        <v>5202</v>
      </c>
      <c r="G2597" s="5" t="s">
        <v>5203</v>
      </c>
    </row>
    <row r="2598" spans="1:7">
      <c r="A2598" s="5" t="s">
        <v>7</v>
      </c>
      <c r="B2598" s="5">
        <v>2664</v>
      </c>
      <c r="C2598" s="5" t="s">
        <v>8</v>
      </c>
      <c r="D2598" s="5" t="s">
        <v>8</v>
      </c>
      <c r="E2598" s="6">
        <v>11001</v>
      </c>
      <c r="F2598" s="5" t="s">
        <v>5204</v>
      </c>
      <c r="G2598" s="5" t="s">
        <v>5205</v>
      </c>
    </row>
    <row r="2599" spans="1:7">
      <c r="A2599" s="5" t="s">
        <v>7</v>
      </c>
      <c r="B2599" s="5">
        <v>2665</v>
      </c>
      <c r="C2599" s="5" t="s">
        <v>8</v>
      </c>
      <c r="D2599" s="5" t="s">
        <v>8</v>
      </c>
      <c r="E2599" s="6">
        <v>11001</v>
      </c>
      <c r="F2599" s="5" t="s">
        <v>5206</v>
      </c>
      <c r="G2599" s="5" t="s">
        <v>5207</v>
      </c>
    </row>
    <row r="2600" spans="1:7">
      <c r="A2600" s="5" t="s">
        <v>7</v>
      </c>
      <c r="B2600" s="5">
        <v>2666</v>
      </c>
      <c r="C2600" s="5" t="s">
        <v>2891</v>
      </c>
      <c r="D2600" s="5" t="s">
        <v>2892</v>
      </c>
      <c r="E2600" s="6">
        <v>13001</v>
      </c>
      <c r="F2600" s="5" t="s">
        <v>5208</v>
      </c>
      <c r="G2600" s="5" t="s">
        <v>5209</v>
      </c>
    </row>
    <row r="2601" spans="1:7">
      <c r="A2601" s="5" t="s">
        <v>7</v>
      </c>
      <c r="B2601" s="5">
        <v>2667</v>
      </c>
      <c r="C2601" s="5" t="s">
        <v>4143</v>
      </c>
      <c r="D2601" s="5" t="s">
        <v>4372</v>
      </c>
      <c r="E2601" s="6">
        <v>44430</v>
      </c>
      <c r="F2601" s="5" t="s">
        <v>5210</v>
      </c>
      <c r="G2601" s="5" t="s">
        <v>5211</v>
      </c>
    </row>
    <row r="2602" spans="1:7">
      <c r="A2602" s="5" t="s">
        <v>7</v>
      </c>
      <c r="B2602" s="5">
        <v>2668</v>
      </c>
      <c r="C2602" s="5" t="s">
        <v>8</v>
      </c>
      <c r="D2602" s="5" t="s">
        <v>8</v>
      </c>
      <c r="E2602" s="6">
        <v>11001</v>
      </c>
      <c r="F2602" s="5" t="s">
        <v>5212</v>
      </c>
      <c r="G2602" s="5" t="s">
        <v>5213</v>
      </c>
    </row>
    <row r="2603" spans="1:7">
      <c r="A2603" s="5" t="s">
        <v>7</v>
      </c>
      <c r="B2603" s="5">
        <v>2669</v>
      </c>
      <c r="C2603" s="5" t="s">
        <v>8</v>
      </c>
      <c r="D2603" s="5" t="s">
        <v>8</v>
      </c>
      <c r="E2603" s="6">
        <v>11001</v>
      </c>
      <c r="F2603" s="5" t="s">
        <v>5214</v>
      </c>
      <c r="G2603" s="5" t="s">
        <v>5215</v>
      </c>
    </row>
    <row r="2604" spans="1:7">
      <c r="A2604" s="5" t="s">
        <v>7</v>
      </c>
      <c r="B2604" s="5">
        <v>2670</v>
      </c>
      <c r="C2604" s="5" t="s">
        <v>8</v>
      </c>
      <c r="D2604" s="5" t="s">
        <v>8</v>
      </c>
      <c r="E2604" s="6">
        <v>11001</v>
      </c>
      <c r="F2604" s="5" t="s">
        <v>5216</v>
      </c>
      <c r="G2604" s="5" t="s">
        <v>5217</v>
      </c>
    </row>
    <row r="2605" spans="1:7">
      <c r="A2605" s="5" t="s">
        <v>7</v>
      </c>
      <c r="B2605" s="5">
        <v>2671</v>
      </c>
      <c r="C2605" s="5" t="s">
        <v>8</v>
      </c>
      <c r="D2605" s="5" t="s">
        <v>8</v>
      </c>
      <c r="E2605" s="6">
        <v>11001</v>
      </c>
      <c r="F2605" s="5" t="s">
        <v>5218</v>
      </c>
      <c r="G2605" s="5" t="s">
        <v>5219</v>
      </c>
    </row>
    <row r="2606" spans="1:7">
      <c r="A2606" s="5" t="s">
        <v>7</v>
      </c>
      <c r="B2606" s="5">
        <v>2672</v>
      </c>
      <c r="C2606" s="5" t="s">
        <v>8</v>
      </c>
      <c r="D2606" s="5" t="s">
        <v>8</v>
      </c>
      <c r="E2606" s="6">
        <v>11001</v>
      </c>
      <c r="F2606" s="5" t="s">
        <v>5220</v>
      </c>
      <c r="G2606" s="5" t="s">
        <v>5221</v>
      </c>
    </row>
    <row r="2607" spans="1:7">
      <c r="A2607" s="5" t="s">
        <v>7</v>
      </c>
      <c r="B2607" s="5">
        <v>2673</v>
      </c>
      <c r="C2607" s="5" t="s">
        <v>8</v>
      </c>
      <c r="D2607" s="5" t="s">
        <v>8</v>
      </c>
      <c r="E2607" s="6">
        <v>11001</v>
      </c>
      <c r="F2607" s="5" t="s">
        <v>5222</v>
      </c>
      <c r="G2607" s="5" t="s">
        <v>5223</v>
      </c>
    </row>
    <row r="2608" spans="1:7">
      <c r="A2608" s="5" t="s">
        <v>7</v>
      </c>
      <c r="B2608" s="5">
        <v>2674</v>
      </c>
      <c r="C2608" s="5" t="s">
        <v>2929</v>
      </c>
      <c r="D2608" s="5" t="s">
        <v>5224</v>
      </c>
      <c r="E2608" s="6">
        <v>73349</v>
      </c>
      <c r="F2608" s="5" t="s">
        <v>5225</v>
      </c>
      <c r="G2608" s="5" t="s">
        <v>5226</v>
      </c>
    </row>
    <row r="2609" spans="1:7">
      <c r="A2609" s="5" t="s">
        <v>7</v>
      </c>
      <c r="B2609" s="5">
        <v>2675</v>
      </c>
      <c r="C2609" s="5" t="s">
        <v>8</v>
      </c>
      <c r="D2609" s="5" t="s">
        <v>8</v>
      </c>
      <c r="E2609" s="6">
        <v>11001</v>
      </c>
      <c r="F2609" s="5" t="s">
        <v>5227</v>
      </c>
      <c r="G2609" s="5" t="s">
        <v>5228</v>
      </c>
    </row>
    <row r="2610" spans="1:7">
      <c r="A2610" s="5" t="s">
        <v>7</v>
      </c>
      <c r="B2610" s="5">
        <v>2676</v>
      </c>
      <c r="C2610" s="5" t="s">
        <v>813</v>
      </c>
      <c r="D2610" s="5" t="s">
        <v>2793</v>
      </c>
      <c r="E2610" s="6">
        <v>25269</v>
      </c>
      <c r="F2610" s="5" t="s">
        <v>5229</v>
      </c>
      <c r="G2610" s="5" t="s">
        <v>5230</v>
      </c>
    </row>
    <row r="2611" spans="1:7">
      <c r="A2611" s="5" t="s">
        <v>7</v>
      </c>
      <c r="B2611" s="5">
        <v>2677</v>
      </c>
      <c r="C2611" s="5" t="s">
        <v>8</v>
      </c>
      <c r="D2611" s="5" t="s">
        <v>8</v>
      </c>
      <c r="E2611" s="6">
        <v>11001</v>
      </c>
      <c r="F2611" s="5" t="s">
        <v>5231</v>
      </c>
      <c r="G2611" s="5" t="s">
        <v>5232</v>
      </c>
    </row>
    <row r="2612" spans="1:7">
      <c r="A2612" s="5" t="s">
        <v>7</v>
      </c>
      <c r="B2612" s="5">
        <v>2678</v>
      </c>
      <c r="C2612" s="5" t="s">
        <v>813</v>
      </c>
      <c r="D2612" s="5" t="s">
        <v>814</v>
      </c>
      <c r="E2612" s="6">
        <v>25754</v>
      </c>
      <c r="F2612" s="5" t="s">
        <v>5233</v>
      </c>
      <c r="G2612" s="5" t="s">
        <v>5234</v>
      </c>
    </row>
    <row r="2613" spans="1:7">
      <c r="A2613" s="5" t="s">
        <v>7</v>
      </c>
      <c r="B2613" s="5">
        <v>2679</v>
      </c>
      <c r="C2613" s="5" t="s">
        <v>8</v>
      </c>
      <c r="D2613" s="5" t="s">
        <v>8</v>
      </c>
      <c r="E2613" s="6">
        <v>11001</v>
      </c>
      <c r="F2613" s="5" t="s">
        <v>5235</v>
      </c>
      <c r="G2613" s="5" t="s">
        <v>5236</v>
      </c>
    </row>
    <row r="2614" spans="1:7">
      <c r="A2614" s="5" t="s">
        <v>7</v>
      </c>
      <c r="B2614" s="5">
        <v>2680</v>
      </c>
      <c r="C2614" s="5" t="s">
        <v>8</v>
      </c>
      <c r="D2614" s="5" t="s">
        <v>8</v>
      </c>
      <c r="E2614" s="6">
        <v>11001</v>
      </c>
      <c r="F2614" s="5" t="s">
        <v>5237</v>
      </c>
      <c r="G2614" s="5" t="s">
        <v>5238</v>
      </c>
    </row>
    <row r="2615" spans="1:7">
      <c r="A2615" s="5" t="s">
        <v>7</v>
      </c>
      <c r="B2615" s="5">
        <v>2681</v>
      </c>
      <c r="C2615" s="5" t="s">
        <v>8</v>
      </c>
      <c r="D2615" s="5" t="s">
        <v>8</v>
      </c>
      <c r="E2615" s="6">
        <v>11001</v>
      </c>
      <c r="F2615" s="5" t="s">
        <v>5239</v>
      </c>
      <c r="G2615" s="5" t="s">
        <v>5240</v>
      </c>
    </row>
    <row r="2616" spans="1:7">
      <c r="A2616" s="5" t="s">
        <v>7</v>
      </c>
      <c r="B2616" s="5">
        <v>2682</v>
      </c>
      <c r="C2616" s="5" t="s">
        <v>2891</v>
      </c>
      <c r="D2616" s="5" t="s">
        <v>2892</v>
      </c>
      <c r="E2616" s="6">
        <v>13001</v>
      </c>
      <c r="F2616" s="5" t="s">
        <v>5241</v>
      </c>
      <c r="G2616" s="5" t="s">
        <v>5242</v>
      </c>
    </row>
    <row r="2617" spans="1:7">
      <c r="A2617" s="5" t="s">
        <v>7</v>
      </c>
      <c r="B2617" s="5">
        <v>2683</v>
      </c>
      <c r="C2617" s="5" t="s">
        <v>813</v>
      </c>
      <c r="D2617" s="5" t="s">
        <v>2842</v>
      </c>
      <c r="E2617" s="6">
        <v>25899</v>
      </c>
      <c r="F2617" s="5" t="s">
        <v>5243</v>
      </c>
      <c r="G2617" s="5" t="s">
        <v>5244</v>
      </c>
    </row>
    <row r="2618" spans="1:7">
      <c r="A2618" s="5" t="s">
        <v>7</v>
      </c>
      <c r="B2618" s="5">
        <v>2684</v>
      </c>
      <c r="C2618" s="5" t="s">
        <v>8</v>
      </c>
      <c r="D2618" s="5" t="s">
        <v>8</v>
      </c>
      <c r="E2618" s="6">
        <v>11001</v>
      </c>
      <c r="F2618" s="5" t="s">
        <v>5245</v>
      </c>
      <c r="G2618" s="5" t="s">
        <v>5246</v>
      </c>
    </row>
    <row r="2619" spans="1:7">
      <c r="A2619" s="5" t="s">
        <v>7</v>
      </c>
      <c r="B2619" s="5">
        <v>2685</v>
      </c>
      <c r="C2619" s="5" t="s">
        <v>8</v>
      </c>
      <c r="D2619" s="5" t="s">
        <v>8</v>
      </c>
      <c r="E2619" s="6">
        <v>11001</v>
      </c>
      <c r="F2619" s="5" t="s">
        <v>5247</v>
      </c>
      <c r="G2619" s="5" t="s">
        <v>5248</v>
      </c>
    </row>
    <row r="2620" spans="1:7">
      <c r="A2620" s="5" t="s">
        <v>7</v>
      </c>
      <c r="B2620" s="5">
        <v>2686</v>
      </c>
      <c r="C2620" s="5" t="s">
        <v>8</v>
      </c>
      <c r="D2620" s="5" t="s">
        <v>8</v>
      </c>
      <c r="E2620" s="6">
        <v>11001</v>
      </c>
      <c r="F2620" s="5" t="s">
        <v>5249</v>
      </c>
      <c r="G2620" s="5" t="s">
        <v>5250</v>
      </c>
    </row>
    <row r="2621" spans="1:7">
      <c r="A2621" s="5" t="s">
        <v>7</v>
      </c>
      <c r="B2621" s="5">
        <v>2687</v>
      </c>
      <c r="C2621" s="5" t="s">
        <v>8</v>
      </c>
      <c r="D2621" s="5" t="s">
        <v>8</v>
      </c>
      <c r="E2621" s="6">
        <v>11001</v>
      </c>
      <c r="F2621" s="5" t="s">
        <v>5251</v>
      </c>
      <c r="G2621" s="5" t="s">
        <v>5252</v>
      </c>
    </row>
    <row r="2622" spans="1:7">
      <c r="A2622" s="5" t="s">
        <v>7</v>
      </c>
      <c r="B2622" s="5">
        <v>2688</v>
      </c>
      <c r="C2622" s="5" t="s">
        <v>8</v>
      </c>
      <c r="D2622" s="5" t="s">
        <v>8</v>
      </c>
      <c r="E2622" s="6">
        <v>11001</v>
      </c>
      <c r="F2622" s="5" t="s">
        <v>5253</v>
      </c>
      <c r="G2622" s="5" t="s">
        <v>5254</v>
      </c>
    </row>
    <row r="2623" spans="1:7">
      <c r="A2623" s="5" t="s">
        <v>7</v>
      </c>
      <c r="B2623" s="5">
        <v>2689</v>
      </c>
      <c r="C2623" s="5" t="s">
        <v>8</v>
      </c>
      <c r="D2623" s="5" t="s">
        <v>8</v>
      </c>
      <c r="E2623" s="6">
        <v>11001</v>
      </c>
      <c r="F2623" s="5" t="s">
        <v>5255</v>
      </c>
      <c r="G2623" s="5" t="s">
        <v>5256</v>
      </c>
    </row>
    <row r="2624" spans="1:7">
      <c r="A2624" s="5" t="s">
        <v>7</v>
      </c>
      <c r="B2624" s="5">
        <v>2690</v>
      </c>
      <c r="C2624" s="5" t="s">
        <v>8</v>
      </c>
      <c r="D2624" s="5" t="s">
        <v>8</v>
      </c>
      <c r="E2624" s="6">
        <v>11001</v>
      </c>
      <c r="F2624" s="5" t="s">
        <v>2129</v>
      </c>
      <c r="G2624" s="5" t="s">
        <v>5257</v>
      </c>
    </row>
    <row r="2625" spans="1:7">
      <c r="A2625" s="5" t="s">
        <v>7</v>
      </c>
      <c r="B2625" s="5">
        <v>2691</v>
      </c>
      <c r="C2625" s="5" t="s">
        <v>8</v>
      </c>
      <c r="D2625" s="5" t="s">
        <v>8</v>
      </c>
      <c r="E2625" s="6">
        <v>11001</v>
      </c>
      <c r="F2625" s="5" t="s">
        <v>5258</v>
      </c>
      <c r="G2625" s="5" t="s">
        <v>5259</v>
      </c>
    </row>
    <row r="2626" spans="1:7">
      <c r="A2626" s="5" t="s">
        <v>7</v>
      </c>
      <c r="B2626" s="5">
        <v>2692</v>
      </c>
      <c r="C2626" s="5" t="s">
        <v>8</v>
      </c>
      <c r="D2626" s="5" t="s">
        <v>8</v>
      </c>
      <c r="E2626" s="6">
        <v>11001</v>
      </c>
      <c r="F2626" s="5" t="s">
        <v>4740</v>
      </c>
      <c r="G2626" s="5" t="s">
        <v>5260</v>
      </c>
    </row>
    <row r="2627" spans="1:7">
      <c r="A2627" s="5" t="s">
        <v>7</v>
      </c>
      <c r="B2627" s="5">
        <v>2693</v>
      </c>
      <c r="C2627" s="5" t="s">
        <v>8</v>
      </c>
      <c r="D2627" s="5" t="s">
        <v>8</v>
      </c>
      <c r="E2627" s="6">
        <v>11001</v>
      </c>
      <c r="F2627" s="5" t="s">
        <v>5261</v>
      </c>
      <c r="G2627" s="5" t="s">
        <v>5262</v>
      </c>
    </row>
    <row r="2628" spans="1:7">
      <c r="A2628" s="5" t="s">
        <v>7</v>
      </c>
      <c r="B2628" s="5">
        <v>2694</v>
      </c>
      <c r="C2628" s="5" t="s">
        <v>8</v>
      </c>
      <c r="D2628" s="5" t="s">
        <v>8</v>
      </c>
      <c r="E2628" s="6">
        <v>11001</v>
      </c>
      <c r="F2628" s="5" t="s">
        <v>5263</v>
      </c>
      <c r="G2628" s="5" t="s">
        <v>5264</v>
      </c>
    </row>
    <row r="2629" spans="1:7">
      <c r="A2629" s="5" t="s">
        <v>7</v>
      </c>
      <c r="B2629" s="5">
        <v>2695</v>
      </c>
      <c r="C2629" s="5" t="s">
        <v>8</v>
      </c>
      <c r="D2629" s="5" t="s">
        <v>8</v>
      </c>
      <c r="E2629" s="6">
        <v>11001</v>
      </c>
      <c r="F2629" s="5" t="s">
        <v>5265</v>
      </c>
      <c r="G2629" s="5" t="s">
        <v>5266</v>
      </c>
    </row>
    <row r="2630" spans="1:7">
      <c r="A2630" s="5" t="s">
        <v>7</v>
      </c>
      <c r="B2630" s="5">
        <v>2696</v>
      </c>
      <c r="C2630" s="5" t="s">
        <v>8</v>
      </c>
      <c r="D2630" s="5" t="s">
        <v>8</v>
      </c>
      <c r="E2630" s="6">
        <v>11001</v>
      </c>
      <c r="F2630" s="5" t="s">
        <v>5267</v>
      </c>
      <c r="G2630" s="5" t="s">
        <v>5268</v>
      </c>
    </row>
    <row r="2631" spans="1:7">
      <c r="A2631" s="5" t="s">
        <v>7</v>
      </c>
      <c r="B2631" s="5">
        <v>2697</v>
      </c>
      <c r="C2631" s="5" t="s">
        <v>8</v>
      </c>
      <c r="D2631" s="5" t="s">
        <v>8</v>
      </c>
      <c r="E2631" s="6">
        <v>11001</v>
      </c>
      <c r="F2631" s="5" t="s">
        <v>4594</v>
      </c>
      <c r="G2631" s="5" t="s">
        <v>5269</v>
      </c>
    </row>
    <row r="2632" spans="1:7">
      <c r="A2632" s="5" t="s">
        <v>7</v>
      </c>
      <c r="B2632" s="5">
        <v>2698</v>
      </c>
      <c r="C2632" s="5" t="s">
        <v>8</v>
      </c>
      <c r="D2632" s="5" t="s">
        <v>8</v>
      </c>
      <c r="E2632" s="6">
        <v>11001</v>
      </c>
      <c r="F2632" s="5" t="s">
        <v>5270</v>
      </c>
      <c r="G2632" s="5" t="s">
        <v>5271</v>
      </c>
    </row>
    <row r="2633" spans="1:7">
      <c r="A2633" s="5" t="s">
        <v>7</v>
      </c>
      <c r="B2633" s="5">
        <v>2699</v>
      </c>
      <c r="C2633" s="5" t="s">
        <v>8</v>
      </c>
      <c r="D2633" s="5" t="s">
        <v>8</v>
      </c>
      <c r="E2633" s="6">
        <v>11001</v>
      </c>
      <c r="F2633" s="5" t="s">
        <v>5272</v>
      </c>
      <c r="G2633" s="5" t="s">
        <v>5273</v>
      </c>
    </row>
    <row r="2634" spans="1:7">
      <c r="A2634" s="5" t="s">
        <v>7</v>
      </c>
      <c r="B2634" s="5">
        <v>2700</v>
      </c>
      <c r="C2634" s="5" t="s">
        <v>8</v>
      </c>
      <c r="D2634" s="5" t="s">
        <v>8</v>
      </c>
      <c r="E2634" s="6">
        <v>11001</v>
      </c>
      <c r="F2634" s="5" t="s">
        <v>5274</v>
      </c>
      <c r="G2634" s="5" t="s">
        <v>5275</v>
      </c>
    </row>
    <row r="2635" spans="1:7">
      <c r="A2635" s="5" t="s">
        <v>7</v>
      </c>
      <c r="B2635" s="5">
        <v>2701</v>
      </c>
      <c r="C2635" s="5" t="s">
        <v>8</v>
      </c>
      <c r="D2635" s="5" t="s">
        <v>8</v>
      </c>
      <c r="E2635" s="6">
        <v>11001</v>
      </c>
      <c r="F2635" s="5" t="s">
        <v>5276</v>
      </c>
      <c r="G2635" s="5" t="s">
        <v>5277</v>
      </c>
    </row>
    <row r="2636" spans="1:7">
      <c r="A2636" s="5" t="s">
        <v>7</v>
      </c>
      <c r="B2636" s="5">
        <v>2702</v>
      </c>
      <c r="C2636" s="5" t="s">
        <v>8</v>
      </c>
      <c r="D2636" s="5" t="s">
        <v>8</v>
      </c>
      <c r="E2636" s="6">
        <v>11001</v>
      </c>
      <c r="F2636" s="5" t="s">
        <v>5278</v>
      </c>
      <c r="G2636" s="5" t="s">
        <v>5279</v>
      </c>
    </row>
    <row r="2637" spans="1:7">
      <c r="A2637" s="5" t="s">
        <v>7</v>
      </c>
      <c r="B2637" s="5">
        <v>2703</v>
      </c>
      <c r="C2637" s="5" t="s">
        <v>8</v>
      </c>
      <c r="D2637" s="5" t="s">
        <v>8</v>
      </c>
      <c r="E2637" s="6">
        <v>11001</v>
      </c>
      <c r="F2637" s="5" t="s">
        <v>5280</v>
      </c>
      <c r="G2637" s="5" t="s">
        <v>5281</v>
      </c>
    </row>
    <row r="2638" spans="1:7">
      <c r="A2638" s="5" t="s">
        <v>7</v>
      </c>
      <c r="B2638" s="5">
        <v>2704</v>
      </c>
      <c r="C2638" s="5" t="s">
        <v>8</v>
      </c>
      <c r="D2638" s="5" t="s">
        <v>8</v>
      </c>
      <c r="E2638" s="6">
        <v>11001</v>
      </c>
      <c r="F2638" s="5" t="s">
        <v>5282</v>
      </c>
      <c r="G2638" s="5" t="s">
        <v>5283</v>
      </c>
    </row>
    <row r="2639" spans="1:7">
      <c r="A2639" s="5" t="s">
        <v>7</v>
      </c>
      <c r="B2639" s="5">
        <v>2705</v>
      </c>
      <c r="C2639" s="5" t="s">
        <v>8</v>
      </c>
      <c r="D2639" s="5" t="s">
        <v>8</v>
      </c>
      <c r="E2639" s="6">
        <v>11001</v>
      </c>
      <c r="F2639" s="5" t="s">
        <v>5284</v>
      </c>
      <c r="G2639" s="5" t="s">
        <v>5285</v>
      </c>
    </row>
    <row r="2640" spans="1:7">
      <c r="A2640" s="5" t="s">
        <v>7</v>
      </c>
      <c r="B2640" s="5">
        <v>2706</v>
      </c>
      <c r="C2640" s="5" t="s">
        <v>8</v>
      </c>
      <c r="D2640" s="5" t="s">
        <v>8</v>
      </c>
      <c r="E2640" s="6">
        <v>11001</v>
      </c>
      <c r="F2640" s="5" t="s">
        <v>5286</v>
      </c>
      <c r="G2640" s="5" t="s">
        <v>5287</v>
      </c>
    </row>
    <row r="2641" spans="1:7">
      <c r="A2641" s="5" t="s">
        <v>7</v>
      </c>
      <c r="B2641" s="5">
        <v>2707</v>
      </c>
      <c r="C2641" s="5" t="s">
        <v>8</v>
      </c>
      <c r="D2641" s="5" t="s">
        <v>8</v>
      </c>
      <c r="E2641" s="6">
        <v>11001</v>
      </c>
      <c r="F2641" s="5" t="s">
        <v>5288</v>
      </c>
      <c r="G2641" s="5" t="s">
        <v>5289</v>
      </c>
    </row>
    <row r="2642" spans="1:7">
      <c r="A2642" s="5" t="s">
        <v>7</v>
      </c>
      <c r="B2642" s="5">
        <v>2708</v>
      </c>
      <c r="C2642" s="5" t="s">
        <v>8</v>
      </c>
      <c r="D2642" s="5" t="s">
        <v>8</v>
      </c>
      <c r="E2642" s="6">
        <v>11001</v>
      </c>
      <c r="F2642" s="5" t="s">
        <v>5290</v>
      </c>
      <c r="G2642" s="5" t="s">
        <v>5291</v>
      </c>
    </row>
    <row r="2643" spans="1:7">
      <c r="A2643" s="5" t="s">
        <v>7</v>
      </c>
      <c r="B2643" s="5">
        <v>2709</v>
      </c>
      <c r="C2643" s="5" t="s">
        <v>8</v>
      </c>
      <c r="D2643" s="5" t="s">
        <v>8</v>
      </c>
      <c r="E2643" s="6">
        <v>11001</v>
      </c>
      <c r="F2643" s="5" t="s">
        <v>5292</v>
      </c>
      <c r="G2643" s="5" t="s">
        <v>5293</v>
      </c>
    </row>
    <row r="2644" spans="1:7">
      <c r="A2644" s="5" t="s">
        <v>7</v>
      </c>
      <c r="B2644" s="5">
        <v>2710</v>
      </c>
      <c r="C2644" s="5" t="s">
        <v>8</v>
      </c>
      <c r="D2644" s="5" t="s">
        <v>8</v>
      </c>
      <c r="E2644" s="6">
        <v>11001</v>
      </c>
      <c r="F2644" s="5" t="s">
        <v>5294</v>
      </c>
      <c r="G2644" s="5" t="s">
        <v>5295</v>
      </c>
    </row>
    <row r="2645" spans="1:7">
      <c r="A2645" s="5" t="s">
        <v>7</v>
      </c>
      <c r="B2645" s="5">
        <v>2711</v>
      </c>
      <c r="C2645" s="5" t="s">
        <v>2891</v>
      </c>
      <c r="D2645" s="5" t="s">
        <v>2892</v>
      </c>
      <c r="E2645" s="6">
        <v>13001</v>
      </c>
      <c r="F2645" s="5" t="s">
        <v>5296</v>
      </c>
      <c r="G2645" s="5" t="s">
        <v>5297</v>
      </c>
    </row>
    <row r="2646" spans="1:7">
      <c r="A2646" s="5" t="s">
        <v>7</v>
      </c>
      <c r="B2646" s="5">
        <v>2712</v>
      </c>
      <c r="C2646" s="5" t="s">
        <v>2891</v>
      </c>
      <c r="D2646" s="5" t="s">
        <v>2892</v>
      </c>
      <c r="E2646" s="6">
        <v>13001</v>
      </c>
      <c r="F2646" s="5" t="s">
        <v>5298</v>
      </c>
      <c r="G2646" s="5" t="s">
        <v>5299</v>
      </c>
    </row>
    <row r="2647" spans="1:7">
      <c r="A2647" s="5" t="s">
        <v>7</v>
      </c>
      <c r="B2647" s="5">
        <v>2713</v>
      </c>
      <c r="C2647" s="5" t="s">
        <v>8</v>
      </c>
      <c r="D2647" s="5" t="s">
        <v>8</v>
      </c>
      <c r="E2647" s="6">
        <v>11001</v>
      </c>
      <c r="F2647" s="5" t="s">
        <v>5300</v>
      </c>
      <c r="G2647" s="5" t="s">
        <v>5301</v>
      </c>
    </row>
    <row r="2648" spans="1:7">
      <c r="A2648" s="5" t="s">
        <v>7</v>
      </c>
      <c r="B2648" s="5">
        <v>2714</v>
      </c>
      <c r="C2648" s="5" t="s">
        <v>8</v>
      </c>
      <c r="D2648" s="5" t="s">
        <v>8</v>
      </c>
      <c r="E2648" s="6">
        <v>11001</v>
      </c>
      <c r="F2648" s="5" t="s">
        <v>5302</v>
      </c>
      <c r="G2648" s="5" t="s">
        <v>5303</v>
      </c>
    </row>
    <row r="2649" spans="1:7">
      <c r="A2649" s="5" t="s">
        <v>7</v>
      </c>
      <c r="B2649" s="5">
        <v>2715</v>
      </c>
      <c r="C2649" s="5" t="s">
        <v>2891</v>
      </c>
      <c r="D2649" s="5" t="s">
        <v>2892</v>
      </c>
      <c r="E2649" s="6">
        <v>13001</v>
      </c>
      <c r="F2649" s="5" t="s">
        <v>5304</v>
      </c>
      <c r="G2649" s="5" t="s">
        <v>5305</v>
      </c>
    </row>
    <row r="2650" spans="1:7">
      <c r="A2650" s="5" t="s">
        <v>7</v>
      </c>
      <c r="B2650" s="5">
        <v>2716</v>
      </c>
      <c r="C2650" s="5" t="s">
        <v>8</v>
      </c>
      <c r="D2650" s="5" t="s">
        <v>8</v>
      </c>
      <c r="E2650" s="6">
        <v>11001</v>
      </c>
      <c r="F2650" s="5" t="s">
        <v>5306</v>
      </c>
      <c r="G2650" s="5" t="s">
        <v>5307</v>
      </c>
    </row>
    <row r="2651" spans="1:7">
      <c r="A2651" s="5" t="s">
        <v>7</v>
      </c>
      <c r="B2651" s="5">
        <v>2717</v>
      </c>
      <c r="C2651" s="5" t="s">
        <v>8</v>
      </c>
      <c r="D2651" s="5" t="s">
        <v>8</v>
      </c>
      <c r="E2651" s="6">
        <v>11001</v>
      </c>
      <c r="F2651" s="5" t="s">
        <v>5308</v>
      </c>
      <c r="G2651" s="5" t="s">
        <v>5309</v>
      </c>
    </row>
    <row r="2652" spans="1:7">
      <c r="A2652" s="5" t="s">
        <v>7</v>
      </c>
      <c r="B2652" s="5">
        <v>2718</v>
      </c>
      <c r="C2652" s="5" t="s">
        <v>8</v>
      </c>
      <c r="D2652" s="5" t="s">
        <v>8</v>
      </c>
      <c r="E2652" s="6">
        <v>11001</v>
      </c>
      <c r="F2652" s="5" t="s">
        <v>5310</v>
      </c>
      <c r="G2652" s="5" t="s">
        <v>5311</v>
      </c>
    </row>
    <row r="2653" spans="1:7">
      <c r="A2653" s="5" t="s">
        <v>7</v>
      </c>
      <c r="B2653" s="5">
        <v>2719</v>
      </c>
      <c r="C2653" s="5" t="s">
        <v>4672</v>
      </c>
      <c r="D2653" s="5" t="s">
        <v>5312</v>
      </c>
      <c r="E2653" s="6">
        <v>76001</v>
      </c>
      <c r="F2653" s="5" t="s">
        <v>5313</v>
      </c>
      <c r="G2653" s="5" t="s">
        <v>5314</v>
      </c>
    </row>
    <row r="2654" spans="1:7">
      <c r="A2654" s="5" t="s">
        <v>7</v>
      </c>
      <c r="B2654" s="5">
        <v>2720</v>
      </c>
      <c r="C2654" s="5" t="s">
        <v>8</v>
      </c>
      <c r="D2654" s="5" t="s">
        <v>8</v>
      </c>
      <c r="E2654" s="6">
        <v>11001</v>
      </c>
      <c r="F2654" s="5" t="s">
        <v>5315</v>
      </c>
      <c r="G2654" s="5" t="s">
        <v>5316</v>
      </c>
    </row>
    <row r="2655" spans="1:7">
      <c r="A2655" s="5" t="s">
        <v>7</v>
      </c>
      <c r="B2655" s="5">
        <v>2721</v>
      </c>
      <c r="C2655" s="5" t="s">
        <v>8</v>
      </c>
      <c r="D2655" s="5" t="s">
        <v>8</v>
      </c>
      <c r="E2655" s="6">
        <v>11001</v>
      </c>
      <c r="F2655" s="5" t="s">
        <v>5317</v>
      </c>
      <c r="G2655" s="5" t="s">
        <v>5318</v>
      </c>
    </row>
    <row r="2656" spans="1:7">
      <c r="A2656" s="5" t="s">
        <v>7</v>
      </c>
      <c r="B2656" s="5">
        <v>2722</v>
      </c>
      <c r="C2656" s="5" t="s">
        <v>8</v>
      </c>
      <c r="D2656" s="5" t="s">
        <v>8</v>
      </c>
      <c r="E2656" s="6">
        <v>11001</v>
      </c>
      <c r="F2656" s="5" t="s">
        <v>5319</v>
      </c>
      <c r="G2656" s="5" t="s">
        <v>5320</v>
      </c>
    </row>
    <row r="2657" spans="1:7">
      <c r="A2657" s="5" t="s">
        <v>7</v>
      </c>
      <c r="B2657" s="5">
        <v>2723</v>
      </c>
      <c r="C2657" s="5" t="s">
        <v>8</v>
      </c>
      <c r="D2657" s="5" t="s">
        <v>8</v>
      </c>
      <c r="E2657" s="6">
        <v>11001</v>
      </c>
      <c r="F2657" s="5" t="s">
        <v>5321</v>
      </c>
      <c r="G2657" s="5" t="s">
        <v>5322</v>
      </c>
    </row>
    <row r="2658" spans="1:7">
      <c r="A2658" s="5" t="s">
        <v>7</v>
      </c>
      <c r="B2658" s="5">
        <v>2724</v>
      </c>
      <c r="C2658" s="5" t="s">
        <v>2891</v>
      </c>
      <c r="D2658" s="5" t="s">
        <v>2892</v>
      </c>
      <c r="E2658" s="6">
        <v>13001</v>
      </c>
      <c r="F2658" s="5" t="s">
        <v>5323</v>
      </c>
      <c r="G2658" s="5" t="s">
        <v>5324</v>
      </c>
    </row>
    <row r="2659" spans="1:7">
      <c r="A2659" s="5" t="s">
        <v>7</v>
      </c>
      <c r="B2659" s="5">
        <v>2725</v>
      </c>
      <c r="C2659" s="5" t="s">
        <v>813</v>
      </c>
      <c r="D2659" s="5" t="s">
        <v>2842</v>
      </c>
      <c r="E2659" s="6">
        <v>25899</v>
      </c>
      <c r="F2659" s="5" t="s">
        <v>5325</v>
      </c>
      <c r="G2659" s="5" t="s">
        <v>5326</v>
      </c>
    </row>
    <row r="2660" spans="1:7">
      <c r="A2660" s="5" t="s">
        <v>7</v>
      </c>
      <c r="B2660" s="5">
        <v>2726</v>
      </c>
      <c r="C2660" s="5" t="s">
        <v>8</v>
      </c>
      <c r="D2660" s="5" t="s">
        <v>8</v>
      </c>
      <c r="E2660" s="6">
        <v>11001</v>
      </c>
      <c r="F2660" s="5" t="s">
        <v>5327</v>
      </c>
      <c r="G2660" s="5" t="s">
        <v>5328</v>
      </c>
    </row>
    <row r="2661" spans="1:7">
      <c r="A2661" s="5" t="s">
        <v>7</v>
      </c>
      <c r="B2661" s="5">
        <v>2727</v>
      </c>
      <c r="C2661" s="5" t="s">
        <v>8</v>
      </c>
      <c r="D2661" s="5" t="s">
        <v>8</v>
      </c>
      <c r="E2661" s="6">
        <v>11001</v>
      </c>
      <c r="F2661" s="5" t="s">
        <v>5329</v>
      </c>
      <c r="G2661" s="5" t="s">
        <v>5330</v>
      </c>
    </row>
    <row r="2662" spans="1:7">
      <c r="A2662" s="5" t="s">
        <v>7</v>
      </c>
      <c r="B2662" s="5">
        <v>2728</v>
      </c>
      <c r="C2662" s="5" t="s">
        <v>8</v>
      </c>
      <c r="D2662" s="5" t="s">
        <v>8</v>
      </c>
      <c r="E2662" s="6">
        <v>11001</v>
      </c>
      <c r="F2662" s="5" t="s">
        <v>5331</v>
      </c>
      <c r="G2662" s="5" t="s">
        <v>5332</v>
      </c>
    </row>
    <row r="2663" spans="1:7">
      <c r="A2663" s="5" t="s">
        <v>7</v>
      </c>
      <c r="B2663" s="5">
        <v>2729</v>
      </c>
      <c r="C2663" s="5" t="s">
        <v>8</v>
      </c>
      <c r="D2663" s="5" t="s">
        <v>8</v>
      </c>
      <c r="E2663" s="6">
        <v>11001</v>
      </c>
      <c r="F2663" s="5" t="s">
        <v>5333</v>
      </c>
      <c r="G2663" s="5" t="s">
        <v>5334</v>
      </c>
    </row>
    <row r="2664" spans="1:7">
      <c r="A2664" s="5" t="s">
        <v>7</v>
      </c>
      <c r="B2664" s="5">
        <v>2730</v>
      </c>
      <c r="C2664" s="5" t="s">
        <v>4368</v>
      </c>
      <c r="D2664" s="5" t="s">
        <v>5335</v>
      </c>
      <c r="E2664" s="6">
        <v>15507</v>
      </c>
      <c r="F2664" s="5" t="s">
        <v>5336</v>
      </c>
      <c r="G2664" s="5" t="s">
        <v>5337</v>
      </c>
    </row>
    <row r="2665" spans="1:7">
      <c r="A2665" s="5" t="s">
        <v>7</v>
      </c>
      <c r="B2665" s="5">
        <v>2731</v>
      </c>
      <c r="C2665" s="5" t="s">
        <v>813</v>
      </c>
      <c r="D2665" s="5" t="s">
        <v>814</v>
      </c>
      <c r="E2665" s="6">
        <v>25754</v>
      </c>
      <c r="F2665" s="5" t="s">
        <v>5338</v>
      </c>
      <c r="G2665" s="5" t="s">
        <v>5339</v>
      </c>
    </row>
    <row r="2666" spans="1:7">
      <c r="A2666" s="5" t="s">
        <v>7</v>
      </c>
      <c r="B2666" s="5">
        <v>2732</v>
      </c>
      <c r="C2666" s="5" t="s">
        <v>3926</v>
      </c>
      <c r="D2666" s="5" t="s">
        <v>3927</v>
      </c>
      <c r="E2666" s="6">
        <v>41001</v>
      </c>
      <c r="F2666" s="5" t="s">
        <v>5340</v>
      </c>
      <c r="G2666" s="5" t="s">
        <v>5341</v>
      </c>
    </row>
    <row r="2667" spans="1:7">
      <c r="A2667" s="5" t="s">
        <v>7</v>
      </c>
      <c r="B2667" s="5">
        <v>2733</v>
      </c>
      <c r="C2667" s="5" t="s">
        <v>4672</v>
      </c>
      <c r="D2667" s="5" t="s">
        <v>5342</v>
      </c>
      <c r="E2667" s="6">
        <v>76109</v>
      </c>
      <c r="F2667" s="5" t="s">
        <v>5343</v>
      </c>
      <c r="G2667" s="5" t="s">
        <v>5344</v>
      </c>
    </row>
    <row r="2668" spans="1:7">
      <c r="A2668" s="5" t="s">
        <v>7</v>
      </c>
      <c r="B2668" s="5">
        <v>2734</v>
      </c>
      <c r="C2668" s="5" t="s">
        <v>8</v>
      </c>
      <c r="D2668" s="5" t="s">
        <v>8</v>
      </c>
      <c r="E2668" s="6">
        <v>11001</v>
      </c>
      <c r="F2668" s="5" t="s">
        <v>5345</v>
      </c>
      <c r="G2668" s="5" t="s">
        <v>5346</v>
      </c>
    </row>
    <row r="2669" spans="1:7">
      <c r="A2669" s="5" t="s">
        <v>7</v>
      </c>
      <c r="B2669" s="5">
        <v>2735</v>
      </c>
      <c r="C2669" s="5" t="s">
        <v>8</v>
      </c>
      <c r="D2669" s="5" t="s">
        <v>8</v>
      </c>
      <c r="E2669" s="6">
        <v>11001</v>
      </c>
      <c r="F2669" s="5" t="s">
        <v>5347</v>
      </c>
      <c r="G2669" s="5" t="s">
        <v>5348</v>
      </c>
    </row>
    <row r="2670" spans="1:7">
      <c r="A2670" s="5" t="s">
        <v>7</v>
      </c>
      <c r="B2670" s="5">
        <v>2736</v>
      </c>
      <c r="C2670" s="5" t="s">
        <v>8</v>
      </c>
      <c r="D2670" s="5" t="s">
        <v>8</v>
      </c>
      <c r="E2670" s="6">
        <v>11001</v>
      </c>
      <c r="F2670" s="5" t="s">
        <v>5349</v>
      </c>
      <c r="G2670" s="5" t="s">
        <v>5350</v>
      </c>
    </row>
    <row r="2671" spans="1:7">
      <c r="A2671" s="5" t="s">
        <v>7</v>
      </c>
      <c r="B2671" s="5">
        <v>2737</v>
      </c>
      <c r="C2671" s="5" t="s">
        <v>2891</v>
      </c>
      <c r="D2671" s="5" t="s">
        <v>2892</v>
      </c>
      <c r="E2671" s="6">
        <v>13001</v>
      </c>
      <c r="F2671" s="5" t="s">
        <v>5351</v>
      </c>
      <c r="G2671" s="5" t="s">
        <v>5352</v>
      </c>
    </row>
    <row r="2672" spans="1:7">
      <c r="A2672" s="5" t="s">
        <v>7</v>
      </c>
      <c r="B2672" s="5">
        <v>2738</v>
      </c>
      <c r="C2672" s="5" t="s">
        <v>8</v>
      </c>
      <c r="D2672" s="5" t="s">
        <v>8</v>
      </c>
      <c r="E2672" s="6">
        <v>11001</v>
      </c>
      <c r="F2672" s="5" t="s">
        <v>5353</v>
      </c>
      <c r="G2672" s="5" t="s">
        <v>5354</v>
      </c>
    </row>
    <row r="2673" spans="1:7">
      <c r="A2673" s="5" t="s">
        <v>7</v>
      </c>
      <c r="B2673" s="5">
        <v>2739</v>
      </c>
      <c r="C2673" s="5" t="s">
        <v>8</v>
      </c>
      <c r="D2673" s="5" t="s">
        <v>8</v>
      </c>
      <c r="E2673" s="6">
        <v>11001</v>
      </c>
      <c r="F2673" s="5" t="s">
        <v>5355</v>
      </c>
      <c r="G2673" s="5" t="s">
        <v>5356</v>
      </c>
    </row>
    <row r="2674" spans="1:7">
      <c r="A2674" s="5" t="s">
        <v>7</v>
      </c>
      <c r="B2674" s="5">
        <v>2740</v>
      </c>
      <c r="C2674" s="5" t="s">
        <v>8</v>
      </c>
      <c r="D2674" s="5" t="s">
        <v>8</v>
      </c>
      <c r="E2674" s="6">
        <v>11001</v>
      </c>
      <c r="F2674" s="5" t="s">
        <v>5357</v>
      </c>
      <c r="G2674" s="5" t="s">
        <v>5358</v>
      </c>
    </row>
    <row r="2675" spans="1:7">
      <c r="A2675" s="5" t="s">
        <v>7</v>
      </c>
      <c r="B2675" s="5">
        <v>2741</v>
      </c>
      <c r="C2675" s="5" t="s">
        <v>8</v>
      </c>
      <c r="D2675" s="5" t="s">
        <v>8</v>
      </c>
      <c r="E2675" s="6">
        <v>11001</v>
      </c>
      <c r="F2675" s="5" t="s">
        <v>5359</v>
      </c>
      <c r="G2675" s="5" t="s">
        <v>5360</v>
      </c>
    </row>
    <row r="2676" spans="1:7">
      <c r="A2676" s="5" t="s">
        <v>7</v>
      </c>
      <c r="B2676" s="5">
        <v>2742</v>
      </c>
      <c r="C2676" s="5" t="s">
        <v>8</v>
      </c>
      <c r="D2676" s="5" t="s">
        <v>8</v>
      </c>
      <c r="E2676" s="6">
        <v>11001</v>
      </c>
      <c r="F2676" s="5" t="s">
        <v>5361</v>
      </c>
      <c r="G2676" s="5" t="s">
        <v>5362</v>
      </c>
    </row>
    <row r="2677" spans="1:7">
      <c r="A2677" s="5" t="s">
        <v>7</v>
      </c>
      <c r="B2677" s="5">
        <v>2743</v>
      </c>
      <c r="C2677" s="5" t="s">
        <v>3971</v>
      </c>
      <c r="D2677" s="5" t="s">
        <v>5363</v>
      </c>
      <c r="E2677" s="6">
        <v>52399</v>
      </c>
      <c r="F2677" s="5" t="s">
        <v>5364</v>
      </c>
      <c r="G2677" s="5" t="s">
        <v>5365</v>
      </c>
    </row>
    <row r="2678" spans="1:7">
      <c r="A2678" s="5" t="s">
        <v>7</v>
      </c>
      <c r="B2678" s="5">
        <v>2744</v>
      </c>
      <c r="C2678" s="5" t="s">
        <v>8</v>
      </c>
      <c r="D2678" s="5" t="s">
        <v>8</v>
      </c>
      <c r="E2678" s="6">
        <v>11001</v>
      </c>
      <c r="F2678" s="5" t="s">
        <v>5366</v>
      </c>
      <c r="G2678" s="5" t="s">
        <v>5367</v>
      </c>
    </row>
    <row r="2679" spans="1:7">
      <c r="A2679" s="5" t="s">
        <v>7</v>
      </c>
      <c r="B2679" s="5">
        <v>2745</v>
      </c>
      <c r="C2679" s="5" t="s">
        <v>8</v>
      </c>
      <c r="D2679" s="5" t="s">
        <v>8</v>
      </c>
      <c r="E2679" s="6">
        <v>11001</v>
      </c>
      <c r="F2679" s="5" t="s">
        <v>5368</v>
      </c>
      <c r="G2679" s="5" t="s">
        <v>5369</v>
      </c>
    </row>
    <row r="2680" spans="1:7">
      <c r="A2680" s="5" t="s">
        <v>7</v>
      </c>
      <c r="B2680" s="5">
        <v>2746</v>
      </c>
      <c r="C2680" s="5" t="s">
        <v>8</v>
      </c>
      <c r="D2680" s="5" t="s">
        <v>8</v>
      </c>
      <c r="E2680" s="6">
        <v>11001</v>
      </c>
      <c r="F2680" s="5" t="s">
        <v>5370</v>
      </c>
      <c r="G2680" s="5" t="s">
        <v>5371</v>
      </c>
    </row>
    <row r="2681" spans="1:7">
      <c r="A2681" s="5" t="s">
        <v>7</v>
      </c>
      <c r="B2681" s="5">
        <v>2747</v>
      </c>
      <c r="C2681" s="5" t="s">
        <v>8</v>
      </c>
      <c r="D2681" s="5" t="s">
        <v>8</v>
      </c>
      <c r="E2681" s="6">
        <v>11001</v>
      </c>
      <c r="F2681" s="5" t="s">
        <v>5372</v>
      </c>
      <c r="G2681" s="5" t="s">
        <v>5373</v>
      </c>
    </row>
    <row r="2682" spans="1:7">
      <c r="A2682" s="5" t="s">
        <v>7</v>
      </c>
      <c r="B2682" s="5">
        <v>2748</v>
      </c>
      <c r="C2682" s="5" t="s">
        <v>8</v>
      </c>
      <c r="D2682" s="5" t="s">
        <v>8</v>
      </c>
      <c r="E2682" s="6">
        <v>11001</v>
      </c>
      <c r="F2682" s="5" t="s">
        <v>5374</v>
      </c>
      <c r="G2682" s="5" t="s">
        <v>5375</v>
      </c>
    </row>
    <row r="2683" spans="1:7">
      <c r="A2683" s="5" t="s">
        <v>7</v>
      </c>
      <c r="B2683" s="5">
        <v>2749</v>
      </c>
      <c r="C2683" s="5" t="s">
        <v>4357</v>
      </c>
      <c r="D2683" s="5" t="s">
        <v>5376</v>
      </c>
      <c r="E2683" s="6">
        <v>66170</v>
      </c>
      <c r="F2683" s="5" t="s">
        <v>5377</v>
      </c>
      <c r="G2683" s="5" t="s">
        <v>5378</v>
      </c>
    </row>
    <row r="2684" spans="1:7">
      <c r="A2684" s="5" t="s">
        <v>7</v>
      </c>
      <c r="B2684" s="5">
        <v>2750</v>
      </c>
      <c r="C2684" s="5" t="s">
        <v>8</v>
      </c>
      <c r="D2684" s="5" t="s">
        <v>8</v>
      </c>
      <c r="E2684" s="6">
        <v>11001</v>
      </c>
      <c r="F2684" s="5" t="s">
        <v>5379</v>
      </c>
      <c r="G2684" s="5" t="s">
        <v>5380</v>
      </c>
    </row>
    <row r="2685" spans="1:7">
      <c r="A2685" s="5" t="s">
        <v>7</v>
      </c>
      <c r="B2685" s="5">
        <v>2751</v>
      </c>
      <c r="C2685" s="5" t="s">
        <v>2891</v>
      </c>
      <c r="D2685" s="5" t="s">
        <v>2892</v>
      </c>
      <c r="E2685" s="6">
        <v>13001</v>
      </c>
      <c r="F2685" s="5" t="s">
        <v>5381</v>
      </c>
      <c r="G2685" s="5" t="s">
        <v>5382</v>
      </c>
    </row>
    <row r="2686" spans="1:7">
      <c r="A2686" s="5" t="s">
        <v>7</v>
      </c>
      <c r="B2686" s="5">
        <v>2752</v>
      </c>
      <c r="C2686" s="5" t="s">
        <v>8</v>
      </c>
      <c r="D2686" s="5" t="s">
        <v>8</v>
      </c>
      <c r="E2686" s="6">
        <v>11001</v>
      </c>
      <c r="F2686" s="5" t="s">
        <v>5383</v>
      </c>
      <c r="G2686" s="5" t="s">
        <v>5384</v>
      </c>
    </row>
    <row r="2687" spans="1:7">
      <c r="A2687" s="5" t="s">
        <v>7</v>
      </c>
      <c r="B2687" s="5">
        <v>2753</v>
      </c>
      <c r="C2687" s="5" t="s">
        <v>8</v>
      </c>
      <c r="D2687" s="5" t="s">
        <v>8</v>
      </c>
      <c r="E2687" s="6">
        <v>11001</v>
      </c>
      <c r="F2687" s="5" t="s">
        <v>5385</v>
      </c>
      <c r="G2687" s="5" t="s">
        <v>5386</v>
      </c>
    </row>
    <row r="2688" spans="1:7">
      <c r="A2688" s="5" t="s">
        <v>7</v>
      </c>
      <c r="B2688" s="5">
        <v>2754</v>
      </c>
      <c r="C2688" s="5" t="s">
        <v>813</v>
      </c>
      <c r="D2688" s="5" t="s">
        <v>814</v>
      </c>
      <c r="E2688" s="6">
        <v>25754</v>
      </c>
      <c r="F2688" s="5" t="s">
        <v>5387</v>
      </c>
      <c r="G2688" s="5" t="s">
        <v>5388</v>
      </c>
    </row>
    <row r="2689" spans="1:7">
      <c r="A2689" s="5" t="s">
        <v>7</v>
      </c>
      <c r="B2689" s="5">
        <v>2755</v>
      </c>
      <c r="C2689" s="5" t="s">
        <v>2891</v>
      </c>
      <c r="D2689" s="5" t="s">
        <v>2892</v>
      </c>
      <c r="E2689" s="6">
        <v>13001</v>
      </c>
      <c r="F2689" s="5" t="s">
        <v>5389</v>
      </c>
      <c r="G2689" s="5" t="s">
        <v>5390</v>
      </c>
    </row>
    <row r="2690" spans="1:7">
      <c r="A2690" s="5" t="s">
        <v>7</v>
      </c>
      <c r="B2690" s="5">
        <v>2756</v>
      </c>
      <c r="C2690" s="5" t="s">
        <v>8</v>
      </c>
      <c r="D2690" s="5" t="s">
        <v>8</v>
      </c>
      <c r="E2690" s="6">
        <v>11001</v>
      </c>
      <c r="F2690" s="5" t="s">
        <v>5391</v>
      </c>
      <c r="G2690" s="5" t="s">
        <v>5392</v>
      </c>
    </row>
    <row r="2691" spans="1:7">
      <c r="A2691" s="5" t="s">
        <v>7</v>
      </c>
      <c r="B2691" s="5">
        <v>2757</v>
      </c>
      <c r="C2691" s="5" t="s">
        <v>813</v>
      </c>
      <c r="D2691" s="5" t="s">
        <v>814</v>
      </c>
      <c r="E2691" s="6">
        <v>25754</v>
      </c>
      <c r="F2691" s="5" t="s">
        <v>5393</v>
      </c>
      <c r="G2691" s="5" t="s">
        <v>5394</v>
      </c>
    </row>
    <row r="2692" spans="1:7">
      <c r="A2692" s="5" t="s">
        <v>7</v>
      </c>
      <c r="B2692" s="5">
        <v>2758</v>
      </c>
      <c r="C2692" s="5" t="s">
        <v>813</v>
      </c>
      <c r="D2692" s="5" t="s">
        <v>4229</v>
      </c>
      <c r="E2692" s="6">
        <v>25386</v>
      </c>
      <c r="F2692" s="5" t="s">
        <v>5395</v>
      </c>
      <c r="G2692" s="5" t="s">
        <v>5396</v>
      </c>
    </row>
    <row r="2693" spans="1:7">
      <c r="A2693" s="5" t="s">
        <v>7</v>
      </c>
      <c r="B2693" s="5">
        <v>2759</v>
      </c>
      <c r="C2693" s="5" t="s">
        <v>8</v>
      </c>
      <c r="D2693" s="5" t="s">
        <v>8</v>
      </c>
      <c r="E2693" s="6">
        <v>11001</v>
      </c>
      <c r="F2693" s="5" t="s">
        <v>5397</v>
      </c>
      <c r="G2693" s="5" t="s">
        <v>5398</v>
      </c>
    </row>
    <row r="2694" spans="1:7">
      <c r="A2694" s="5" t="s">
        <v>7</v>
      </c>
      <c r="B2694" s="5">
        <v>2760</v>
      </c>
      <c r="C2694" s="5" t="s">
        <v>4672</v>
      </c>
      <c r="D2694" s="5" t="s">
        <v>5312</v>
      </c>
      <c r="E2694" s="6">
        <v>76001</v>
      </c>
      <c r="F2694" s="5" t="s">
        <v>5399</v>
      </c>
      <c r="G2694" s="5" t="s">
        <v>5400</v>
      </c>
    </row>
    <row r="2695" spans="1:7">
      <c r="A2695" s="5" t="s">
        <v>7</v>
      </c>
      <c r="B2695" s="5">
        <v>2761</v>
      </c>
      <c r="C2695" s="5" t="s">
        <v>813</v>
      </c>
      <c r="D2695" s="5" t="s">
        <v>4501</v>
      </c>
      <c r="E2695" s="6">
        <v>25599</v>
      </c>
      <c r="F2695" s="5" t="s">
        <v>4502</v>
      </c>
      <c r="G2695" s="5" t="s">
        <v>4503</v>
      </c>
    </row>
    <row r="2696" spans="1:7">
      <c r="A2696" s="5" t="s">
        <v>7</v>
      </c>
      <c r="B2696" s="5">
        <v>2762</v>
      </c>
      <c r="C2696" s="5" t="s">
        <v>8</v>
      </c>
      <c r="D2696" s="5" t="s">
        <v>8</v>
      </c>
      <c r="E2696" s="6">
        <v>11001</v>
      </c>
      <c r="F2696" s="5" t="s">
        <v>5401</v>
      </c>
      <c r="G2696" s="5" t="s">
        <v>5402</v>
      </c>
    </row>
    <row r="2697" spans="1:7">
      <c r="A2697" s="5" t="s">
        <v>7</v>
      </c>
      <c r="B2697" s="5">
        <v>2763</v>
      </c>
      <c r="C2697" s="5" t="s">
        <v>2542</v>
      </c>
      <c r="D2697" s="5" t="s">
        <v>5403</v>
      </c>
      <c r="E2697" s="6">
        <v>8573</v>
      </c>
      <c r="F2697" s="5" t="s">
        <v>5404</v>
      </c>
      <c r="G2697" s="5" t="s">
        <v>5405</v>
      </c>
    </row>
    <row r="2698" spans="1:7">
      <c r="A2698" s="5" t="s">
        <v>7</v>
      </c>
      <c r="B2698" s="5">
        <v>2764</v>
      </c>
      <c r="C2698" s="5" t="s">
        <v>8</v>
      </c>
      <c r="D2698" s="5" t="s">
        <v>8</v>
      </c>
      <c r="E2698" s="6">
        <v>11001</v>
      </c>
      <c r="F2698" s="5" t="s">
        <v>5406</v>
      </c>
      <c r="G2698" s="5" t="s">
        <v>5407</v>
      </c>
    </row>
    <row r="2699" spans="1:7">
      <c r="A2699" s="5" t="s">
        <v>7</v>
      </c>
      <c r="B2699" s="5">
        <v>2765</v>
      </c>
      <c r="C2699" s="5" t="s">
        <v>813</v>
      </c>
      <c r="D2699" s="5" t="s">
        <v>814</v>
      </c>
      <c r="E2699" s="6">
        <v>25754</v>
      </c>
      <c r="F2699" s="5" t="s">
        <v>5408</v>
      </c>
      <c r="G2699" s="5" t="s">
        <v>5409</v>
      </c>
    </row>
    <row r="2700" spans="1:7">
      <c r="A2700" s="5" t="s">
        <v>7</v>
      </c>
      <c r="B2700" s="5">
        <v>2766</v>
      </c>
      <c r="C2700" s="5" t="s">
        <v>3215</v>
      </c>
      <c r="D2700" s="5" t="s">
        <v>3216</v>
      </c>
      <c r="E2700" s="6">
        <v>20001</v>
      </c>
      <c r="F2700" s="5" t="s">
        <v>5410</v>
      </c>
      <c r="G2700" s="5" t="s">
        <v>5411</v>
      </c>
    </row>
    <row r="2701" spans="1:7">
      <c r="A2701" s="5" t="s">
        <v>7</v>
      </c>
      <c r="B2701" s="5">
        <v>2767</v>
      </c>
      <c r="C2701" s="5" t="s">
        <v>8</v>
      </c>
      <c r="D2701" s="5" t="s">
        <v>8</v>
      </c>
      <c r="E2701" s="6">
        <v>11001</v>
      </c>
      <c r="F2701" s="5" t="s">
        <v>5412</v>
      </c>
      <c r="G2701" s="5" t="s">
        <v>5413</v>
      </c>
    </row>
    <row r="2702" spans="1:7">
      <c r="A2702" s="5" t="s">
        <v>7</v>
      </c>
      <c r="B2702" s="5">
        <v>2768</v>
      </c>
      <c r="C2702" s="5" t="s">
        <v>2891</v>
      </c>
      <c r="D2702" s="5" t="s">
        <v>2892</v>
      </c>
      <c r="E2702" s="6">
        <v>13001</v>
      </c>
      <c r="F2702" s="5" t="s">
        <v>5414</v>
      </c>
      <c r="G2702" s="5" t="s">
        <v>5415</v>
      </c>
    </row>
    <row r="2703" spans="1:7">
      <c r="A2703" s="5" t="s">
        <v>7</v>
      </c>
      <c r="B2703" s="5">
        <v>2769</v>
      </c>
      <c r="C2703" s="5" t="s">
        <v>8</v>
      </c>
      <c r="D2703" s="5" t="s">
        <v>8</v>
      </c>
      <c r="E2703" s="6">
        <v>11001</v>
      </c>
      <c r="F2703" s="5" t="s">
        <v>5416</v>
      </c>
      <c r="G2703" s="5" t="s">
        <v>5417</v>
      </c>
    </row>
    <row r="2704" spans="1:7">
      <c r="A2704" s="5" t="s">
        <v>7</v>
      </c>
      <c r="B2704" s="5">
        <v>2770</v>
      </c>
      <c r="C2704" s="5" t="s">
        <v>8</v>
      </c>
      <c r="D2704" s="5" t="s">
        <v>8</v>
      </c>
      <c r="E2704" s="6">
        <v>11001</v>
      </c>
      <c r="F2704" s="5" t="s">
        <v>5418</v>
      </c>
      <c r="G2704" s="5" t="s">
        <v>5419</v>
      </c>
    </row>
    <row r="2705" spans="1:7">
      <c r="A2705" s="5" t="s">
        <v>7</v>
      </c>
      <c r="B2705" s="5">
        <v>2771</v>
      </c>
      <c r="C2705" s="5" t="s">
        <v>8</v>
      </c>
      <c r="D2705" s="5" t="s">
        <v>8</v>
      </c>
      <c r="E2705" s="6">
        <v>11001</v>
      </c>
      <c r="F2705" s="5" t="s">
        <v>5420</v>
      </c>
      <c r="G2705" s="5" t="s">
        <v>5421</v>
      </c>
    </row>
    <row r="2706" spans="1:7">
      <c r="A2706" s="5" t="s">
        <v>7</v>
      </c>
      <c r="B2706" s="5">
        <v>2772</v>
      </c>
      <c r="C2706" s="5" t="s">
        <v>8</v>
      </c>
      <c r="D2706" s="5" t="s">
        <v>8</v>
      </c>
      <c r="E2706" s="6">
        <v>11001</v>
      </c>
      <c r="F2706" s="5" t="s">
        <v>5422</v>
      </c>
      <c r="G2706" s="5" t="s">
        <v>5423</v>
      </c>
    </row>
    <row r="2707" spans="1:7">
      <c r="A2707" s="5" t="s">
        <v>7</v>
      </c>
      <c r="B2707" s="5">
        <v>2773</v>
      </c>
      <c r="C2707" s="5" t="s">
        <v>8</v>
      </c>
      <c r="D2707" s="5" t="s">
        <v>8</v>
      </c>
      <c r="E2707" s="6">
        <v>11001</v>
      </c>
      <c r="F2707" s="5" t="s">
        <v>5424</v>
      </c>
      <c r="G2707" s="5" t="s">
        <v>5425</v>
      </c>
    </row>
    <row r="2708" spans="1:7">
      <c r="A2708" s="5" t="s">
        <v>7</v>
      </c>
      <c r="B2708" s="5">
        <v>2774</v>
      </c>
      <c r="C2708" s="5" t="s">
        <v>8</v>
      </c>
      <c r="D2708" s="5" t="s">
        <v>8</v>
      </c>
      <c r="E2708" s="6">
        <v>11001</v>
      </c>
      <c r="F2708" s="5" t="s">
        <v>5426</v>
      </c>
      <c r="G2708" s="5" t="s">
        <v>5427</v>
      </c>
    </row>
    <row r="2709" spans="1:7">
      <c r="A2709" s="5" t="s">
        <v>7</v>
      </c>
      <c r="B2709" s="5">
        <v>2775</v>
      </c>
      <c r="C2709" s="5" t="s">
        <v>8</v>
      </c>
      <c r="D2709" s="5" t="s">
        <v>8</v>
      </c>
      <c r="E2709" s="6">
        <v>11001</v>
      </c>
      <c r="F2709" s="5" t="s">
        <v>5428</v>
      </c>
      <c r="G2709" s="5" t="s">
        <v>5429</v>
      </c>
    </row>
    <row r="2710" spans="1:7">
      <c r="A2710" s="5" t="s">
        <v>7</v>
      </c>
      <c r="B2710" s="5">
        <v>2776</v>
      </c>
      <c r="C2710" s="5" t="s">
        <v>8</v>
      </c>
      <c r="D2710" s="5" t="s">
        <v>8</v>
      </c>
      <c r="E2710" s="6">
        <v>11001</v>
      </c>
      <c r="F2710" s="5" t="s">
        <v>5430</v>
      </c>
      <c r="G2710" s="5" t="s">
        <v>5431</v>
      </c>
    </row>
    <row r="2711" spans="1:7">
      <c r="A2711" s="5" t="s">
        <v>7</v>
      </c>
      <c r="B2711" s="5">
        <v>2777</v>
      </c>
      <c r="C2711" s="5" t="s">
        <v>8</v>
      </c>
      <c r="D2711" s="5" t="s">
        <v>8</v>
      </c>
      <c r="E2711" s="6">
        <v>11001</v>
      </c>
      <c r="F2711" s="5" t="s">
        <v>5432</v>
      </c>
      <c r="G2711" s="5" t="s">
        <v>5433</v>
      </c>
    </row>
    <row r="2712" spans="1:7">
      <c r="A2712" s="5" t="s">
        <v>7</v>
      </c>
      <c r="B2712" s="5">
        <v>2778</v>
      </c>
      <c r="C2712" s="5" t="s">
        <v>813</v>
      </c>
      <c r="D2712" s="5" t="s">
        <v>5434</v>
      </c>
      <c r="E2712" s="6">
        <v>25377</v>
      </c>
      <c r="F2712" s="5" t="s">
        <v>5435</v>
      </c>
      <c r="G2712" s="5" t="s">
        <v>5436</v>
      </c>
    </row>
    <row r="2713" spans="1:7">
      <c r="A2713" s="5" t="s">
        <v>7</v>
      </c>
      <c r="B2713" s="5">
        <v>2779</v>
      </c>
      <c r="C2713" s="5" t="s">
        <v>8</v>
      </c>
      <c r="D2713" s="5" t="s">
        <v>8</v>
      </c>
      <c r="E2713" s="6">
        <v>11001</v>
      </c>
      <c r="F2713" s="5" t="s">
        <v>5437</v>
      </c>
      <c r="G2713" s="5" t="s">
        <v>5438</v>
      </c>
    </row>
    <row r="2714" spans="1:7">
      <c r="A2714" s="5" t="s">
        <v>7</v>
      </c>
      <c r="B2714" s="5">
        <v>2780</v>
      </c>
      <c r="C2714" s="5" t="s">
        <v>8</v>
      </c>
      <c r="D2714" s="5" t="s">
        <v>8</v>
      </c>
      <c r="E2714" s="6">
        <v>11001</v>
      </c>
      <c r="F2714" s="5" t="s">
        <v>1916</v>
      </c>
      <c r="G2714" s="5" t="s">
        <v>5439</v>
      </c>
    </row>
    <row r="2715" spans="1:7">
      <c r="A2715" s="5" t="s">
        <v>7</v>
      </c>
      <c r="B2715" s="5">
        <v>2781</v>
      </c>
      <c r="C2715" s="5" t="s">
        <v>8</v>
      </c>
      <c r="D2715" s="5" t="s">
        <v>8</v>
      </c>
      <c r="E2715" s="6">
        <v>11001</v>
      </c>
      <c r="F2715" s="5" t="s">
        <v>5440</v>
      </c>
      <c r="G2715" s="5" t="s">
        <v>5441</v>
      </c>
    </row>
    <row r="2716" spans="1:7">
      <c r="A2716" s="5" t="s">
        <v>7</v>
      </c>
      <c r="B2716" s="5">
        <v>2782</v>
      </c>
      <c r="C2716" s="5" t="s">
        <v>8</v>
      </c>
      <c r="D2716" s="5" t="s">
        <v>8</v>
      </c>
      <c r="E2716" s="6">
        <v>11001</v>
      </c>
      <c r="F2716" s="5" t="s">
        <v>5442</v>
      </c>
      <c r="G2716" s="5" t="s">
        <v>5443</v>
      </c>
    </row>
    <row r="2717" spans="1:7">
      <c r="A2717" s="5" t="s">
        <v>7</v>
      </c>
      <c r="B2717" s="5">
        <v>2783</v>
      </c>
      <c r="C2717" s="5" t="s">
        <v>8</v>
      </c>
      <c r="D2717" s="5" t="s">
        <v>8</v>
      </c>
      <c r="E2717" s="6">
        <v>11001</v>
      </c>
      <c r="F2717" s="5" t="s">
        <v>5444</v>
      </c>
      <c r="G2717" s="5" t="s">
        <v>5445</v>
      </c>
    </row>
    <row r="2718" spans="1:7">
      <c r="A2718" s="5" t="s">
        <v>7</v>
      </c>
      <c r="B2718" s="5">
        <v>2784</v>
      </c>
      <c r="C2718" s="5" t="s">
        <v>8</v>
      </c>
      <c r="D2718" s="5" t="s">
        <v>8</v>
      </c>
      <c r="E2718" s="6">
        <v>11001</v>
      </c>
      <c r="F2718" s="5" t="s">
        <v>5446</v>
      </c>
      <c r="G2718" s="5" t="s">
        <v>5447</v>
      </c>
    </row>
    <row r="2719" spans="1:7">
      <c r="A2719" s="5" t="s">
        <v>7</v>
      </c>
      <c r="B2719" s="5">
        <v>2785</v>
      </c>
      <c r="C2719" s="5" t="s">
        <v>8</v>
      </c>
      <c r="D2719" s="5" t="s">
        <v>8</v>
      </c>
      <c r="E2719" s="6">
        <v>11001</v>
      </c>
      <c r="F2719" s="5" t="s">
        <v>5448</v>
      </c>
      <c r="G2719" s="5" t="s">
        <v>5449</v>
      </c>
    </row>
    <row r="2720" spans="1:7">
      <c r="A2720" s="5" t="s">
        <v>7</v>
      </c>
      <c r="B2720" s="5">
        <v>2786</v>
      </c>
      <c r="C2720" s="5" t="s">
        <v>8</v>
      </c>
      <c r="D2720" s="5" t="s">
        <v>8</v>
      </c>
      <c r="E2720" s="6">
        <v>11001</v>
      </c>
      <c r="F2720" s="5" t="s">
        <v>5450</v>
      </c>
      <c r="G2720" s="5" t="s">
        <v>5451</v>
      </c>
    </row>
    <row r="2721" spans="1:7">
      <c r="A2721" s="5" t="s">
        <v>7</v>
      </c>
      <c r="B2721" s="5">
        <v>2787</v>
      </c>
      <c r="C2721" s="5" t="s">
        <v>8</v>
      </c>
      <c r="D2721" s="5" t="s">
        <v>8</v>
      </c>
      <c r="E2721" s="6">
        <v>11001</v>
      </c>
      <c r="F2721" s="5" t="s">
        <v>5452</v>
      </c>
      <c r="G2721" s="5" t="s">
        <v>5453</v>
      </c>
    </row>
    <row r="2722" spans="1:7">
      <c r="A2722" s="5" t="s">
        <v>7</v>
      </c>
      <c r="B2722" s="5">
        <v>2788</v>
      </c>
      <c r="C2722" s="5" t="s">
        <v>3323</v>
      </c>
      <c r="D2722" s="5" t="s">
        <v>5454</v>
      </c>
      <c r="E2722" s="6">
        <v>54498</v>
      </c>
      <c r="F2722" s="5" t="s">
        <v>5455</v>
      </c>
      <c r="G2722" s="5" t="s">
        <v>5456</v>
      </c>
    </row>
    <row r="2723" spans="1:7">
      <c r="A2723" s="5" t="s">
        <v>7</v>
      </c>
      <c r="B2723" s="5">
        <v>2789</v>
      </c>
      <c r="C2723" s="5" t="s">
        <v>8</v>
      </c>
      <c r="D2723" s="5" t="s">
        <v>8</v>
      </c>
      <c r="E2723" s="6">
        <v>11001</v>
      </c>
      <c r="F2723" s="5" t="s">
        <v>1916</v>
      </c>
      <c r="G2723" s="5" t="s">
        <v>5457</v>
      </c>
    </row>
    <row r="2724" spans="1:7">
      <c r="A2724" s="5" t="s">
        <v>7</v>
      </c>
      <c r="B2724" s="5">
        <v>2790</v>
      </c>
      <c r="C2724" s="5" t="s">
        <v>8</v>
      </c>
      <c r="D2724" s="5" t="s">
        <v>8</v>
      </c>
      <c r="E2724" s="6">
        <v>11001</v>
      </c>
      <c r="F2724" s="5" t="s">
        <v>5458</v>
      </c>
      <c r="G2724" s="5" t="s">
        <v>5459</v>
      </c>
    </row>
    <row r="2725" spans="1:7">
      <c r="A2725" s="5" t="s">
        <v>7</v>
      </c>
      <c r="B2725" s="5">
        <v>2791</v>
      </c>
      <c r="C2725" s="5" t="s">
        <v>8</v>
      </c>
      <c r="D2725" s="5" t="s">
        <v>8</v>
      </c>
      <c r="E2725" s="6">
        <v>11001</v>
      </c>
      <c r="F2725" s="5" t="s">
        <v>5460</v>
      </c>
      <c r="G2725" s="5" t="s">
        <v>5461</v>
      </c>
    </row>
    <row r="2726" spans="1:7">
      <c r="A2726" s="5" t="s">
        <v>7</v>
      </c>
      <c r="B2726" s="5">
        <v>2792</v>
      </c>
      <c r="C2726" s="5" t="s">
        <v>8</v>
      </c>
      <c r="D2726" s="5" t="s">
        <v>8</v>
      </c>
      <c r="E2726" s="6">
        <v>11001</v>
      </c>
      <c r="F2726" s="5" t="s">
        <v>5462</v>
      </c>
      <c r="G2726" s="5" t="s">
        <v>5463</v>
      </c>
    </row>
    <row r="2727" spans="1:7">
      <c r="A2727" s="5" t="s">
        <v>7</v>
      </c>
      <c r="B2727" s="5">
        <v>2793</v>
      </c>
      <c r="C2727" s="5" t="s">
        <v>8</v>
      </c>
      <c r="D2727" s="5" t="s">
        <v>8</v>
      </c>
      <c r="E2727" s="6">
        <v>11001</v>
      </c>
      <c r="F2727" s="5" t="s">
        <v>5464</v>
      </c>
      <c r="G2727" s="5" t="s">
        <v>5465</v>
      </c>
    </row>
    <row r="2728" spans="1:7">
      <c r="A2728" s="5" t="s">
        <v>7</v>
      </c>
      <c r="B2728" s="5">
        <v>2794</v>
      </c>
      <c r="C2728" s="5" t="s">
        <v>813</v>
      </c>
      <c r="D2728" s="5" t="s">
        <v>814</v>
      </c>
      <c r="E2728" s="6">
        <v>25754</v>
      </c>
      <c r="F2728" s="5" t="s">
        <v>5466</v>
      </c>
      <c r="G2728" s="5" t="s">
        <v>5467</v>
      </c>
    </row>
    <row r="2729" spans="1:7">
      <c r="A2729" s="5" t="s">
        <v>7</v>
      </c>
      <c r="B2729" s="5">
        <v>2795</v>
      </c>
      <c r="C2729" s="5" t="s">
        <v>8</v>
      </c>
      <c r="D2729" s="5" t="s">
        <v>8</v>
      </c>
      <c r="E2729" s="6">
        <v>11001</v>
      </c>
      <c r="F2729" s="5" t="s">
        <v>5468</v>
      </c>
      <c r="G2729" s="5" t="s">
        <v>5469</v>
      </c>
    </row>
    <row r="2730" spans="1:7">
      <c r="A2730" s="5" t="s">
        <v>7</v>
      </c>
      <c r="B2730" s="5">
        <v>2796</v>
      </c>
      <c r="C2730" s="5" t="s">
        <v>8</v>
      </c>
      <c r="D2730" s="5" t="s">
        <v>8</v>
      </c>
      <c r="E2730" s="6">
        <v>11001</v>
      </c>
      <c r="F2730" s="5" t="s">
        <v>5470</v>
      </c>
      <c r="G2730" s="5" t="s">
        <v>5471</v>
      </c>
    </row>
    <row r="2731" spans="1:7">
      <c r="A2731" s="5" t="s">
        <v>7</v>
      </c>
      <c r="B2731" s="5">
        <v>2797</v>
      </c>
      <c r="C2731" s="5" t="s">
        <v>8</v>
      </c>
      <c r="D2731" s="5" t="s">
        <v>8</v>
      </c>
      <c r="E2731" s="6">
        <v>11001</v>
      </c>
      <c r="F2731" s="5" t="s">
        <v>5472</v>
      </c>
      <c r="G2731" s="5" t="s">
        <v>5473</v>
      </c>
    </row>
    <row r="2732" spans="1:7">
      <c r="A2732" s="5" t="s">
        <v>7</v>
      </c>
      <c r="B2732" s="5">
        <v>2798</v>
      </c>
      <c r="C2732" s="5" t="s">
        <v>8</v>
      </c>
      <c r="D2732" s="5" t="s">
        <v>8</v>
      </c>
      <c r="E2732" s="6">
        <v>11001</v>
      </c>
      <c r="F2732" s="5" t="s">
        <v>5474</v>
      </c>
      <c r="G2732" s="5" t="s">
        <v>5475</v>
      </c>
    </row>
    <row r="2733" spans="1:7">
      <c r="A2733" s="5" t="s">
        <v>7</v>
      </c>
      <c r="B2733" s="5">
        <v>2799</v>
      </c>
      <c r="C2733" s="5" t="s">
        <v>813</v>
      </c>
      <c r="D2733" s="5" t="s">
        <v>5476</v>
      </c>
      <c r="E2733" s="6">
        <v>25745</v>
      </c>
      <c r="F2733" s="5" t="s">
        <v>5477</v>
      </c>
      <c r="G2733" s="5" t="s">
        <v>5478</v>
      </c>
    </row>
    <row r="2734" spans="1:7">
      <c r="A2734" s="5" t="s">
        <v>7</v>
      </c>
      <c r="B2734" s="5">
        <v>2800</v>
      </c>
      <c r="C2734" s="5" t="s">
        <v>2542</v>
      </c>
      <c r="D2734" s="5" t="s">
        <v>2543</v>
      </c>
      <c r="E2734" s="6">
        <v>8001</v>
      </c>
      <c r="F2734" s="5" t="s">
        <v>5479</v>
      </c>
      <c r="G2734" s="5" t="s">
        <v>5480</v>
      </c>
    </row>
    <row r="2735" spans="1:7">
      <c r="A2735" s="5" t="s">
        <v>7</v>
      </c>
      <c r="B2735" s="5">
        <v>2801</v>
      </c>
      <c r="C2735" s="5" t="s">
        <v>8</v>
      </c>
      <c r="D2735" s="5" t="s">
        <v>8</v>
      </c>
      <c r="E2735" s="6">
        <v>11001</v>
      </c>
      <c r="F2735" s="5" t="s">
        <v>5481</v>
      </c>
      <c r="G2735" s="5" t="s">
        <v>5482</v>
      </c>
    </row>
    <row r="2736" spans="1:7">
      <c r="A2736" s="5" t="s">
        <v>7</v>
      </c>
      <c r="B2736" s="5">
        <v>2802</v>
      </c>
      <c r="C2736" s="5" t="s">
        <v>8</v>
      </c>
      <c r="D2736" s="5" t="s">
        <v>8</v>
      </c>
      <c r="E2736" s="6">
        <v>11001</v>
      </c>
      <c r="F2736" s="5" t="s">
        <v>5483</v>
      </c>
      <c r="G2736" s="5" t="s">
        <v>5484</v>
      </c>
    </row>
    <row r="2737" spans="1:7">
      <c r="A2737" s="5" t="s">
        <v>7</v>
      </c>
      <c r="B2737" s="5">
        <v>2803</v>
      </c>
      <c r="C2737" s="5" t="s">
        <v>8</v>
      </c>
      <c r="D2737" s="5" t="s">
        <v>8</v>
      </c>
      <c r="E2737" s="6">
        <v>11001</v>
      </c>
      <c r="F2737" s="5" t="s">
        <v>5485</v>
      </c>
      <c r="G2737" s="5" t="s">
        <v>5486</v>
      </c>
    </row>
    <row r="2738" spans="1:7">
      <c r="A2738" s="5" t="s">
        <v>7</v>
      </c>
      <c r="B2738" s="5">
        <v>2805</v>
      </c>
      <c r="C2738" s="5" t="s">
        <v>8</v>
      </c>
      <c r="D2738" s="5" t="s">
        <v>8</v>
      </c>
      <c r="E2738" s="6">
        <v>11001</v>
      </c>
      <c r="F2738" s="5" t="s">
        <v>5487</v>
      </c>
      <c r="G2738" s="5" t="s">
        <v>5488</v>
      </c>
    </row>
    <row r="2739" spans="1:7">
      <c r="A2739" s="5" t="s">
        <v>7</v>
      </c>
      <c r="B2739" s="5">
        <v>2806</v>
      </c>
      <c r="C2739" s="5" t="s">
        <v>8</v>
      </c>
      <c r="D2739" s="5" t="s">
        <v>8</v>
      </c>
      <c r="E2739" s="6">
        <v>11001</v>
      </c>
      <c r="F2739" s="5" t="s">
        <v>5489</v>
      </c>
      <c r="G2739" s="5" t="s">
        <v>5490</v>
      </c>
    </row>
    <row r="2740" spans="1:7">
      <c r="A2740" s="5" t="s">
        <v>7</v>
      </c>
      <c r="B2740" s="5">
        <v>2807</v>
      </c>
      <c r="C2740" s="5" t="s">
        <v>8</v>
      </c>
      <c r="D2740" s="5" t="s">
        <v>8</v>
      </c>
      <c r="E2740" s="6">
        <v>11001</v>
      </c>
      <c r="F2740" s="5" t="s">
        <v>5491</v>
      </c>
      <c r="G2740" s="5" t="s">
        <v>5492</v>
      </c>
    </row>
    <row r="2741" spans="1:7">
      <c r="A2741" s="5" t="s">
        <v>7</v>
      </c>
      <c r="B2741" s="5">
        <v>2808</v>
      </c>
      <c r="C2741" s="5" t="s">
        <v>813</v>
      </c>
      <c r="D2741" s="5" t="s">
        <v>2290</v>
      </c>
      <c r="E2741" s="6">
        <v>25286</v>
      </c>
      <c r="F2741" s="5" t="s">
        <v>5493</v>
      </c>
      <c r="G2741" s="5" t="s">
        <v>5494</v>
      </c>
    </row>
    <row r="2742" spans="1:7">
      <c r="A2742" s="5" t="s">
        <v>7</v>
      </c>
      <c r="B2742" s="5">
        <v>2809</v>
      </c>
      <c r="C2742" s="5" t="s">
        <v>8</v>
      </c>
      <c r="D2742" s="5" t="s">
        <v>8</v>
      </c>
      <c r="E2742" s="6">
        <v>11001</v>
      </c>
      <c r="F2742" s="5" t="s">
        <v>5495</v>
      </c>
      <c r="G2742" s="5" t="s">
        <v>5496</v>
      </c>
    </row>
    <row r="2743" spans="1:7">
      <c r="A2743" s="5" t="s">
        <v>7</v>
      </c>
      <c r="B2743" s="5">
        <v>2810</v>
      </c>
      <c r="C2743" s="5" t="s">
        <v>8</v>
      </c>
      <c r="D2743" s="5" t="s">
        <v>8</v>
      </c>
      <c r="E2743" s="6">
        <v>11001</v>
      </c>
      <c r="F2743" s="5" t="s">
        <v>5497</v>
      </c>
      <c r="G2743" s="5" t="s">
        <v>5498</v>
      </c>
    </row>
    <row r="2744" spans="1:7">
      <c r="A2744" s="5" t="s">
        <v>7</v>
      </c>
      <c r="B2744" s="5">
        <v>2811</v>
      </c>
      <c r="C2744" s="5" t="s">
        <v>8</v>
      </c>
      <c r="D2744" s="5" t="s">
        <v>8</v>
      </c>
      <c r="E2744" s="6">
        <v>11001</v>
      </c>
      <c r="F2744" s="5" t="s">
        <v>5499</v>
      </c>
      <c r="G2744" s="5" t="s">
        <v>5500</v>
      </c>
    </row>
    <row r="2745" spans="1:7">
      <c r="A2745" s="5" t="s">
        <v>7</v>
      </c>
      <c r="B2745" s="5">
        <v>2812</v>
      </c>
      <c r="C2745" s="5" t="s">
        <v>8</v>
      </c>
      <c r="D2745" s="5" t="s">
        <v>8</v>
      </c>
      <c r="E2745" s="6">
        <v>11001</v>
      </c>
      <c r="F2745" s="5" t="s">
        <v>5501</v>
      </c>
      <c r="G2745" s="5" t="s">
        <v>5502</v>
      </c>
    </row>
    <row r="2746" spans="1:7">
      <c r="A2746" s="5" t="s">
        <v>7</v>
      </c>
      <c r="B2746" s="5">
        <v>2813</v>
      </c>
      <c r="C2746" s="5" t="s">
        <v>8</v>
      </c>
      <c r="D2746" s="5" t="s">
        <v>8</v>
      </c>
      <c r="E2746" s="6">
        <v>11001</v>
      </c>
      <c r="F2746" s="5" t="s">
        <v>5503</v>
      </c>
      <c r="G2746" s="5" t="s">
        <v>5504</v>
      </c>
    </row>
    <row r="2747" spans="1:7">
      <c r="A2747" s="5" t="s">
        <v>7</v>
      </c>
      <c r="B2747" s="5">
        <v>2814</v>
      </c>
      <c r="C2747" s="5" t="s">
        <v>813</v>
      </c>
      <c r="D2747" s="5" t="s">
        <v>2633</v>
      </c>
      <c r="E2747" s="6">
        <v>25214</v>
      </c>
      <c r="F2747" s="5" t="s">
        <v>5505</v>
      </c>
      <c r="G2747" s="5" t="s">
        <v>5506</v>
      </c>
    </row>
    <row r="2748" spans="1:7">
      <c r="A2748" s="5" t="s">
        <v>7</v>
      </c>
      <c r="B2748" s="5">
        <v>2815</v>
      </c>
      <c r="C2748" s="5" t="s">
        <v>813</v>
      </c>
      <c r="D2748" s="5" t="s">
        <v>2842</v>
      </c>
      <c r="E2748" s="6">
        <v>25899</v>
      </c>
      <c r="F2748" s="5" t="s">
        <v>5507</v>
      </c>
      <c r="G2748" s="5" t="s">
        <v>5508</v>
      </c>
    </row>
    <row r="2749" spans="1:7">
      <c r="A2749" s="5" t="s">
        <v>7</v>
      </c>
      <c r="B2749" s="5">
        <v>2816</v>
      </c>
      <c r="C2749" s="5" t="s">
        <v>8</v>
      </c>
      <c r="D2749" s="5" t="s">
        <v>8</v>
      </c>
      <c r="E2749" s="6">
        <v>11001</v>
      </c>
      <c r="F2749" s="5" t="s">
        <v>5509</v>
      </c>
      <c r="G2749" s="5" t="s">
        <v>5510</v>
      </c>
    </row>
    <row r="2750" spans="1:7">
      <c r="A2750" s="5" t="s">
        <v>7</v>
      </c>
      <c r="B2750" s="5">
        <v>2817</v>
      </c>
      <c r="C2750" s="5" t="s">
        <v>8</v>
      </c>
      <c r="D2750" s="5" t="s">
        <v>8</v>
      </c>
      <c r="E2750" s="6">
        <v>11001</v>
      </c>
      <c r="F2750" s="5" t="s">
        <v>5511</v>
      </c>
      <c r="G2750" s="5" t="s">
        <v>5512</v>
      </c>
    </row>
    <row r="2751" spans="1:7">
      <c r="A2751" s="5" t="s">
        <v>7</v>
      </c>
      <c r="B2751" s="5">
        <v>2818</v>
      </c>
      <c r="C2751" s="5" t="s">
        <v>8</v>
      </c>
      <c r="D2751" s="5" t="s">
        <v>8</v>
      </c>
      <c r="E2751" s="6">
        <v>11001</v>
      </c>
      <c r="F2751" s="5" t="s">
        <v>5513</v>
      </c>
      <c r="G2751" s="5" t="s">
        <v>5514</v>
      </c>
    </row>
    <row r="2752" spans="1:7">
      <c r="A2752" s="5" t="s">
        <v>7</v>
      </c>
      <c r="B2752" s="5">
        <v>2819</v>
      </c>
      <c r="C2752" s="5" t="s">
        <v>8</v>
      </c>
      <c r="D2752" s="5" t="s">
        <v>8</v>
      </c>
      <c r="E2752" s="6">
        <v>11001</v>
      </c>
      <c r="F2752" s="5" t="s">
        <v>5515</v>
      </c>
      <c r="G2752" s="5" t="s">
        <v>5516</v>
      </c>
    </row>
    <row r="2753" spans="1:7">
      <c r="A2753" s="5" t="s">
        <v>7</v>
      </c>
      <c r="B2753" s="5">
        <v>2820</v>
      </c>
      <c r="C2753" s="5" t="s">
        <v>2891</v>
      </c>
      <c r="D2753" s="5" t="s">
        <v>2892</v>
      </c>
      <c r="E2753" s="6">
        <v>13001</v>
      </c>
      <c r="F2753" s="5" t="s">
        <v>5517</v>
      </c>
      <c r="G2753" s="5" t="s">
        <v>5518</v>
      </c>
    </row>
    <row r="2754" spans="1:7">
      <c r="A2754" s="5" t="s">
        <v>7</v>
      </c>
      <c r="B2754" s="5">
        <v>2821</v>
      </c>
      <c r="C2754" s="5" t="s">
        <v>8</v>
      </c>
      <c r="D2754" s="5" t="s">
        <v>8</v>
      </c>
      <c r="E2754" s="6">
        <v>11001</v>
      </c>
      <c r="F2754" s="5" t="s">
        <v>5519</v>
      </c>
      <c r="G2754" s="5" t="s">
        <v>5520</v>
      </c>
    </row>
    <row r="2755" spans="1:7">
      <c r="A2755" s="5" t="s">
        <v>7</v>
      </c>
      <c r="B2755" s="5">
        <v>2822</v>
      </c>
      <c r="C2755" s="5" t="s">
        <v>8</v>
      </c>
      <c r="D2755" s="5" t="s">
        <v>8</v>
      </c>
      <c r="E2755" s="6">
        <v>11001</v>
      </c>
      <c r="F2755" s="5" t="s">
        <v>5521</v>
      </c>
      <c r="G2755" s="5" t="s">
        <v>5522</v>
      </c>
    </row>
    <row r="2756" spans="1:7">
      <c r="A2756" s="5" t="s">
        <v>7</v>
      </c>
      <c r="B2756" s="5">
        <v>2823</v>
      </c>
      <c r="C2756" s="5" t="s">
        <v>8</v>
      </c>
      <c r="D2756" s="5" t="s">
        <v>8</v>
      </c>
      <c r="E2756" s="6">
        <v>11001</v>
      </c>
      <c r="F2756" s="5" t="s">
        <v>5523</v>
      </c>
      <c r="G2756" s="5" t="s">
        <v>5524</v>
      </c>
    </row>
    <row r="2757" spans="1:7">
      <c r="A2757" s="5" t="s">
        <v>7</v>
      </c>
      <c r="B2757" s="5">
        <v>2824</v>
      </c>
      <c r="C2757" s="5" t="s">
        <v>8</v>
      </c>
      <c r="D2757" s="5" t="s">
        <v>8</v>
      </c>
      <c r="E2757" s="6">
        <v>11001</v>
      </c>
      <c r="F2757" s="5" t="s">
        <v>5525</v>
      </c>
      <c r="G2757" s="5" t="s">
        <v>5526</v>
      </c>
    </row>
    <row r="2758" spans="1:7">
      <c r="A2758" s="5" t="s">
        <v>7</v>
      </c>
      <c r="B2758" s="5">
        <v>2825</v>
      </c>
      <c r="C2758" s="5" t="s">
        <v>8</v>
      </c>
      <c r="D2758" s="5" t="s">
        <v>8</v>
      </c>
      <c r="E2758" s="6">
        <v>11001</v>
      </c>
      <c r="F2758" s="5" t="s">
        <v>5527</v>
      </c>
      <c r="G2758" s="5" t="s">
        <v>5528</v>
      </c>
    </row>
    <row r="2759" spans="1:7">
      <c r="A2759" s="5" t="s">
        <v>7</v>
      </c>
      <c r="B2759" s="5">
        <v>2826</v>
      </c>
      <c r="C2759" s="5" t="s">
        <v>8</v>
      </c>
      <c r="D2759" s="5" t="s">
        <v>8</v>
      </c>
      <c r="E2759" s="6">
        <v>11001</v>
      </c>
      <c r="F2759" s="5" t="s">
        <v>5529</v>
      </c>
      <c r="G2759" s="5" t="s">
        <v>5530</v>
      </c>
    </row>
    <row r="2760" spans="1:7">
      <c r="A2760" s="5" t="s">
        <v>7</v>
      </c>
      <c r="B2760" s="5">
        <v>2827</v>
      </c>
      <c r="C2760" s="5" t="s">
        <v>813</v>
      </c>
      <c r="D2760" s="5" t="s">
        <v>2755</v>
      </c>
      <c r="E2760" s="6">
        <v>25473</v>
      </c>
      <c r="F2760" s="5" t="s">
        <v>5531</v>
      </c>
      <c r="G2760" s="5" t="s">
        <v>5532</v>
      </c>
    </row>
    <row r="2761" spans="1:7">
      <c r="A2761" s="5" t="s">
        <v>7</v>
      </c>
      <c r="B2761" s="5">
        <v>2828</v>
      </c>
      <c r="C2761" s="5" t="s">
        <v>8</v>
      </c>
      <c r="D2761" s="5" t="s">
        <v>8</v>
      </c>
      <c r="E2761" s="6">
        <v>11001</v>
      </c>
      <c r="F2761" s="5" t="s">
        <v>5533</v>
      </c>
      <c r="G2761" s="5" t="s">
        <v>5534</v>
      </c>
    </row>
    <row r="2762" spans="1:7">
      <c r="A2762" s="5" t="s">
        <v>7</v>
      </c>
      <c r="B2762" s="5">
        <v>2829</v>
      </c>
      <c r="C2762" s="5" t="s">
        <v>2891</v>
      </c>
      <c r="D2762" s="5" t="s">
        <v>2892</v>
      </c>
      <c r="E2762" s="6">
        <v>13001</v>
      </c>
      <c r="F2762" s="5" t="s">
        <v>5535</v>
      </c>
      <c r="G2762" s="5" t="s">
        <v>5536</v>
      </c>
    </row>
    <row r="2763" spans="1:7">
      <c r="A2763" s="5" t="s">
        <v>7</v>
      </c>
      <c r="B2763" s="5">
        <v>2830</v>
      </c>
      <c r="C2763" s="5" t="s">
        <v>8</v>
      </c>
      <c r="D2763" s="5" t="s">
        <v>8</v>
      </c>
      <c r="E2763" s="6">
        <v>11001</v>
      </c>
      <c r="F2763" s="5" t="s">
        <v>5537</v>
      </c>
      <c r="G2763" s="5" t="s">
        <v>5538</v>
      </c>
    </row>
    <row r="2764" spans="1:7">
      <c r="A2764" s="5" t="s">
        <v>7</v>
      </c>
      <c r="B2764" s="5">
        <v>2831</v>
      </c>
      <c r="C2764" s="5" t="s">
        <v>2891</v>
      </c>
      <c r="D2764" s="5" t="s">
        <v>2892</v>
      </c>
      <c r="E2764" s="6">
        <v>13001</v>
      </c>
      <c r="F2764" s="5" t="s">
        <v>5539</v>
      </c>
      <c r="G2764" s="5" t="s">
        <v>5540</v>
      </c>
    </row>
    <row r="2765" spans="1:7">
      <c r="A2765" s="5" t="s">
        <v>7</v>
      </c>
      <c r="B2765" s="5">
        <v>2832</v>
      </c>
      <c r="C2765" s="5" t="s">
        <v>8</v>
      </c>
      <c r="D2765" s="5" t="s">
        <v>8</v>
      </c>
      <c r="E2765" s="6">
        <v>11001</v>
      </c>
      <c r="F2765" s="5" t="s">
        <v>5541</v>
      </c>
      <c r="G2765" s="5" t="s">
        <v>5542</v>
      </c>
    </row>
    <row r="2766" spans="1:7">
      <c r="A2766" s="5" t="s">
        <v>7</v>
      </c>
      <c r="B2766" s="5">
        <v>2833</v>
      </c>
      <c r="C2766" s="5" t="s">
        <v>8</v>
      </c>
      <c r="D2766" s="5" t="s">
        <v>8</v>
      </c>
      <c r="E2766" s="6">
        <v>11001</v>
      </c>
      <c r="F2766" s="5" t="s">
        <v>5543</v>
      </c>
      <c r="G2766" s="5" t="s">
        <v>5544</v>
      </c>
    </row>
    <row r="2767" spans="1:7">
      <c r="A2767" s="5" t="s">
        <v>7</v>
      </c>
      <c r="B2767" s="5">
        <v>2834</v>
      </c>
      <c r="C2767" s="5" t="s">
        <v>8</v>
      </c>
      <c r="D2767" s="5" t="s">
        <v>8</v>
      </c>
      <c r="E2767" s="6">
        <v>11001</v>
      </c>
      <c r="F2767" s="5" t="s">
        <v>5545</v>
      </c>
      <c r="G2767" s="5" t="s">
        <v>5546</v>
      </c>
    </row>
    <row r="2768" spans="1:7">
      <c r="A2768" s="5" t="s">
        <v>7</v>
      </c>
      <c r="B2768" s="5">
        <v>2835</v>
      </c>
      <c r="C2768" s="5" t="s">
        <v>2891</v>
      </c>
      <c r="D2768" s="5" t="s">
        <v>2892</v>
      </c>
      <c r="E2768" s="6">
        <v>13001</v>
      </c>
      <c r="F2768" s="5" t="s">
        <v>5547</v>
      </c>
      <c r="G2768" s="5" t="s">
        <v>5548</v>
      </c>
    </row>
    <row r="2769" spans="1:7">
      <c r="A2769" s="5" t="s">
        <v>7</v>
      </c>
      <c r="B2769" s="5">
        <v>2836</v>
      </c>
      <c r="C2769" s="5" t="s">
        <v>8</v>
      </c>
      <c r="D2769" s="5" t="s">
        <v>8</v>
      </c>
      <c r="E2769" s="6">
        <v>11001</v>
      </c>
      <c r="F2769" s="5" t="s">
        <v>5549</v>
      </c>
      <c r="G2769" s="5" t="s">
        <v>5550</v>
      </c>
    </row>
    <row r="2770" spans="1:7">
      <c r="A2770" s="5" t="s">
        <v>7</v>
      </c>
      <c r="B2770" s="5">
        <v>2837</v>
      </c>
      <c r="C2770" s="5" t="s">
        <v>2542</v>
      </c>
      <c r="D2770" s="5" t="s">
        <v>2543</v>
      </c>
      <c r="E2770" s="6">
        <v>8001</v>
      </c>
      <c r="F2770" s="5" t="s">
        <v>5551</v>
      </c>
      <c r="G2770" s="5" t="s">
        <v>5552</v>
      </c>
    </row>
    <row r="2771" spans="1:7">
      <c r="A2771" s="5" t="s">
        <v>7</v>
      </c>
      <c r="B2771" s="5">
        <v>2838</v>
      </c>
      <c r="C2771" s="5" t="s">
        <v>8</v>
      </c>
      <c r="D2771" s="5" t="s">
        <v>8</v>
      </c>
      <c r="E2771" s="6">
        <v>11001</v>
      </c>
      <c r="F2771" s="5" t="s">
        <v>5553</v>
      </c>
      <c r="G2771" s="5" t="s">
        <v>5554</v>
      </c>
    </row>
    <row r="2772" spans="1:7">
      <c r="A2772" s="5" t="s">
        <v>7</v>
      </c>
      <c r="B2772" s="5">
        <v>2839</v>
      </c>
      <c r="C2772" s="5" t="s">
        <v>8</v>
      </c>
      <c r="D2772" s="5" t="s">
        <v>8</v>
      </c>
      <c r="E2772" s="6">
        <v>11001</v>
      </c>
      <c r="F2772" s="5" t="s">
        <v>5555</v>
      </c>
      <c r="G2772" s="5" t="s">
        <v>5556</v>
      </c>
    </row>
    <row r="2773" spans="1:7">
      <c r="A2773" s="5" t="s">
        <v>7</v>
      </c>
      <c r="B2773" s="5">
        <v>2840</v>
      </c>
      <c r="C2773" s="5" t="s">
        <v>8</v>
      </c>
      <c r="D2773" s="5" t="s">
        <v>8</v>
      </c>
      <c r="E2773" s="6">
        <v>11001</v>
      </c>
      <c r="F2773" s="5" t="s">
        <v>5557</v>
      </c>
      <c r="G2773" s="5" t="s">
        <v>5558</v>
      </c>
    </row>
    <row r="2774" spans="1:7">
      <c r="A2774" s="5" t="s">
        <v>7</v>
      </c>
      <c r="B2774" s="5">
        <v>2841</v>
      </c>
      <c r="C2774" s="5" t="s">
        <v>5559</v>
      </c>
      <c r="D2774" s="5" t="s">
        <v>5560</v>
      </c>
      <c r="E2774" s="6">
        <v>19455</v>
      </c>
      <c r="F2774" s="5" t="s">
        <v>5561</v>
      </c>
      <c r="G2774" s="5" t="s">
        <v>5562</v>
      </c>
    </row>
    <row r="2775" spans="1:7">
      <c r="A2775" s="5" t="s">
        <v>7</v>
      </c>
      <c r="B2775" s="5">
        <v>2842</v>
      </c>
      <c r="C2775" s="5" t="s">
        <v>2542</v>
      </c>
      <c r="D2775" s="5" t="s">
        <v>2543</v>
      </c>
      <c r="E2775" s="6">
        <v>8001</v>
      </c>
      <c r="F2775" s="5" t="s">
        <v>5563</v>
      </c>
      <c r="G2775" s="5" t="s">
        <v>5564</v>
      </c>
    </row>
    <row r="2776" spans="1:7">
      <c r="A2776" s="5" t="s">
        <v>7</v>
      </c>
      <c r="B2776" s="5">
        <v>2843</v>
      </c>
      <c r="C2776" s="5" t="s">
        <v>3306</v>
      </c>
      <c r="D2776" s="5" t="s">
        <v>3307</v>
      </c>
      <c r="E2776" s="6">
        <v>50226</v>
      </c>
      <c r="F2776" s="5" t="s">
        <v>5565</v>
      </c>
      <c r="G2776" s="5" t="s">
        <v>5566</v>
      </c>
    </row>
    <row r="2777" spans="1:7">
      <c r="A2777" s="5" t="s">
        <v>7</v>
      </c>
      <c r="B2777" s="5">
        <v>2844</v>
      </c>
      <c r="C2777" s="5" t="s">
        <v>8</v>
      </c>
      <c r="D2777" s="5" t="s">
        <v>8</v>
      </c>
      <c r="E2777" s="6">
        <v>11001</v>
      </c>
      <c r="F2777" s="5" t="s">
        <v>5567</v>
      </c>
      <c r="G2777" s="5" t="s">
        <v>5568</v>
      </c>
    </row>
    <row r="2778" spans="1:7">
      <c r="A2778" s="5" t="s">
        <v>7</v>
      </c>
      <c r="B2778" s="5">
        <v>2845</v>
      </c>
      <c r="C2778" s="5" t="s">
        <v>8</v>
      </c>
      <c r="D2778" s="5" t="s">
        <v>8</v>
      </c>
      <c r="E2778" s="6">
        <v>11001</v>
      </c>
      <c r="F2778" s="5" t="s">
        <v>5569</v>
      </c>
      <c r="G2778" s="5" t="s">
        <v>5570</v>
      </c>
    </row>
    <row r="2779" spans="1:7">
      <c r="A2779" s="5" t="s">
        <v>7</v>
      </c>
      <c r="B2779" s="5">
        <v>2846</v>
      </c>
      <c r="C2779" s="5" t="s">
        <v>813</v>
      </c>
      <c r="D2779" s="5" t="s">
        <v>3219</v>
      </c>
      <c r="E2779" s="6">
        <v>25175</v>
      </c>
      <c r="F2779" s="5" t="s">
        <v>5571</v>
      </c>
      <c r="G2779" s="5" t="s">
        <v>5572</v>
      </c>
    </row>
    <row r="2780" spans="1:7">
      <c r="A2780" s="5" t="s">
        <v>7</v>
      </c>
      <c r="B2780" s="5">
        <v>2847</v>
      </c>
      <c r="C2780" s="5" t="s">
        <v>8</v>
      </c>
      <c r="D2780" s="5" t="s">
        <v>8</v>
      </c>
      <c r="E2780" s="6">
        <v>11001</v>
      </c>
      <c r="F2780" s="5" t="s">
        <v>5573</v>
      </c>
      <c r="G2780" s="5" t="s">
        <v>5574</v>
      </c>
    </row>
    <row r="2781" spans="1:7">
      <c r="A2781" s="5" t="s">
        <v>7</v>
      </c>
      <c r="B2781" s="5">
        <v>2848</v>
      </c>
      <c r="C2781" s="5" t="s">
        <v>8</v>
      </c>
      <c r="D2781" s="5" t="s">
        <v>8</v>
      </c>
      <c r="E2781" s="6">
        <v>11001</v>
      </c>
      <c r="F2781" s="5" t="s">
        <v>5575</v>
      </c>
      <c r="G2781" s="5" t="s">
        <v>5576</v>
      </c>
    </row>
    <row r="2782" spans="1:7">
      <c r="A2782" s="5" t="s">
        <v>7</v>
      </c>
      <c r="B2782" s="5">
        <v>2849</v>
      </c>
      <c r="C2782" s="5" t="s">
        <v>8</v>
      </c>
      <c r="D2782" s="5" t="s">
        <v>8</v>
      </c>
      <c r="E2782" s="6">
        <v>11001</v>
      </c>
      <c r="F2782" s="5" t="s">
        <v>5577</v>
      </c>
      <c r="G2782" s="5" t="s">
        <v>5578</v>
      </c>
    </row>
    <row r="2783" spans="1:7">
      <c r="A2783" s="5" t="s">
        <v>7</v>
      </c>
      <c r="B2783" s="5">
        <v>2850</v>
      </c>
      <c r="C2783" s="5" t="s">
        <v>8</v>
      </c>
      <c r="D2783" s="5" t="s">
        <v>8</v>
      </c>
      <c r="E2783" s="6">
        <v>11001</v>
      </c>
      <c r="F2783" s="5" t="s">
        <v>5579</v>
      </c>
      <c r="G2783" s="5" t="s">
        <v>5580</v>
      </c>
    </row>
    <row r="2784" spans="1:7">
      <c r="A2784" s="5" t="s">
        <v>7</v>
      </c>
      <c r="B2784" s="5">
        <v>2851</v>
      </c>
      <c r="C2784" s="5" t="s">
        <v>8</v>
      </c>
      <c r="D2784" s="5" t="s">
        <v>8</v>
      </c>
      <c r="E2784" s="6">
        <v>11001</v>
      </c>
      <c r="F2784" s="5" t="s">
        <v>5581</v>
      </c>
      <c r="G2784" s="5" t="s">
        <v>5582</v>
      </c>
    </row>
    <row r="2785" spans="1:7">
      <c r="A2785" s="5" t="s">
        <v>7</v>
      </c>
      <c r="B2785" s="5">
        <v>2852</v>
      </c>
      <c r="C2785" s="5" t="s">
        <v>2891</v>
      </c>
      <c r="D2785" s="5" t="s">
        <v>2892</v>
      </c>
      <c r="E2785" s="6">
        <v>13001</v>
      </c>
      <c r="F2785" s="5" t="s">
        <v>5583</v>
      </c>
      <c r="G2785" s="5" t="s">
        <v>5584</v>
      </c>
    </row>
    <row r="2786" spans="1:7">
      <c r="A2786" s="5" t="s">
        <v>7</v>
      </c>
      <c r="B2786" s="5">
        <v>2853</v>
      </c>
      <c r="C2786" s="5" t="s">
        <v>3733</v>
      </c>
      <c r="D2786" s="5" t="s">
        <v>5585</v>
      </c>
      <c r="E2786" s="6">
        <v>47053</v>
      </c>
      <c r="F2786" s="5" t="s">
        <v>5586</v>
      </c>
      <c r="G2786" s="5" t="s">
        <v>5587</v>
      </c>
    </row>
    <row r="2787" spans="1:7">
      <c r="A2787" s="5" t="s">
        <v>7</v>
      </c>
      <c r="B2787" s="5">
        <v>2854</v>
      </c>
      <c r="C2787" s="5" t="s">
        <v>2891</v>
      </c>
      <c r="D2787" s="5" t="s">
        <v>2892</v>
      </c>
      <c r="E2787" s="6">
        <v>13001</v>
      </c>
      <c r="F2787" s="5" t="s">
        <v>5588</v>
      </c>
      <c r="G2787" s="5" t="s">
        <v>5589</v>
      </c>
    </row>
    <row r="2788" spans="1:7">
      <c r="A2788" s="5" t="s">
        <v>7</v>
      </c>
      <c r="B2788" s="5">
        <v>2855</v>
      </c>
      <c r="C2788" s="5" t="s">
        <v>2891</v>
      </c>
      <c r="D2788" s="5" t="s">
        <v>2892</v>
      </c>
      <c r="E2788" s="6">
        <v>13001</v>
      </c>
      <c r="F2788" s="5" t="s">
        <v>5590</v>
      </c>
      <c r="G2788" s="5" t="s">
        <v>5591</v>
      </c>
    </row>
    <row r="2789" spans="1:7">
      <c r="A2789" s="5" t="s">
        <v>7</v>
      </c>
      <c r="B2789" s="5">
        <v>2856</v>
      </c>
      <c r="C2789" s="5" t="s">
        <v>2891</v>
      </c>
      <c r="D2789" s="5" t="s">
        <v>2892</v>
      </c>
      <c r="E2789" s="6">
        <v>13001</v>
      </c>
      <c r="F2789" s="5" t="s">
        <v>5592</v>
      </c>
      <c r="G2789" s="5" t="s">
        <v>5593</v>
      </c>
    </row>
    <row r="2790" spans="1:7">
      <c r="A2790" s="5" t="s">
        <v>7</v>
      </c>
      <c r="B2790" s="5">
        <v>2857</v>
      </c>
      <c r="C2790" s="5" t="s">
        <v>8</v>
      </c>
      <c r="D2790" s="5" t="s">
        <v>8</v>
      </c>
      <c r="E2790" s="6">
        <v>11001</v>
      </c>
      <c r="F2790" s="5" t="s">
        <v>5594</v>
      </c>
      <c r="G2790" s="5" t="s">
        <v>5595</v>
      </c>
    </row>
    <row r="2791" spans="1:7">
      <c r="A2791" s="5" t="s">
        <v>7</v>
      </c>
      <c r="B2791" s="5">
        <v>2858</v>
      </c>
      <c r="C2791" s="5" t="s">
        <v>8</v>
      </c>
      <c r="D2791" s="5" t="s">
        <v>8</v>
      </c>
      <c r="E2791" s="6">
        <v>11001</v>
      </c>
      <c r="F2791" s="5" t="s">
        <v>5596</v>
      </c>
      <c r="G2791" s="5" t="s">
        <v>5597</v>
      </c>
    </row>
    <row r="2792" spans="1:7">
      <c r="A2792" s="5" t="s">
        <v>7</v>
      </c>
      <c r="B2792" s="5">
        <v>2859</v>
      </c>
      <c r="C2792" s="5" t="s">
        <v>813</v>
      </c>
      <c r="D2792" s="5" t="s">
        <v>814</v>
      </c>
      <c r="E2792" s="6">
        <v>25754</v>
      </c>
      <c r="F2792" s="5" t="s">
        <v>5598</v>
      </c>
      <c r="G2792" s="5" t="s">
        <v>5599</v>
      </c>
    </row>
    <row r="2793" spans="1:7">
      <c r="A2793" s="5" t="s">
        <v>7</v>
      </c>
      <c r="B2793" s="5">
        <v>2860</v>
      </c>
      <c r="C2793" s="5" t="s">
        <v>8</v>
      </c>
      <c r="D2793" s="5" t="s">
        <v>8</v>
      </c>
      <c r="E2793" s="6">
        <v>11001</v>
      </c>
      <c r="F2793" s="5" t="s">
        <v>5600</v>
      </c>
      <c r="G2793" s="5" t="s">
        <v>5601</v>
      </c>
    </row>
    <row r="2794" spans="1:7">
      <c r="A2794" s="5" t="s">
        <v>7</v>
      </c>
      <c r="B2794" s="5">
        <v>2861</v>
      </c>
      <c r="C2794" s="5" t="s">
        <v>8</v>
      </c>
      <c r="D2794" s="5" t="s">
        <v>8</v>
      </c>
      <c r="E2794" s="6">
        <v>11001</v>
      </c>
      <c r="F2794" s="5" t="s">
        <v>1620</v>
      </c>
      <c r="G2794" s="5" t="s">
        <v>5602</v>
      </c>
    </row>
    <row r="2795" spans="1:7">
      <c r="A2795" s="5" t="s">
        <v>7</v>
      </c>
      <c r="B2795" s="5">
        <v>2862</v>
      </c>
      <c r="C2795" s="5" t="s">
        <v>2891</v>
      </c>
      <c r="D2795" s="5" t="s">
        <v>2892</v>
      </c>
      <c r="E2795" s="6">
        <v>13001</v>
      </c>
      <c r="F2795" s="5" t="s">
        <v>5603</v>
      </c>
      <c r="G2795" s="5" t="s">
        <v>5604</v>
      </c>
    </row>
    <row r="2796" spans="1:7">
      <c r="A2796" s="5" t="s">
        <v>7</v>
      </c>
      <c r="B2796" s="5">
        <v>2863</v>
      </c>
      <c r="C2796" s="5" t="s">
        <v>8</v>
      </c>
      <c r="D2796" s="5" t="s">
        <v>8</v>
      </c>
      <c r="E2796" s="6">
        <v>11001</v>
      </c>
      <c r="F2796" s="5" t="s">
        <v>5605</v>
      </c>
      <c r="G2796" s="5" t="s">
        <v>5606</v>
      </c>
    </row>
    <row r="2797" spans="1:7">
      <c r="A2797" s="5" t="s">
        <v>7</v>
      </c>
      <c r="B2797" s="5">
        <v>2864</v>
      </c>
      <c r="C2797" s="5" t="s">
        <v>8</v>
      </c>
      <c r="D2797" s="5" t="s">
        <v>8</v>
      </c>
      <c r="E2797" s="6">
        <v>11001</v>
      </c>
      <c r="F2797" s="5" t="s">
        <v>5607</v>
      </c>
      <c r="G2797" s="5" t="s">
        <v>5608</v>
      </c>
    </row>
    <row r="2798" spans="1:7">
      <c r="A2798" s="5" t="s">
        <v>7</v>
      </c>
      <c r="B2798" s="5">
        <v>2865</v>
      </c>
      <c r="C2798" s="5" t="s">
        <v>8</v>
      </c>
      <c r="D2798" s="5" t="s">
        <v>8</v>
      </c>
      <c r="E2798" s="6">
        <v>11001</v>
      </c>
      <c r="F2798" s="5" t="s">
        <v>5609</v>
      </c>
      <c r="G2798" s="5" t="s">
        <v>5610</v>
      </c>
    </row>
    <row r="2799" spans="1:7">
      <c r="A2799" s="5" t="s">
        <v>7</v>
      </c>
      <c r="B2799" s="5">
        <v>2866</v>
      </c>
      <c r="C2799" s="5" t="s">
        <v>813</v>
      </c>
      <c r="D2799" s="5" t="s">
        <v>814</v>
      </c>
      <c r="E2799" s="6">
        <v>25754</v>
      </c>
      <c r="F2799" s="5" t="s">
        <v>5611</v>
      </c>
      <c r="G2799" s="5" t="s">
        <v>5612</v>
      </c>
    </row>
    <row r="2800" spans="1:7">
      <c r="A2800" s="5" t="s">
        <v>7</v>
      </c>
      <c r="B2800" s="5">
        <v>2867</v>
      </c>
      <c r="C2800" s="5" t="s">
        <v>8</v>
      </c>
      <c r="D2800" s="5" t="s">
        <v>8</v>
      </c>
      <c r="E2800" s="6">
        <v>11001</v>
      </c>
      <c r="F2800" s="5" t="s">
        <v>5613</v>
      </c>
      <c r="G2800" s="5" t="s">
        <v>5614</v>
      </c>
    </row>
    <row r="2801" spans="1:7">
      <c r="A2801" s="5" t="s">
        <v>7</v>
      </c>
      <c r="B2801" s="5">
        <v>2868</v>
      </c>
      <c r="C2801" s="5" t="s">
        <v>8</v>
      </c>
      <c r="D2801" s="5" t="s">
        <v>8</v>
      </c>
      <c r="E2801" s="6">
        <v>11001</v>
      </c>
      <c r="F2801" s="5" t="s">
        <v>5615</v>
      </c>
      <c r="G2801" s="5" t="s">
        <v>5616</v>
      </c>
    </row>
    <row r="2802" spans="1:7">
      <c r="A2802" s="5" t="s">
        <v>7</v>
      </c>
      <c r="B2802" s="5">
        <v>2869</v>
      </c>
      <c r="C2802" s="5" t="s">
        <v>8</v>
      </c>
      <c r="D2802" s="5" t="s">
        <v>8</v>
      </c>
      <c r="E2802" s="6">
        <v>11001</v>
      </c>
      <c r="F2802" s="5" t="s">
        <v>5617</v>
      </c>
      <c r="G2802" s="5" t="s">
        <v>5618</v>
      </c>
    </row>
    <row r="2803" spans="1:7">
      <c r="A2803" s="5" t="s">
        <v>7</v>
      </c>
      <c r="B2803" s="5">
        <v>2870</v>
      </c>
      <c r="C2803" s="5" t="s">
        <v>813</v>
      </c>
      <c r="D2803" s="5" t="s">
        <v>2842</v>
      </c>
      <c r="E2803" s="6">
        <v>25899</v>
      </c>
      <c r="F2803" s="5" t="s">
        <v>5619</v>
      </c>
      <c r="G2803" s="5" t="s">
        <v>5620</v>
      </c>
    </row>
    <row r="2804" spans="1:7">
      <c r="A2804" s="5" t="s">
        <v>7</v>
      </c>
      <c r="B2804" s="5">
        <v>2871</v>
      </c>
      <c r="C2804" s="5" t="s">
        <v>813</v>
      </c>
      <c r="D2804" s="5" t="s">
        <v>2842</v>
      </c>
      <c r="E2804" s="6">
        <v>25899</v>
      </c>
      <c r="F2804" s="5" t="s">
        <v>5621</v>
      </c>
      <c r="G2804" s="5" t="s">
        <v>5622</v>
      </c>
    </row>
    <row r="2805" spans="1:7">
      <c r="A2805" s="5" t="s">
        <v>7</v>
      </c>
      <c r="B2805" s="5">
        <v>2872</v>
      </c>
      <c r="C2805" s="5" t="s">
        <v>8</v>
      </c>
      <c r="D2805" s="5" t="s">
        <v>8</v>
      </c>
      <c r="E2805" s="6">
        <v>11001</v>
      </c>
      <c r="F2805" s="5" t="s">
        <v>5623</v>
      </c>
      <c r="G2805" s="5" t="s">
        <v>5624</v>
      </c>
    </row>
    <row r="2806" spans="1:7">
      <c r="A2806" s="5" t="s">
        <v>7</v>
      </c>
      <c r="B2806" s="5">
        <v>2873</v>
      </c>
      <c r="C2806" s="5" t="s">
        <v>8</v>
      </c>
      <c r="D2806" s="5" t="s">
        <v>8</v>
      </c>
      <c r="E2806" s="6">
        <v>11001</v>
      </c>
      <c r="F2806" s="5" t="s">
        <v>5625</v>
      </c>
      <c r="G2806" s="5" t="s">
        <v>5626</v>
      </c>
    </row>
    <row r="2807" spans="1:7">
      <c r="A2807" s="5" t="s">
        <v>7</v>
      </c>
      <c r="B2807" s="5">
        <v>2874</v>
      </c>
      <c r="C2807" s="5" t="s">
        <v>8</v>
      </c>
      <c r="D2807" s="5" t="s">
        <v>8</v>
      </c>
      <c r="E2807" s="6">
        <v>11001</v>
      </c>
      <c r="F2807" s="5" t="s">
        <v>5627</v>
      </c>
      <c r="G2807" s="5" t="s">
        <v>5628</v>
      </c>
    </row>
    <row r="2808" spans="1:7">
      <c r="A2808" s="5" t="s">
        <v>7</v>
      </c>
      <c r="B2808" s="5">
        <v>2875</v>
      </c>
      <c r="C2808" s="5" t="s">
        <v>8</v>
      </c>
      <c r="D2808" s="5" t="s">
        <v>8</v>
      </c>
      <c r="E2808" s="6">
        <v>11001</v>
      </c>
      <c r="F2808" s="5" t="s">
        <v>5629</v>
      </c>
      <c r="G2808" s="5" t="s">
        <v>5630</v>
      </c>
    </row>
    <row r="2809" spans="1:7">
      <c r="A2809" s="5" t="s">
        <v>7</v>
      </c>
      <c r="B2809" s="5">
        <v>2876</v>
      </c>
      <c r="C2809" s="5" t="s">
        <v>8</v>
      </c>
      <c r="D2809" s="5" t="s">
        <v>8</v>
      </c>
      <c r="E2809" s="6">
        <v>11001</v>
      </c>
      <c r="F2809" s="5" t="s">
        <v>5631</v>
      </c>
      <c r="G2809" s="5" t="s">
        <v>5632</v>
      </c>
    </row>
    <row r="2810" spans="1:7">
      <c r="A2810" s="5" t="s">
        <v>7</v>
      </c>
      <c r="B2810" s="5">
        <v>2877</v>
      </c>
      <c r="C2810" s="5" t="s">
        <v>8</v>
      </c>
      <c r="D2810" s="5" t="s">
        <v>8</v>
      </c>
      <c r="E2810" s="6">
        <v>11001</v>
      </c>
      <c r="F2810" s="5" t="s">
        <v>5633</v>
      </c>
      <c r="G2810" s="5" t="s">
        <v>5634</v>
      </c>
    </row>
    <row r="2811" spans="1:7">
      <c r="A2811" s="5" t="s">
        <v>7</v>
      </c>
      <c r="B2811" s="5">
        <v>2878</v>
      </c>
      <c r="C2811" s="5" t="s">
        <v>8</v>
      </c>
      <c r="D2811" s="5" t="s">
        <v>8</v>
      </c>
      <c r="E2811" s="6">
        <v>11001</v>
      </c>
      <c r="F2811" s="5" t="s">
        <v>5635</v>
      </c>
      <c r="G2811" s="5" t="s">
        <v>5636</v>
      </c>
    </row>
    <row r="2812" spans="1:7">
      <c r="A2812" s="5" t="s">
        <v>7</v>
      </c>
      <c r="B2812" s="5">
        <v>2879</v>
      </c>
      <c r="C2812" s="5" t="s">
        <v>8</v>
      </c>
      <c r="D2812" s="5" t="s">
        <v>8</v>
      </c>
      <c r="E2812" s="6">
        <v>11001</v>
      </c>
      <c r="F2812" s="5" t="s">
        <v>5637</v>
      </c>
      <c r="G2812" s="5" t="s">
        <v>5638</v>
      </c>
    </row>
    <row r="2813" spans="1:7">
      <c r="A2813" s="5" t="s">
        <v>7</v>
      </c>
      <c r="B2813" s="5">
        <v>2880</v>
      </c>
      <c r="C2813" s="5" t="s">
        <v>8</v>
      </c>
      <c r="D2813" s="5" t="s">
        <v>8</v>
      </c>
      <c r="E2813" s="6">
        <v>11001</v>
      </c>
      <c r="F2813" s="5" t="s">
        <v>5639</v>
      </c>
      <c r="G2813" s="5" t="s">
        <v>5640</v>
      </c>
    </row>
    <row r="2814" spans="1:7">
      <c r="A2814" s="5" t="s">
        <v>7</v>
      </c>
      <c r="B2814" s="5">
        <v>2881</v>
      </c>
      <c r="C2814" s="5" t="s">
        <v>8</v>
      </c>
      <c r="D2814" s="5" t="s">
        <v>8</v>
      </c>
      <c r="E2814" s="6">
        <v>11001</v>
      </c>
      <c r="F2814" s="5" t="s">
        <v>5641</v>
      </c>
      <c r="G2814" s="5" t="s">
        <v>5642</v>
      </c>
    </row>
    <row r="2815" spans="1:7">
      <c r="A2815" s="5" t="s">
        <v>7</v>
      </c>
      <c r="B2815" s="5">
        <v>2882</v>
      </c>
      <c r="C2815" s="5" t="s">
        <v>8</v>
      </c>
      <c r="D2815" s="5" t="s">
        <v>8</v>
      </c>
      <c r="E2815" s="6">
        <v>11001</v>
      </c>
      <c r="F2815" s="5" t="s">
        <v>5643</v>
      </c>
      <c r="G2815" s="5" t="s">
        <v>5644</v>
      </c>
    </row>
    <row r="2816" spans="1:7">
      <c r="A2816" s="5" t="s">
        <v>7</v>
      </c>
      <c r="B2816" s="5">
        <v>2883</v>
      </c>
      <c r="C2816" s="5" t="s">
        <v>8</v>
      </c>
      <c r="D2816" s="5" t="s">
        <v>8</v>
      </c>
      <c r="E2816" s="6">
        <v>11001</v>
      </c>
      <c r="F2816" s="5" t="s">
        <v>5645</v>
      </c>
      <c r="G2816" s="5" t="s">
        <v>5646</v>
      </c>
    </row>
    <row r="2817" spans="1:7">
      <c r="A2817" s="5" t="s">
        <v>7</v>
      </c>
      <c r="B2817" s="5">
        <v>2884</v>
      </c>
      <c r="C2817" s="5" t="s">
        <v>813</v>
      </c>
      <c r="D2817" s="5" t="s">
        <v>814</v>
      </c>
      <c r="E2817" s="6">
        <v>25754</v>
      </c>
      <c r="F2817" s="5" t="s">
        <v>5647</v>
      </c>
      <c r="G2817" s="5" t="s">
        <v>5648</v>
      </c>
    </row>
    <row r="2818" spans="1:7">
      <c r="A2818" s="5" t="s">
        <v>7</v>
      </c>
      <c r="B2818" s="5">
        <v>2885</v>
      </c>
      <c r="C2818" s="5" t="s">
        <v>8</v>
      </c>
      <c r="D2818" s="5" t="s">
        <v>8</v>
      </c>
      <c r="E2818" s="6">
        <v>11001</v>
      </c>
      <c r="F2818" s="5" t="s">
        <v>5649</v>
      </c>
      <c r="G2818" s="5" t="s">
        <v>5650</v>
      </c>
    </row>
    <row r="2819" spans="1:7">
      <c r="A2819" s="5" t="s">
        <v>7</v>
      </c>
      <c r="B2819" s="5">
        <v>2886</v>
      </c>
      <c r="C2819" s="5" t="s">
        <v>813</v>
      </c>
      <c r="D2819" s="5" t="s">
        <v>2842</v>
      </c>
      <c r="E2819" s="6">
        <v>25899</v>
      </c>
      <c r="F2819" s="5" t="s">
        <v>5651</v>
      </c>
      <c r="G2819" s="5" t="s">
        <v>5652</v>
      </c>
    </row>
    <row r="2820" spans="1:7">
      <c r="A2820" s="5" t="s">
        <v>7</v>
      </c>
      <c r="B2820" s="5">
        <v>2887</v>
      </c>
      <c r="C2820" s="5" t="s">
        <v>813</v>
      </c>
      <c r="D2820" s="5" t="s">
        <v>2842</v>
      </c>
      <c r="E2820" s="6">
        <v>25899</v>
      </c>
      <c r="F2820" s="5" t="s">
        <v>5653</v>
      </c>
      <c r="G2820" s="5" t="s">
        <v>5654</v>
      </c>
    </row>
    <row r="2821" spans="1:7">
      <c r="A2821" s="5" t="s">
        <v>7</v>
      </c>
      <c r="B2821" s="5">
        <v>2888</v>
      </c>
      <c r="C2821" s="5" t="s">
        <v>8</v>
      </c>
      <c r="D2821" s="5" t="s">
        <v>8</v>
      </c>
      <c r="E2821" s="6">
        <v>11001</v>
      </c>
      <c r="F2821" s="5" t="s">
        <v>5655</v>
      </c>
      <c r="G2821" s="5" t="s">
        <v>5656</v>
      </c>
    </row>
    <row r="2822" spans="1:7">
      <c r="A2822" s="5" t="s">
        <v>7</v>
      </c>
      <c r="B2822" s="5">
        <v>2889</v>
      </c>
      <c r="C2822" s="5" t="s">
        <v>2542</v>
      </c>
      <c r="D2822" s="5" t="s">
        <v>2543</v>
      </c>
      <c r="E2822" s="6">
        <v>8001</v>
      </c>
      <c r="F2822" s="5" t="s">
        <v>5657</v>
      </c>
      <c r="G2822" s="5" t="s">
        <v>5658</v>
      </c>
    </row>
    <row r="2823" spans="1:7">
      <c r="A2823" s="5" t="s">
        <v>7</v>
      </c>
      <c r="B2823" s="5">
        <v>2890</v>
      </c>
      <c r="C2823" s="5" t="s">
        <v>2542</v>
      </c>
      <c r="D2823" s="5" t="s">
        <v>2543</v>
      </c>
      <c r="E2823" s="6">
        <v>8001</v>
      </c>
      <c r="F2823" s="5" t="s">
        <v>5659</v>
      </c>
      <c r="G2823" s="5" t="s">
        <v>5660</v>
      </c>
    </row>
    <row r="2824" spans="1:7">
      <c r="A2824" s="5" t="s">
        <v>7</v>
      </c>
      <c r="B2824" s="5">
        <v>2891</v>
      </c>
      <c r="C2824" s="5" t="s">
        <v>8</v>
      </c>
      <c r="D2824" s="5" t="s">
        <v>8</v>
      </c>
      <c r="E2824" s="6">
        <v>11001</v>
      </c>
      <c r="F2824" s="5" t="s">
        <v>5661</v>
      </c>
      <c r="G2824" s="5" t="s">
        <v>5662</v>
      </c>
    </row>
    <row r="2825" spans="1:7">
      <c r="A2825" s="5" t="s">
        <v>7</v>
      </c>
      <c r="B2825" s="5">
        <v>2892</v>
      </c>
      <c r="C2825" s="5" t="s">
        <v>8</v>
      </c>
      <c r="D2825" s="5" t="s">
        <v>8</v>
      </c>
      <c r="E2825" s="6">
        <v>11001</v>
      </c>
      <c r="F2825" s="5" t="s">
        <v>5663</v>
      </c>
      <c r="G2825" s="5" t="s">
        <v>5664</v>
      </c>
    </row>
    <row r="2826" spans="1:7">
      <c r="A2826" s="5" t="s">
        <v>7</v>
      </c>
      <c r="B2826" s="5">
        <v>2893</v>
      </c>
      <c r="C2826" s="5" t="s">
        <v>8</v>
      </c>
      <c r="D2826" s="5" t="s">
        <v>8</v>
      </c>
      <c r="E2826" s="6">
        <v>11001</v>
      </c>
      <c r="F2826" s="5" t="s">
        <v>5665</v>
      </c>
      <c r="G2826" s="5" t="s">
        <v>5666</v>
      </c>
    </row>
    <row r="2827" spans="1:7">
      <c r="A2827" s="5" t="s">
        <v>7</v>
      </c>
      <c r="B2827" s="5">
        <v>2894</v>
      </c>
      <c r="C2827" s="5" t="s">
        <v>8</v>
      </c>
      <c r="D2827" s="5" t="s">
        <v>8</v>
      </c>
      <c r="E2827" s="6">
        <v>11001</v>
      </c>
      <c r="F2827" s="5" t="s">
        <v>5667</v>
      </c>
      <c r="G2827" s="5" t="s">
        <v>5668</v>
      </c>
    </row>
    <row r="2828" spans="1:7">
      <c r="A2828" s="5" t="s">
        <v>7</v>
      </c>
      <c r="B2828" s="5">
        <v>2895</v>
      </c>
      <c r="C2828" s="5" t="s">
        <v>2542</v>
      </c>
      <c r="D2828" s="5" t="s">
        <v>2543</v>
      </c>
      <c r="E2828" s="6">
        <v>8001</v>
      </c>
      <c r="F2828" s="5" t="s">
        <v>5669</v>
      </c>
      <c r="G2828" s="5" t="s">
        <v>5670</v>
      </c>
    </row>
    <row r="2829" spans="1:7">
      <c r="A2829" s="5" t="s">
        <v>7</v>
      </c>
      <c r="B2829" s="5">
        <v>2896</v>
      </c>
      <c r="C2829" s="5" t="s">
        <v>3926</v>
      </c>
      <c r="D2829" s="5" t="s">
        <v>3927</v>
      </c>
      <c r="E2829" s="6">
        <v>41001</v>
      </c>
      <c r="F2829" s="5" t="s">
        <v>5671</v>
      </c>
      <c r="G2829" s="5" t="s">
        <v>5672</v>
      </c>
    </row>
    <row r="2830" spans="1:7">
      <c r="A2830" s="5" t="s">
        <v>7</v>
      </c>
      <c r="B2830" s="5">
        <v>2897</v>
      </c>
      <c r="C2830" s="5" t="s">
        <v>8</v>
      </c>
      <c r="D2830" s="5" t="s">
        <v>8</v>
      </c>
      <c r="E2830" s="6">
        <v>11001</v>
      </c>
      <c r="F2830" s="5" t="s">
        <v>5673</v>
      </c>
      <c r="G2830" s="5" t="s">
        <v>5674</v>
      </c>
    </row>
    <row r="2831" spans="1:7">
      <c r="A2831" s="5" t="s">
        <v>7</v>
      </c>
      <c r="B2831" s="5">
        <v>2898</v>
      </c>
      <c r="C2831" s="5" t="s">
        <v>8</v>
      </c>
      <c r="D2831" s="5" t="s">
        <v>8</v>
      </c>
      <c r="E2831" s="6">
        <v>11001</v>
      </c>
      <c r="F2831" s="5" t="s">
        <v>5675</v>
      </c>
      <c r="G2831" s="5" t="s">
        <v>5676</v>
      </c>
    </row>
    <row r="2832" spans="1:7">
      <c r="A2832" s="5" t="s">
        <v>7</v>
      </c>
      <c r="B2832" s="5">
        <v>2899</v>
      </c>
      <c r="C2832" s="5" t="s">
        <v>8</v>
      </c>
      <c r="D2832" s="5" t="s">
        <v>8</v>
      </c>
      <c r="E2832" s="6">
        <v>11001</v>
      </c>
      <c r="F2832" s="5" t="s">
        <v>5677</v>
      </c>
      <c r="G2832" s="5" t="s">
        <v>5678</v>
      </c>
    </row>
    <row r="2833" spans="1:7">
      <c r="A2833" s="5" t="s">
        <v>7</v>
      </c>
      <c r="B2833" s="5">
        <v>2900</v>
      </c>
      <c r="C2833" s="5" t="s">
        <v>8</v>
      </c>
      <c r="D2833" s="5" t="s">
        <v>8</v>
      </c>
      <c r="E2833" s="6">
        <v>11001</v>
      </c>
      <c r="F2833" s="5" t="s">
        <v>5679</v>
      </c>
      <c r="G2833" s="5" t="s">
        <v>5680</v>
      </c>
    </row>
    <row r="2834" spans="1:7">
      <c r="A2834" s="5" t="s">
        <v>7</v>
      </c>
      <c r="B2834" s="5">
        <v>2901</v>
      </c>
      <c r="C2834" s="5" t="s">
        <v>2891</v>
      </c>
      <c r="D2834" s="5" t="s">
        <v>2892</v>
      </c>
      <c r="E2834" s="6">
        <v>13001</v>
      </c>
      <c r="F2834" s="5" t="s">
        <v>5681</v>
      </c>
      <c r="G2834" s="5" t="s">
        <v>5682</v>
      </c>
    </row>
    <row r="2835" spans="1:7">
      <c r="A2835" s="5" t="s">
        <v>7</v>
      </c>
      <c r="B2835" s="5">
        <v>2902</v>
      </c>
      <c r="C2835" s="5" t="s">
        <v>2891</v>
      </c>
      <c r="D2835" s="5" t="s">
        <v>2892</v>
      </c>
      <c r="E2835" s="6">
        <v>13001</v>
      </c>
      <c r="F2835" s="5" t="s">
        <v>5683</v>
      </c>
      <c r="G2835" s="5" t="s">
        <v>5684</v>
      </c>
    </row>
    <row r="2836" spans="1:7">
      <c r="A2836" s="5" t="s">
        <v>7</v>
      </c>
      <c r="B2836" s="5">
        <v>2903</v>
      </c>
      <c r="C2836" s="5" t="s">
        <v>8</v>
      </c>
      <c r="D2836" s="5" t="s">
        <v>8</v>
      </c>
      <c r="E2836" s="6">
        <v>11001</v>
      </c>
      <c r="F2836" s="5" t="s">
        <v>5685</v>
      </c>
      <c r="G2836" s="5" t="s">
        <v>5686</v>
      </c>
    </row>
    <row r="2837" spans="1:7">
      <c r="A2837" s="5" t="s">
        <v>7</v>
      </c>
      <c r="B2837" s="5">
        <v>2904</v>
      </c>
      <c r="C2837" s="5" t="s">
        <v>813</v>
      </c>
      <c r="D2837" s="5" t="s">
        <v>3219</v>
      </c>
      <c r="E2837" s="6">
        <v>25175</v>
      </c>
      <c r="F2837" s="5" t="s">
        <v>5687</v>
      </c>
      <c r="G2837" s="5" t="s">
        <v>5688</v>
      </c>
    </row>
    <row r="2838" spans="1:7">
      <c r="A2838" s="5" t="s">
        <v>7</v>
      </c>
      <c r="B2838" s="5">
        <v>2905</v>
      </c>
      <c r="C2838" s="5" t="s">
        <v>2542</v>
      </c>
      <c r="D2838" s="5" t="s">
        <v>2543</v>
      </c>
      <c r="E2838" s="6">
        <v>8001</v>
      </c>
      <c r="F2838" s="5" t="s">
        <v>5689</v>
      </c>
      <c r="G2838" s="5" t="s">
        <v>5690</v>
      </c>
    </row>
    <row r="2839" spans="1:7">
      <c r="A2839" s="5" t="s">
        <v>7</v>
      </c>
      <c r="B2839" s="5">
        <v>2906</v>
      </c>
      <c r="C2839" s="5" t="s">
        <v>8</v>
      </c>
      <c r="D2839" s="5" t="s">
        <v>8</v>
      </c>
      <c r="E2839" s="6">
        <v>11001</v>
      </c>
      <c r="F2839" s="5" t="s">
        <v>5691</v>
      </c>
      <c r="G2839" s="5" t="s">
        <v>5692</v>
      </c>
    </row>
    <row r="2840" spans="1:7">
      <c r="A2840" s="5" t="s">
        <v>7</v>
      </c>
      <c r="B2840" s="5">
        <v>2907</v>
      </c>
      <c r="C2840" s="5" t="s">
        <v>2891</v>
      </c>
      <c r="D2840" s="5" t="s">
        <v>2892</v>
      </c>
      <c r="E2840" s="6">
        <v>13001</v>
      </c>
      <c r="F2840" s="5" t="s">
        <v>5693</v>
      </c>
      <c r="G2840" s="5" t="s">
        <v>5694</v>
      </c>
    </row>
    <row r="2841" spans="1:7">
      <c r="A2841" s="5" t="s">
        <v>7</v>
      </c>
      <c r="B2841" s="5">
        <v>2908</v>
      </c>
      <c r="C2841" s="5" t="s">
        <v>2891</v>
      </c>
      <c r="D2841" s="5" t="s">
        <v>2892</v>
      </c>
      <c r="E2841" s="6">
        <v>13001</v>
      </c>
      <c r="F2841" s="5" t="s">
        <v>5695</v>
      </c>
      <c r="G2841" s="5" t="s">
        <v>5696</v>
      </c>
    </row>
    <row r="2842" spans="1:7">
      <c r="A2842" s="5" t="s">
        <v>7</v>
      </c>
      <c r="B2842" s="5">
        <v>2909</v>
      </c>
      <c r="C2842" s="5" t="s">
        <v>2891</v>
      </c>
      <c r="D2842" s="5" t="s">
        <v>2892</v>
      </c>
      <c r="E2842" s="6">
        <v>13001</v>
      </c>
      <c r="F2842" s="5" t="s">
        <v>5697</v>
      </c>
      <c r="G2842" s="5" t="s">
        <v>5698</v>
      </c>
    </row>
    <row r="2843" spans="1:7">
      <c r="A2843" s="5" t="s">
        <v>7</v>
      </c>
      <c r="B2843" s="5">
        <v>2910</v>
      </c>
      <c r="C2843" s="5" t="s">
        <v>2891</v>
      </c>
      <c r="D2843" s="5" t="s">
        <v>2892</v>
      </c>
      <c r="E2843" s="6">
        <v>13001</v>
      </c>
      <c r="F2843" s="5" t="s">
        <v>5699</v>
      </c>
      <c r="G2843" s="5" t="s">
        <v>5700</v>
      </c>
    </row>
    <row r="2844" spans="1:7">
      <c r="A2844" s="5" t="s">
        <v>7</v>
      </c>
      <c r="B2844" s="5">
        <v>2911</v>
      </c>
      <c r="C2844" s="5" t="s">
        <v>8</v>
      </c>
      <c r="D2844" s="5" t="s">
        <v>8</v>
      </c>
      <c r="E2844" s="6">
        <v>11001</v>
      </c>
      <c r="F2844" s="5" t="s">
        <v>5701</v>
      </c>
      <c r="G2844" s="5" t="s">
        <v>5702</v>
      </c>
    </row>
    <row r="2845" spans="1:7">
      <c r="A2845" s="5" t="s">
        <v>7</v>
      </c>
      <c r="B2845" s="5">
        <v>2912</v>
      </c>
      <c r="C2845" s="5" t="s">
        <v>8</v>
      </c>
      <c r="D2845" s="5" t="s">
        <v>8</v>
      </c>
      <c r="E2845" s="6">
        <v>11001</v>
      </c>
      <c r="F2845" s="5" t="s">
        <v>5703</v>
      </c>
      <c r="G2845" s="5" t="s">
        <v>5704</v>
      </c>
    </row>
    <row r="2846" spans="1:7">
      <c r="A2846" s="5" t="s">
        <v>7</v>
      </c>
      <c r="B2846" s="5">
        <v>2913</v>
      </c>
      <c r="C2846" s="5" t="s">
        <v>813</v>
      </c>
      <c r="D2846" s="5" t="s">
        <v>2842</v>
      </c>
      <c r="E2846" s="6">
        <v>25899</v>
      </c>
      <c r="F2846" s="5" t="s">
        <v>5705</v>
      </c>
      <c r="G2846" s="5" t="s">
        <v>5706</v>
      </c>
    </row>
    <row r="2847" spans="1:7">
      <c r="A2847" s="5" t="s">
        <v>7</v>
      </c>
      <c r="B2847" s="5">
        <v>2914</v>
      </c>
      <c r="C2847" s="5" t="s">
        <v>8</v>
      </c>
      <c r="D2847" s="5" t="s">
        <v>8</v>
      </c>
      <c r="E2847" s="6">
        <v>11001</v>
      </c>
      <c r="F2847" s="5" t="s">
        <v>5707</v>
      </c>
      <c r="G2847" s="5" t="s">
        <v>5708</v>
      </c>
    </row>
    <row r="2848" spans="1:7">
      <c r="A2848" s="5" t="s">
        <v>7</v>
      </c>
      <c r="B2848" s="5">
        <v>2915</v>
      </c>
      <c r="C2848" s="5" t="s">
        <v>8</v>
      </c>
      <c r="D2848" s="5" t="s">
        <v>8</v>
      </c>
      <c r="E2848" s="6">
        <v>11001</v>
      </c>
      <c r="F2848" s="5" t="s">
        <v>5709</v>
      </c>
      <c r="G2848" s="5" t="s">
        <v>5710</v>
      </c>
    </row>
    <row r="2849" spans="1:7">
      <c r="A2849" s="5" t="s">
        <v>7</v>
      </c>
      <c r="B2849" s="5">
        <v>2916</v>
      </c>
      <c r="C2849" s="5" t="s">
        <v>2891</v>
      </c>
      <c r="D2849" s="5" t="s">
        <v>2892</v>
      </c>
      <c r="E2849" s="6">
        <v>13001</v>
      </c>
      <c r="F2849" s="5" t="s">
        <v>5711</v>
      </c>
      <c r="G2849" s="5" t="s">
        <v>5712</v>
      </c>
    </row>
    <row r="2850" spans="1:7">
      <c r="A2850" s="5" t="s">
        <v>7</v>
      </c>
      <c r="B2850" s="5">
        <v>2917</v>
      </c>
      <c r="C2850" s="5" t="s">
        <v>8</v>
      </c>
      <c r="D2850" s="5" t="s">
        <v>8</v>
      </c>
      <c r="E2850" s="6">
        <v>11001</v>
      </c>
      <c r="F2850" s="5" t="s">
        <v>5713</v>
      </c>
      <c r="G2850" s="5" t="s">
        <v>5714</v>
      </c>
    </row>
    <row r="2851" spans="1:7">
      <c r="A2851" s="5" t="s">
        <v>7</v>
      </c>
      <c r="B2851" s="5">
        <v>2918</v>
      </c>
      <c r="C2851" s="5" t="s">
        <v>8</v>
      </c>
      <c r="D2851" s="5" t="s">
        <v>8</v>
      </c>
      <c r="E2851" s="6">
        <v>11001</v>
      </c>
      <c r="F2851" s="5" t="s">
        <v>5715</v>
      </c>
      <c r="G2851" s="5" t="s">
        <v>5716</v>
      </c>
    </row>
    <row r="2852" spans="1:7">
      <c r="A2852" s="5" t="s">
        <v>7</v>
      </c>
      <c r="B2852" s="5">
        <v>2919</v>
      </c>
      <c r="C2852" s="5" t="s">
        <v>813</v>
      </c>
      <c r="D2852" s="5" t="s">
        <v>814</v>
      </c>
      <c r="E2852" s="6">
        <v>25754</v>
      </c>
      <c r="F2852" s="5" t="s">
        <v>5717</v>
      </c>
      <c r="G2852" s="5" t="s">
        <v>5718</v>
      </c>
    </row>
    <row r="2853" spans="1:7">
      <c r="A2853" s="5" t="s">
        <v>7</v>
      </c>
      <c r="B2853" s="5">
        <v>2920</v>
      </c>
      <c r="C2853" s="5" t="s">
        <v>8</v>
      </c>
      <c r="D2853" s="5" t="s">
        <v>8</v>
      </c>
      <c r="E2853" s="6">
        <v>11001</v>
      </c>
      <c r="F2853" s="5" t="s">
        <v>5719</v>
      </c>
      <c r="G2853" s="5" t="s">
        <v>5720</v>
      </c>
    </row>
    <row r="2854" spans="1:7">
      <c r="A2854" s="5" t="s">
        <v>7</v>
      </c>
      <c r="B2854" s="5">
        <v>2921</v>
      </c>
      <c r="C2854" s="5" t="s">
        <v>8</v>
      </c>
      <c r="D2854" s="5" t="s">
        <v>8</v>
      </c>
      <c r="E2854" s="6">
        <v>11001</v>
      </c>
      <c r="F2854" s="5" t="s">
        <v>5721</v>
      </c>
      <c r="G2854" s="5" t="s">
        <v>5722</v>
      </c>
    </row>
    <row r="2855" spans="1:7">
      <c r="A2855" s="5" t="s">
        <v>7</v>
      </c>
      <c r="B2855" s="5">
        <v>2922</v>
      </c>
      <c r="C2855" s="5" t="s">
        <v>8</v>
      </c>
      <c r="D2855" s="5" t="s">
        <v>8</v>
      </c>
      <c r="E2855" s="6">
        <v>11001</v>
      </c>
      <c r="F2855" s="5" t="s">
        <v>5723</v>
      </c>
      <c r="G2855" s="5" t="s">
        <v>5724</v>
      </c>
    </row>
    <row r="2856" spans="1:7">
      <c r="A2856" s="5" t="s">
        <v>7</v>
      </c>
      <c r="B2856" s="5">
        <v>2923</v>
      </c>
      <c r="C2856" s="5" t="s">
        <v>8</v>
      </c>
      <c r="D2856" s="5" t="s">
        <v>8</v>
      </c>
      <c r="E2856" s="6">
        <v>11001</v>
      </c>
      <c r="F2856" s="5" t="s">
        <v>5725</v>
      </c>
      <c r="G2856" s="5" t="s">
        <v>5726</v>
      </c>
    </row>
    <row r="2857" spans="1:7">
      <c r="A2857" s="5" t="s">
        <v>7</v>
      </c>
      <c r="B2857" s="5">
        <v>2924</v>
      </c>
      <c r="C2857" s="5" t="s">
        <v>2891</v>
      </c>
      <c r="D2857" s="5" t="s">
        <v>2892</v>
      </c>
      <c r="E2857" s="6">
        <v>13001</v>
      </c>
      <c r="F2857" s="5" t="s">
        <v>5727</v>
      </c>
      <c r="G2857" s="5" t="s">
        <v>5728</v>
      </c>
    </row>
    <row r="2858" spans="1:7">
      <c r="A2858" s="5" t="s">
        <v>7</v>
      </c>
      <c r="B2858" s="5">
        <v>2925</v>
      </c>
      <c r="C2858" s="5" t="s">
        <v>8</v>
      </c>
      <c r="D2858" s="5" t="s">
        <v>8</v>
      </c>
      <c r="E2858" s="6">
        <v>11001</v>
      </c>
      <c r="F2858" s="5" t="s">
        <v>5729</v>
      </c>
      <c r="G2858" s="5" t="s">
        <v>5730</v>
      </c>
    </row>
    <row r="2859" spans="1:7">
      <c r="A2859" s="5" t="s">
        <v>7</v>
      </c>
      <c r="B2859" s="5">
        <v>2926</v>
      </c>
      <c r="C2859" s="5" t="s">
        <v>8</v>
      </c>
      <c r="D2859" s="5" t="s">
        <v>8</v>
      </c>
      <c r="E2859" s="6">
        <v>11001</v>
      </c>
      <c r="F2859" s="5" t="s">
        <v>5731</v>
      </c>
      <c r="G2859" s="5" t="s">
        <v>5732</v>
      </c>
    </row>
    <row r="2860" spans="1:7">
      <c r="A2860" s="5" t="s">
        <v>7</v>
      </c>
      <c r="B2860" s="5">
        <v>2927</v>
      </c>
      <c r="C2860" s="5" t="s">
        <v>8</v>
      </c>
      <c r="D2860" s="5" t="s">
        <v>8</v>
      </c>
      <c r="E2860" s="6">
        <v>11001</v>
      </c>
      <c r="F2860" s="5" t="s">
        <v>5733</v>
      </c>
      <c r="G2860" s="5" t="s">
        <v>5734</v>
      </c>
    </row>
    <row r="2861" spans="1:7">
      <c r="A2861" s="5" t="s">
        <v>7</v>
      </c>
      <c r="B2861" s="5">
        <v>2928</v>
      </c>
      <c r="C2861" s="5" t="s">
        <v>813</v>
      </c>
      <c r="D2861" s="5" t="s">
        <v>3219</v>
      </c>
      <c r="E2861" s="6">
        <v>25175</v>
      </c>
      <c r="F2861" s="5" t="s">
        <v>5735</v>
      </c>
      <c r="G2861" s="5" t="s">
        <v>5736</v>
      </c>
    </row>
    <row r="2862" spans="1:7">
      <c r="A2862" s="5" t="s">
        <v>7</v>
      </c>
      <c r="B2862" s="5">
        <v>2929</v>
      </c>
      <c r="C2862" s="5" t="s">
        <v>2891</v>
      </c>
      <c r="D2862" s="5" t="s">
        <v>2892</v>
      </c>
      <c r="E2862" s="6">
        <v>13001</v>
      </c>
      <c r="F2862" s="5" t="s">
        <v>5737</v>
      </c>
      <c r="G2862" s="5" t="s">
        <v>5738</v>
      </c>
    </row>
    <row r="2863" spans="1:7">
      <c r="A2863" s="5" t="s">
        <v>7</v>
      </c>
      <c r="B2863" s="5">
        <v>2930</v>
      </c>
      <c r="C2863" s="5" t="s">
        <v>8</v>
      </c>
      <c r="D2863" s="5" t="s">
        <v>8</v>
      </c>
      <c r="E2863" s="6">
        <v>11001</v>
      </c>
      <c r="F2863" s="5" t="s">
        <v>5739</v>
      </c>
      <c r="G2863" s="5" t="s">
        <v>5740</v>
      </c>
    </row>
    <row r="2864" spans="1:7">
      <c r="A2864" s="5" t="s">
        <v>7</v>
      </c>
      <c r="B2864" s="5">
        <v>2931</v>
      </c>
      <c r="C2864" s="5" t="s">
        <v>8</v>
      </c>
      <c r="D2864" s="5" t="s">
        <v>8</v>
      </c>
      <c r="E2864" s="6">
        <v>11001</v>
      </c>
      <c r="F2864" s="5" t="s">
        <v>5741</v>
      </c>
      <c r="G2864" s="5" t="s">
        <v>5742</v>
      </c>
    </row>
    <row r="2865" spans="1:7">
      <c r="A2865" s="5" t="s">
        <v>7</v>
      </c>
      <c r="B2865" s="5">
        <v>2932</v>
      </c>
      <c r="C2865" s="5" t="s">
        <v>2542</v>
      </c>
      <c r="D2865" s="5" t="s">
        <v>2798</v>
      </c>
      <c r="E2865" s="6">
        <v>8758</v>
      </c>
      <c r="F2865" s="5" t="s">
        <v>5743</v>
      </c>
      <c r="G2865" s="5" t="s">
        <v>5744</v>
      </c>
    </row>
    <row r="2866" spans="1:7">
      <c r="A2866" s="5" t="s">
        <v>7</v>
      </c>
      <c r="B2866" s="5">
        <v>2933</v>
      </c>
      <c r="C2866" s="5" t="s">
        <v>8</v>
      </c>
      <c r="D2866" s="5" t="s">
        <v>8</v>
      </c>
      <c r="E2866" s="6">
        <v>11001</v>
      </c>
      <c r="F2866" s="5" t="s">
        <v>5745</v>
      </c>
      <c r="G2866" s="5" t="s">
        <v>5746</v>
      </c>
    </row>
    <row r="2867" spans="1:7">
      <c r="A2867" s="5" t="s">
        <v>7</v>
      </c>
      <c r="B2867" s="5">
        <v>2934</v>
      </c>
      <c r="C2867" s="5" t="s">
        <v>8</v>
      </c>
      <c r="D2867" s="5" t="s">
        <v>8</v>
      </c>
      <c r="E2867" s="6">
        <v>11001</v>
      </c>
      <c r="F2867" s="5" t="s">
        <v>5747</v>
      </c>
      <c r="G2867" s="5" t="s">
        <v>5748</v>
      </c>
    </row>
    <row r="2868" spans="1:7">
      <c r="A2868" s="5" t="s">
        <v>7</v>
      </c>
      <c r="B2868" s="5">
        <v>2935</v>
      </c>
      <c r="C2868" s="5" t="s">
        <v>2891</v>
      </c>
      <c r="D2868" s="5" t="s">
        <v>2892</v>
      </c>
      <c r="E2868" s="6">
        <v>13001</v>
      </c>
      <c r="F2868" s="5" t="s">
        <v>5749</v>
      </c>
      <c r="G2868" s="5" t="s">
        <v>5750</v>
      </c>
    </row>
    <row r="2869" spans="1:7">
      <c r="A2869" s="5" t="s">
        <v>7</v>
      </c>
      <c r="B2869" s="5">
        <v>2936</v>
      </c>
      <c r="C2869" s="5" t="s">
        <v>2891</v>
      </c>
      <c r="D2869" s="5" t="s">
        <v>2892</v>
      </c>
      <c r="E2869" s="6">
        <v>13001</v>
      </c>
      <c r="F2869" s="5" t="s">
        <v>5751</v>
      </c>
      <c r="G2869" s="5" t="s">
        <v>5752</v>
      </c>
    </row>
    <row r="2870" spans="1:7">
      <c r="A2870" s="5" t="s">
        <v>7</v>
      </c>
      <c r="B2870" s="5">
        <v>2937</v>
      </c>
      <c r="C2870" s="5" t="s">
        <v>8</v>
      </c>
      <c r="D2870" s="5" t="s">
        <v>8</v>
      </c>
      <c r="E2870" s="6">
        <v>11001</v>
      </c>
      <c r="F2870" s="5" t="s">
        <v>4924</v>
      </c>
      <c r="G2870" s="5" t="s">
        <v>5753</v>
      </c>
    </row>
    <row r="2871" spans="1:7">
      <c r="A2871" s="5" t="s">
        <v>7</v>
      </c>
      <c r="B2871" s="5">
        <v>2938</v>
      </c>
      <c r="C2871" s="5" t="s">
        <v>2891</v>
      </c>
      <c r="D2871" s="5" t="s">
        <v>2892</v>
      </c>
      <c r="E2871" s="6">
        <v>13001</v>
      </c>
      <c r="F2871" s="5" t="s">
        <v>5754</v>
      </c>
      <c r="G2871" s="5" t="s">
        <v>5755</v>
      </c>
    </row>
    <row r="2872" spans="1:7">
      <c r="A2872" s="5" t="s">
        <v>7</v>
      </c>
      <c r="B2872" s="5">
        <v>2939</v>
      </c>
      <c r="C2872" s="5" t="s">
        <v>3011</v>
      </c>
      <c r="D2872" s="5" t="s">
        <v>3971</v>
      </c>
      <c r="E2872" s="6">
        <v>5483</v>
      </c>
      <c r="F2872" s="5" t="s">
        <v>5756</v>
      </c>
      <c r="G2872" s="5" t="s">
        <v>5757</v>
      </c>
    </row>
    <row r="2873" spans="1:7">
      <c r="A2873" s="5" t="s">
        <v>7</v>
      </c>
      <c r="B2873" s="5">
        <v>2940</v>
      </c>
      <c r="C2873" s="5" t="s">
        <v>8</v>
      </c>
      <c r="D2873" s="5" t="s">
        <v>8</v>
      </c>
      <c r="E2873" s="6">
        <v>11001</v>
      </c>
      <c r="F2873" s="5" t="s">
        <v>5758</v>
      </c>
      <c r="G2873" s="5" t="s">
        <v>5759</v>
      </c>
    </row>
    <row r="2874" spans="1:7">
      <c r="A2874" s="5" t="s">
        <v>7</v>
      </c>
      <c r="B2874" s="5">
        <v>2941</v>
      </c>
      <c r="C2874" s="5" t="s">
        <v>2891</v>
      </c>
      <c r="D2874" s="5" t="s">
        <v>2892</v>
      </c>
      <c r="E2874" s="6">
        <v>13001</v>
      </c>
      <c r="F2874" s="5" t="s">
        <v>5760</v>
      </c>
      <c r="G2874" s="5" t="s">
        <v>5761</v>
      </c>
    </row>
    <row r="2875" spans="1:7">
      <c r="A2875" s="5" t="s">
        <v>7</v>
      </c>
      <c r="B2875" s="5">
        <v>2942</v>
      </c>
      <c r="C2875" s="5" t="s">
        <v>8</v>
      </c>
      <c r="D2875" s="5" t="s">
        <v>8</v>
      </c>
      <c r="E2875" s="6">
        <v>11001</v>
      </c>
      <c r="F2875" s="5" t="s">
        <v>5762</v>
      </c>
      <c r="G2875" s="5" t="s">
        <v>5763</v>
      </c>
    </row>
    <row r="2876" spans="1:7">
      <c r="A2876" s="5" t="s">
        <v>7</v>
      </c>
      <c r="B2876" s="5">
        <v>2943</v>
      </c>
      <c r="C2876" s="5" t="s">
        <v>2781</v>
      </c>
      <c r="D2876" s="5" t="s">
        <v>5764</v>
      </c>
      <c r="E2876" s="6">
        <v>23466</v>
      </c>
      <c r="F2876" s="5" t="s">
        <v>5765</v>
      </c>
      <c r="G2876" s="5" t="s">
        <v>5766</v>
      </c>
    </row>
    <row r="2877" spans="1:7">
      <c r="A2877" s="5" t="s">
        <v>7</v>
      </c>
      <c r="B2877" s="5">
        <v>2944</v>
      </c>
      <c r="C2877" s="5" t="s">
        <v>813</v>
      </c>
      <c r="D2877" s="5" t="s">
        <v>2842</v>
      </c>
      <c r="E2877" s="6">
        <v>25899</v>
      </c>
      <c r="F2877" s="5" t="s">
        <v>5767</v>
      </c>
      <c r="G2877" s="5" t="s">
        <v>5768</v>
      </c>
    </row>
    <row r="2878" spans="1:7">
      <c r="A2878" s="5" t="s">
        <v>7</v>
      </c>
      <c r="B2878" s="5">
        <v>2945</v>
      </c>
      <c r="C2878" s="5" t="s">
        <v>8</v>
      </c>
      <c r="D2878" s="5" t="s">
        <v>8</v>
      </c>
      <c r="E2878" s="6">
        <v>11001</v>
      </c>
      <c r="F2878" s="5" t="s">
        <v>5769</v>
      </c>
      <c r="G2878" s="5" t="s">
        <v>5770</v>
      </c>
    </row>
    <row r="2879" spans="1:7">
      <c r="A2879" s="5" t="s">
        <v>7</v>
      </c>
      <c r="B2879" s="5">
        <v>2946</v>
      </c>
      <c r="C2879" s="5" t="s">
        <v>8</v>
      </c>
      <c r="D2879" s="5" t="s">
        <v>8</v>
      </c>
      <c r="E2879" s="6">
        <v>11001</v>
      </c>
      <c r="F2879" s="5" t="s">
        <v>5771</v>
      </c>
      <c r="G2879" s="5" t="s">
        <v>5772</v>
      </c>
    </row>
    <row r="2880" spans="1:7">
      <c r="A2880" s="5" t="s">
        <v>7</v>
      </c>
      <c r="B2880" s="5">
        <v>2947</v>
      </c>
      <c r="C2880" s="5" t="s">
        <v>8</v>
      </c>
      <c r="D2880" s="5" t="s">
        <v>8</v>
      </c>
      <c r="E2880" s="6">
        <v>11001</v>
      </c>
      <c r="F2880" s="5" t="s">
        <v>5773</v>
      </c>
      <c r="G2880" s="5" t="s">
        <v>5774</v>
      </c>
    </row>
    <row r="2881" spans="1:7">
      <c r="A2881" s="5" t="s">
        <v>7</v>
      </c>
      <c r="B2881" s="5">
        <v>2948</v>
      </c>
      <c r="C2881" s="5" t="s">
        <v>8</v>
      </c>
      <c r="D2881" s="5" t="s">
        <v>8</v>
      </c>
      <c r="E2881" s="6">
        <v>11001</v>
      </c>
      <c r="F2881" s="5" t="s">
        <v>5775</v>
      </c>
      <c r="G2881" s="5" t="s">
        <v>5776</v>
      </c>
    </row>
    <row r="2882" spans="1:7">
      <c r="A2882" s="5" t="s">
        <v>7</v>
      </c>
      <c r="B2882" s="5">
        <v>2949</v>
      </c>
      <c r="C2882" s="5" t="s">
        <v>2929</v>
      </c>
      <c r="D2882" s="5" t="s">
        <v>5777</v>
      </c>
      <c r="E2882" s="6">
        <v>73443</v>
      </c>
      <c r="F2882" s="5" t="s">
        <v>5778</v>
      </c>
      <c r="G2882" s="5" t="s">
        <v>5779</v>
      </c>
    </row>
    <row r="2883" spans="1:7">
      <c r="A2883" s="5" t="s">
        <v>7</v>
      </c>
      <c r="B2883" s="5">
        <v>2950</v>
      </c>
      <c r="C2883" s="5" t="s">
        <v>8</v>
      </c>
      <c r="D2883" s="5" t="s">
        <v>8</v>
      </c>
      <c r="E2883" s="6">
        <v>11001</v>
      </c>
      <c r="F2883" s="5" t="s">
        <v>5780</v>
      </c>
      <c r="G2883" s="5" t="s">
        <v>5781</v>
      </c>
    </row>
    <row r="2884" spans="1:7">
      <c r="A2884" s="5" t="s">
        <v>7</v>
      </c>
      <c r="B2884" s="5">
        <v>2951</v>
      </c>
      <c r="C2884" s="5" t="s">
        <v>813</v>
      </c>
      <c r="D2884" s="5" t="s">
        <v>5782</v>
      </c>
      <c r="E2884" s="6">
        <v>25758</v>
      </c>
      <c r="F2884" s="5" t="s">
        <v>5783</v>
      </c>
      <c r="G2884" s="5" t="s">
        <v>5784</v>
      </c>
    </row>
    <row r="2885" spans="1:7">
      <c r="A2885" s="5" t="s">
        <v>7</v>
      </c>
      <c r="B2885" s="5">
        <v>2952</v>
      </c>
      <c r="C2885" s="5" t="s">
        <v>813</v>
      </c>
      <c r="D2885" s="5" t="s">
        <v>5782</v>
      </c>
      <c r="E2885" s="6">
        <v>25758</v>
      </c>
      <c r="F2885" s="5" t="s">
        <v>5785</v>
      </c>
      <c r="G2885" s="5" t="s">
        <v>5786</v>
      </c>
    </row>
    <row r="2886" spans="1:7">
      <c r="A2886" s="5" t="s">
        <v>7</v>
      </c>
      <c r="B2886" s="5">
        <v>2953</v>
      </c>
      <c r="C2886" s="5" t="s">
        <v>2542</v>
      </c>
      <c r="D2886" s="5" t="s">
        <v>2798</v>
      </c>
      <c r="E2886" s="6">
        <v>8758</v>
      </c>
      <c r="F2886" s="5" t="s">
        <v>5787</v>
      </c>
      <c r="G2886" s="5" t="s">
        <v>5788</v>
      </c>
    </row>
    <row r="2887" spans="1:7">
      <c r="A2887" s="5" t="s">
        <v>7</v>
      </c>
      <c r="B2887" s="5">
        <v>2954</v>
      </c>
      <c r="C2887" s="5" t="s">
        <v>8</v>
      </c>
      <c r="D2887" s="5" t="s">
        <v>8</v>
      </c>
      <c r="E2887" s="6">
        <v>11001</v>
      </c>
      <c r="F2887" s="5" t="s">
        <v>5789</v>
      </c>
      <c r="G2887" s="5" t="s">
        <v>5790</v>
      </c>
    </row>
    <row r="2888" spans="1:7">
      <c r="A2888" s="5" t="s">
        <v>7</v>
      </c>
      <c r="B2888" s="5">
        <v>2955</v>
      </c>
      <c r="C2888" s="5" t="s">
        <v>813</v>
      </c>
      <c r="D2888" s="5" t="s">
        <v>814</v>
      </c>
      <c r="E2888" s="6">
        <v>25754</v>
      </c>
      <c r="F2888" s="5" t="s">
        <v>5791</v>
      </c>
      <c r="G2888" s="5" t="s">
        <v>5792</v>
      </c>
    </row>
    <row r="2889" spans="1:7">
      <c r="A2889" s="5" t="s">
        <v>7</v>
      </c>
      <c r="B2889" s="5">
        <v>2956</v>
      </c>
      <c r="C2889" s="5" t="s">
        <v>8</v>
      </c>
      <c r="D2889" s="5" t="s">
        <v>8</v>
      </c>
      <c r="E2889" s="6">
        <v>11001</v>
      </c>
      <c r="F2889" s="5" t="s">
        <v>5793</v>
      </c>
      <c r="G2889" s="5" t="s">
        <v>5794</v>
      </c>
    </row>
    <row r="2890" spans="1:7">
      <c r="A2890" s="5" t="s">
        <v>7</v>
      </c>
      <c r="B2890" s="5">
        <v>2957</v>
      </c>
      <c r="C2890" s="5" t="s">
        <v>8</v>
      </c>
      <c r="D2890" s="5" t="s">
        <v>8</v>
      </c>
      <c r="E2890" s="6">
        <v>11001</v>
      </c>
      <c r="F2890" s="5" t="s">
        <v>5795</v>
      </c>
      <c r="G2890" s="5" t="s">
        <v>5796</v>
      </c>
    </row>
    <row r="2891" spans="1:7">
      <c r="A2891" s="5" t="s">
        <v>7</v>
      </c>
      <c r="B2891" s="5">
        <v>2958</v>
      </c>
      <c r="C2891" s="5" t="s">
        <v>8</v>
      </c>
      <c r="D2891" s="5" t="s">
        <v>8</v>
      </c>
      <c r="E2891" s="6">
        <v>11001</v>
      </c>
      <c r="F2891" s="5" t="s">
        <v>5165</v>
      </c>
      <c r="G2891" s="5" t="s">
        <v>5797</v>
      </c>
    </row>
    <row r="2892" spans="1:7">
      <c r="A2892" s="5" t="s">
        <v>7</v>
      </c>
      <c r="B2892" s="5">
        <v>2959</v>
      </c>
      <c r="C2892" s="5" t="s">
        <v>8</v>
      </c>
      <c r="D2892" s="5" t="s">
        <v>8</v>
      </c>
      <c r="E2892" s="6">
        <v>11001</v>
      </c>
      <c r="F2892" s="5" t="s">
        <v>5798</v>
      </c>
      <c r="G2892" s="5" t="s">
        <v>5799</v>
      </c>
    </row>
    <row r="2893" spans="1:7">
      <c r="A2893" s="5" t="s">
        <v>7</v>
      </c>
      <c r="B2893" s="5">
        <v>2960</v>
      </c>
      <c r="C2893" s="5" t="s">
        <v>4672</v>
      </c>
      <c r="D2893" s="5" t="s">
        <v>4673</v>
      </c>
      <c r="E2893" s="6">
        <v>76111</v>
      </c>
      <c r="F2893" s="5" t="s">
        <v>5800</v>
      </c>
      <c r="G2893" s="5" t="s">
        <v>5801</v>
      </c>
    </row>
    <row r="2894" spans="1:7">
      <c r="A2894" s="5" t="s">
        <v>7</v>
      </c>
      <c r="B2894" s="5">
        <v>2961</v>
      </c>
      <c r="C2894" s="5" t="s">
        <v>2891</v>
      </c>
      <c r="D2894" s="5" t="s">
        <v>2892</v>
      </c>
      <c r="E2894" s="6">
        <v>13001</v>
      </c>
      <c r="F2894" s="5" t="s">
        <v>5802</v>
      </c>
      <c r="G2894" s="5" t="s">
        <v>5803</v>
      </c>
    </row>
    <row r="2895" spans="1:7">
      <c r="A2895" s="5" t="s">
        <v>7</v>
      </c>
      <c r="B2895" s="5">
        <v>2962</v>
      </c>
      <c r="C2895" s="5" t="s">
        <v>8</v>
      </c>
      <c r="D2895" s="5" t="s">
        <v>8</v>
      </c>
      <c r="E2895" s="6">
        <v>11001</v>
      </c>
      <c r="F2895" s="5" t="s">
        <v>5804</v>
      </c>
      <c r="G2895" s="5" t="s">
        <v>5805</v>
      </c>
    </row>
    <row r="2896" spans="1:7">
      <c r="A2896" s="5" t="s">
        <v>7</v>
      </c>
      <c r="B2896" s="5">
        <v>2963</v>
      </c>
      <c r="C2896" s="5" t="s">
        <v>8</v>
      </c>
      <c r="D2896" s="5" t="s">
        <v>8</v>
      </c>
      <c r="E2896" s="6">
        <v>11001</v>
      </c>
      <c r="F2896" s="5" t="s">
        <v>5806</v>
      </c>
      <c r="G2896" s="5" t="s">
        <v>5807</v>
      </c>
    </row>
    <row r="2897" spans="1:7">
      <c r="A2897" s="5" t="s">
        <v>7</v>
      </c>
      <c r="B2897" s="5">
        <v>2964</v>
      </c>
      <c r="C2897" s="5" t="s">
        <v>8</v>
      </c>
      <c r="D2897" s="5" t="s">
        <v>8</v>
      </c>
      <c r="E2897" s="6">
        <v>11001</v>
      </c>
      <c r="F2897" s="5" t="s">
        <v>5808</v>
      </c>
      <c r="G2897" s="5" t="s">
        <v>5809</v>
      </c>
    </row>
    <row r="2898" spans="1:7">
      <c r="A2898" s="5" t="s">
        <v>7</v>
      </c>
      <c r="B2898" s="5">
        <v>2965</v>
      </c>
      <c r="C2898" s="5" t="s">
        <v>8</v>
      </c>
      <c r="D2898" s="5" t="s">
        <v>8</v>
      </c>
      <c r="E2898" s="6">
        <v>11001</v>
      </c>
      <c r="F2898" s="5" t="s">
        <v>5810</v>
      </c>
      <c r="G2898" s="5" t="s">
        <v>5811</v>
      </c>
    </row>
    <row r="2899" spans="1:7">
      <c r="A2899" s="5" t="s">
        <v>7</v>
      </c>
      <c r="B2899" s="5">
        <v>2966</v>
      </c>
      <c r="C2899" s="5" t="s">
        <v>2891</v>
      </c>
      <c r="D2899" s="5" t="s">
        <v>2892</v>
      </c>
      <c r="E2899" s="6">
        <v>13001</v>
      </c>
      <c r="F2899" s="5" t="s">
        <v>5812</v>
      </c>
      <c r="G2899" s="5" t="s">
        <v>5813</v>
      </c>
    </row>
    <row r="2900" spans="1:7">
      <c r="A2900" s="5" t="s">
        <v>7</v>
      </c>
      <c r="B2900" s="5">
        <v>2967</v>
      </c>
      <c r="C2900" s="5" t="s">
        <v>2891</v>
      </c>
      <c r="D2900" s="5" t="s">
        <v>2892</v>
      </c>
      <c r="E2900" s="6">
        <v>13001</v>
      </c>
      <c r="F2900" s="5" t="s">
        <v>5814</v>
      </c>
      <c r="G2900" s="5" t="s">
        <v>5815</v>
      </c>
    </row>
    <row r="2901" spans="1:7">
      <c r="A2901" s="5" t="s">
        <v>7</v>
      </c>
      <c r="B2901" s="5">
        <v>2968</v>
      </c>
      <c r="C2901" s="5" t="s">
        <v>2891</v>
      </c>
      <c r="D2901" s="5" t="s">
        <v>2892</v>
      </c>
      <c r="E2901" s="6">
        <v>13001</v>
      </c>
      <c r="F2901" s="5" t="s">
        <v>5816</v>
      </c>
      <c r="G2901" s="5" t="s">
        <v>5817</v>
      </c>
    </row>
    <row r="2902" spans="1:7">
      <c r="A2902" s="5" t="s">
        <v>7</v>
      </c>
      <c r="B2902" s="5">
        <v>2969</v>
      </c>
      <c r="C2902" s="5" t="s">
        <v>8</v>
      </c>
      <c r="D2902" s="5" t="s">
        <v>8</v>
      </c>
      <c r="E2902" s="6">
        <v>11001</v>
      </c>
      <c r="F2902" s="5" t="s">
        <v>1608</v>
      </c>
      <c r="G2902" s="5" t="s">
        <v>5818</v>
      </c>
    </row>
    <row r="2903" spans="1:7">
      <c r="A2903" s="5" t="s">
        <v>7</v>
      </c>
      <c r="B2903" s="5">
        <v>2970</v>
      </c>
      <c r="C2903" s="5" t="s">
        <v>813</v>
      </c>
      <c r="D2903" s="5" t="s">
        <v>5819</v>
      </c>
      <c r="E2903" s="6">
        <v>25200</v>
      </c>
      <c r="F2903" s="5" t="s">
        <v>5820</v>
      </c>
      <c r="G2903" s="5" t="s">
        <v>5821</v>
      </c>
    </row>
    <row r="2904" spans="1:7">
      <c r="A2904" s="5" t="s">
        <v>7</v>
      </c>
      <c r="B2904" s="5">
        <v>2971</v>
      </c>
      <c r="C2904" s="5" t="s">
        <v>813</v>
      </c>
      <c r="D2904" s="5" t="s">
        <v>814</v>
      </c>
      <c r="E2904" s="6">
        <v>25754</v>
      </c>
      <c r="F2904" s="5" t="s">
        <v>5822</v>
      </c>
      <c r="G2904" s="5" t="s">
        <v>5823</v>
      </c>
    </row>
    <row r="2905" spans="1:7">
      <c r="A2905" s="5" t="s">
        <v>7</v>
      </c>
      <c r="B2905" s="5">
        <v>2972</v>
      </c>
      <c r="C2905" s="5" t="s">
        <v>8</v>
      </c>
      <c r="D2905" s="5" t="s">
        <v>8</v>
      </c>
      <c r="E2905" s="6">
        <v>11001</v>
      </c>
      <c r="F2905" s="5" t="s">
        <v>5824</v>
      </c>
      <c r="G2905" s="5" t="s">
        <v>5825</v>
      </c>
    </row>
    <row r="2906" spans="1:7">
      <c r="A2906" s="5" t="s">
        <v>7</v>
      </c>
      <c r="B2906" s="5">
        <v>2973</v>
      </c>
      <c r="C2906" s="5" t="s">
        <v>8</v>
      </c>
      <c r="D2906" s="5" t="s">
        <v>8</v>
      </c>
      <c r="E2906" s="6">
        <v>11001</v>
      </c>
      <c r="F2906" s="5" t="s">
        <v>5826</v>
      </c>
      <c r="G2906" s="5" t="s">
        <v>5827</v>
      </c>
    </row>
    <row r="2907" spans="1:7">
      <c r="A2907" s="5" t="s">
        <v>7</v>
      </c>
      <c r="B2907" s="5">
        <v>2974</v>
      </c>
      <c r="C2907" s="5" t="s">
        <v>2891</v>
      </c>
      <c r="D2907" s="5" t="s">
        <v>2892</v>
      </c>
      <c r="E2907" s="6">
        <v>13001</v>
      </c>
      <c r="F2907" s="5" t="s">
        <v>5828</v>
      </c>
      <c r="G2907" s="5" t="s">
        <v>5829</v>
      </c>
    </row>
    <row r="2908" spans="1:7">
      <c r="A2908" s="5" t="s">
        <v>7</v>
      </c>
      <c r="B2908" s="5">
        <v>2975</v>
      </c>
      <c r="C2908" s="5" t="s">
        <v>8</v>
      </c>
      <c r="D2908" s="5" t="s">
        <v>8</v>
      </c>
      <c r="E2908" s="6">
        <v>11001</v>
      </c>
      <c r="F2908" s="5" t="s">
        <v>5830</v>
      </c>
      <c r="G2908" s="5" t="s">
        <v>5831</v>
      </c>
    </row>
    <row r="2909" spans="1:7">
      <c r="A2909" s="5" t="s">
        <v>7</v>
      </c>
      <c r="B2909" s="5">
        <v>2976</v>
      </c>
      <c r="C2909" s="5" t="s">
        <v>8</v>
      </c>
      <c r="D2909" s="5" t="s">
        <v>8</v>
      </c>
      <c r="E2909" s="6">
        <v>11001</v>
      </c>
      <c r="F2909" s="5" t="s">
        <v>5832</v>
      </c>
      <c r="G2909" s="5" t="s">
        <v>5833</v>
      </c>
    </row>
    <row r="2910" spans="1:7">
      <c r="A2910" s="5" t="s">
        <v>7</v>
      </c>
      <c r="B2910" s="5">
        <v>2977</v>
      </c>
      <c r="C2910" s="5" t="s">
        <v>8</v>
      </c>
      <c r="D2910" s="5" t="s">
        <v>8</v>
      </c>
      <c r="E2910" s="6">
        <v>11001</v>
      </c>
      <c r="F2910" s="5" t="s">
        <v>5834</v>
      </c>
      <c r="G2910" s="5" t="s">
        <v>5835</v>
      </c>
    </row>
    <row r="2911" spans="1:7">
      <c r="A2911" s="5" t="s">
        <v>7</v>
      </c>
      <c r="B2911" s="5">
        <v>2978</v>
      </c>
      <c r="C2911" s="5" t="s">
        <v>8</v>
      </c>
      <c r="D2911" s="5" t="s">
        <v>8</v>
      </c>
      <c r="E2911" s="6">
        <v>11001</v>
      </c>
      <c r="F2911" s="5" t="s">
        <v>5836</v>
      </c>
      <c r="G2911" s="5" t="s">
        <v>5837</v>
      </c>
    </row>
    <row r="2912" spans="1:7">
      <c r="A2912" s="5" t="s">
        <v>7</v>
      </c>
      <c r="B2912" s="5">
        <v>2979</v>
      </c>
      <c r="C2912" s="5" t="s">
        <v>813</v>
      </c>
      <c r="D2912" s="5" t="s">
        <v>814</v>
      </c>
      <c r="E2912" s="6">
        <v>25754</v>
      </c>
      <c r="F2912" s="5" t="s">
        <v>2129</v>
      </c>
      <c r="G2912" s="5" t="s">
        <v>5838</v>
      </c>
    </row>
    <row r="2913" spans="1:7">
      <c r="A2913" s="5" t="s">
        <v>7</v>
      </c>
      <c r="B2913" s="5">
        <v>2980</v>
      </c>
      <c r="C2913" s="5" t="s">
        <v>813</v>
      </c>
      <c r="D2913" s="5" t="s">
        <v>2793</v>
      </c>
      <c r="E2913" s="6">
        <v>25269</v>
      </c>
      <c r="F2913" s="5" t="s">
        <v>5839</v>
      </c>
      <c r="G2913" s="5" t="s">
        <v>5840</v>
      </c>
    </row>
    <row r="2914" spans="1:7">
      <c r="A2914" s="5" t="s">
        <v>7</v>
      </c>
      <c r="B2914" s="5">
        <v>2981</v>
      </c>
      <c r="C2914" s="5" t="s">
        <v>8</v>
      </c>
      <c r="D2914" s="5" t="s">
        <v>8</v>
      </c>
      <c r="E2914" s="6">
        <v>11001</v>
      </c>
      <c r="F2914" s="5" t="s">
        <v>5841</v>
      </c>
      <c r="G2914" s="5" t="s">
        <v>5842</v>
      </c>
    </row>
    <row r="2915" spans="1:7">
      <c r="A2915" s="5" t="s">
        <v>7</v>
      </c>
      <c r="B2915" s="5">
        <v>2982</v>
      </c>
      <c r="C2915" s="5" t="s">
        <v>8</v>
      </c>
      <c r="D2915" s="5" t="s">
        <v>8</v>
      </c>
      <c r="E2915" s="6">
        <v>11001</v>
      </c>
      <c r="F2915" s="5" t="s">
        <v>5843</v>
      </c>
      <c r="G2915" s="5" t="s">
        <v>5844</v>
      </c>
    </row>
    <row r="2916" spans="1:7">
      <c r="A2916" s="5" t="s">
        <v>7</v>
      </c>
      <c r="B2916" s="5">
        <v>2983</v>
      </c>
      <c r="C2916" s="5" t="s">
        <v>3306</v>
      </c>
      <c r="D2916" s="5" t="s">
        <v>5845</v>
      </c>
      <c r="E2916" s="6">
        <v>50001</v>
      </c>
      <c r="F2916" s="5" t="s">
        <v>5846</v>
      </c>
      <c r="G2916" s="5" t="s">
        <v>5847</v>
      </c>
    </row>
    <row r="2917" spans="1:7">
      <c r="A2917" s="5" t="s">
        <v>7</v>
      </c>
      <c r="B2917" s="5">
        <v>2984</v>
      </c>
      <c r="C2917" s="5" t="s">
        <v>8</v>
      </c>
      <c r="D2917" s="5" t="s">
        <v>8</v>
      </c>
      <c r="E2917" s="6">
        <v>11001</v>
      </c>
      <c r="F2917" s="5" t="s">
        <v>5848</v>
      </c>
      <c r="G2917" s="5" t="s">
        <v>5849</v>
      </c>
    </row>
    <row r="2918" spans="1:7">
      <c r="A2918" s="5" t="s">
        <v>7</v>
      </c>
      <c r="B2918" s="5">
        <v>2985</v>
      </c>
      <c r="C2918" s="5" t="s">
        <v>813</v>
      </c>
      <c r="D2918" s="5" t="s">
        <v>2842</v>
      </c>
      <c r="E2918" s="6">
        <v>25899</v>
      </c>
      <c r="F2918" s="5" t="s">
        <v>5850</v>
      </c>
      <c r="G2918" s="5" t="s">
        <v>5851</v>
      </c>
    </row>
    <row r="2919" spans="1:7">
      <c r="A2919" s="5" t="s">
        <v>7</v>
      </c>
      <c r="B2919" s="5">
        <v>2986</v>
      </c>
      <c r="C2919" s="5" t="s">
        <v>813</v>
      </c>
      <c r="D2919" s="5" t="s">
        <v>2644</v>
      </c>
      <c r="E2919" s="6">
        <v>25513</v>
      </c>
      <c r="F2919" s="5" t="s">
        <v>5852</v>
      </c>
      <c r="G2919" s="5" t="s">
        <v>5853</v>
      </c>
    </row>
    <row r="2920" spans="1:7">
      <c r="A2920" s="5" t="s">
        <v>7</v>
      </c>
      <c r="B2920" s="5">
        <v>2987</v>
      </c>
      <c r="C2920" s="5" t="s">
        <v>813</v>
      </c>
      <c r="D2920" s="5" t="s">
        <v>814</v>
      </c>
      <c r="E2920" s="6">
        <v>25754</v>
      </c>
      <c r="F2920" s="5" t="s">
        <v>5854</v>
      </c>
      <c r="G2920" s="5" t="s">
        <v>5855</v>
      </c>
    </row>
    <row r="2921" spans="1:7">
      <c r="A2921" s="5" t="s">
        <v>7</v>
      </c>
      <c r="B2921" s="5">
        <v>2988</v>
      </c>
      <c r="C2921" s="5" t="s">
        <v>2542</v>
      </c>
      <c r="D2921" s="5" t="s">
        <v>2543</v>
      </c>
      <c r="E2921" s="6">
        <v>8001</v>
      </c>
      <c r="F2921" s="5" t="s">
        <v>5856</v>
      </c>
      <c r="G2921" s="5" t="s">
        <v>5857</v>
      </c>
    </row>
    <row r="2922" spans="1:7">
      <c r="A2922" s="5" t="s">
        <v>7</v>
      </c>
      <c r="B2922" s="5">
        <v>2989</v>
      </c>
      <c r="C2922" s="5" t="s">
        <v>8</v>
      </c>
      <c r="D2922" s="5" t="s">
        <v>8</v>
      </c>
      <c r="E2922" s="6">
        <v>11001</v>
      </c>
      <c r="F2922" s="5" t="s">
        <v>5858</v>
      </c>
      <c r="G2922" s="5" t="s">
        <v>5859</v>
      </c>
    </row>
    <row r="2923" spans="1:7">
      <c r="A2923" s="5" t="s">
        <v>7</v>
      </c>
      <c r="B2923" s="5">
        <v>2990</v>
      </c>
      <c r="C2923" s="5" t="s">
        <v>8</v>
      </c>
      <c r="D2923" s="5" t="s">
        <v>8</v>
      </c>
      <c r="E2923" s="6">
        <v>11001</v>
      </c>
      <c r="F2923" s="5" t="s">
        <v>5860</v>
      </c>
      <c r="G2923" s="5" t="s">
        <v>5861</v>
      </c>
    </row>
    <row r="2924" spans="1:7">
      <c r="A2924" s="5" t="s">
        <v>7</v>
      </c>
      <c r="B2924" s="5">
        <v>2991</v>
      </c>
      <c r="C2924" s="5" t="s">
        <v>8</v>
      </c>
      <c r="D2924" s="5" t="s">
        <v>8</v>
      </c>
      <c r="E2924" s="6">
        <v>11001</v>
      </c>
      <c r="F2924" s="5" t="s">
        <v>5862</v>
      </c>
      <c r="G2924" s="5" t="s">
        <v>5863</v>
      </c>
    </row>
    <row r="2925" spans="1:7">
      <c r="A2925" s="5" t="s">
        <v>7</v>
      </c>
      <c r="B2925" s="5">
        <v>2992</v>
      </c>
      <c r="C2925" s="5" t="s">
        <v>8</v>
      </c>
      <c r="D2925" s="5" t="s">
        <v>8</v>
      </c>
      <c r="E2925" s="6">
        <v>11001</v>
      </c>
      <c r="F2925" s="5" t="s">
        <v>5864</v>
      </c>
      <c r="G2925" s="5" t="s">
        <v>5865</v>
      </c>
    </row>
    <row r="2926" spans="1:7">
      <c r="A2926" s="5" t="s">
        <v>7</v>
      </c>
      <c r="B2926" s="5">
        <v>2993</v>
      </c>
      <c r="C2926" s="5" t="s">
        <v>8</v>
      </c>
      <c r="D2926" s="5" t="s">
        <v>8</v>
      </c>
      <c r="E2926" s="6">
        <v>11001</v>
      </c>
      <c r="F2926" s="5" t="s">
        <v>5866</v>
      </c>
      <c r="G2926" s="5" t="s">
        <v>5867</v>
      </c>
    </row>
    <row r="2927" spans="1:7">
      <c r="A2927" s="5" t="s">
        <v>7</v>
      </c>
      <c r="B2927" s="5">
        <v>2994</v>
      </c>
      <c r="C2927" s="5" t="s">
        <v>2891</v>
      </c>
      <c r="D2927" s="5" t="s">
        <v>2892</v>
      </c>
      <c r="E2927" s="6">
        <v>13001</v>
      </c>
      <c r="F2927" s="5" t="s">
        <v>5868</v>
      </c>
      <c r="G2927" s="5" t="s">
        <v>5869</v>
      </c>
    </row>
    <row r="2928" spans="1:7">
      <c r="A2928" s="5" t="s">
        <v>7</v>
      </c>
      <c r="B2928" s="5">
        <v>2995</v>
      </c>
      <c r="C2928" s="5" t="s">
        <v>2891</v>
      </c>
      <c r="D2928" s="5" t="s">
        <v>2892</v>
      </c>
      <c r="E2928" s="6">
        <v>13001</v>
      </c>
      <c r="F2928" s="5" t="s">
        <v>5870</v>
      </c>
      <c r="G2928" s="5" t="s">
        <v>5871</v>
      </c>
    </row>
    <row r="2929" spans="1:7">
      <c r="A2929" s="5" t="s">
        <v>7</v>
      </c>
      <c r="B2929" s="5">
        <v>2996</v>
      </c>
      <c r="C2929" s="5" t="s">
        <v>8</v>
      </c>
      <c r="D2929" s="5" t="s">
        <v>8</v>
      </c>
      <c r="E2929" s="6">
        <v>11001</v>
      </c>
      <c r="F2929" s="5" t="s">
        <v>5872</v>
      </c>
      <c r="G2929" s="5" t="s">
        <v>5873</v>
      </c>
    </row>
    <row r="2930" spans="1:7">
      <c r="A2930" s="5" t="s">
        <v>7</v>
      </c>
      <c r="B2930" s="5">
        <v>2997</v>
      </c>
      <c r="C2930" s="5" t="s">
        <v>8</v>
      </c>
      <c r="D2930" s="5" t="s">
        <v>8</v>
      </c>
      <c r="E2930" s="6">
        <v>11001</v>
      </c>
      <c r="F2930" s="5" t="s">
        <v>5874</v>
      </c>
      <c r="G2930" s="5" t="s">
        <v>5875</v>
      </c>
    </row>
    <row r="2931" spans="1:7">
      <c r="A2931" s="5" t="s">
        <v>7</v>
      </c>
      <c r="B2931" s="5">
        <v>2998</v>
      </c>
      <c r="C2931" s="5" t="s">
        <v>8</v>
      </c>
      <c r="D2931" s="5" t="s">
        <v>8</v>
      </c>
      <c r="E2931" s="6">
        <v>11001</v>
      </c>
      <c r="F2931" s="5" t="s">
        <v>5876</v>
      </c>
      <c r="G2931" s="5" t="s">
        <v>5877</v>
      </c>
    </row>
    <row r="2932" spans="1:7">
      <c r="A2932" s="5" t="s">
        <v>7</v>
      </c>
      <c r="B2932" s="5">
        <v>2999</v>
      </c>
      <c r="C2932" s="5" t="s">
        <v>2891</v>
      </c>
      <c r="D2932" s="5" t="s">
        <v>2892</v>
      </c>
      <c r="E2932" s="6">
        <v>13001</v>
      </c>
      <c r="F2932" s="5" t="s">
        <v>5878</v>
      </c>
      <c r="G2932" s="5" t="s">
        <v>5879</v>
      </c>
    </row>
    <row r="2933" spans="1:7">
      <c r="A2933" s="5" t="s">
        <v>7</v>
      </c>
      <c r="B2933" s="5">
        <v>3000</v>
      </c>
      <c r="C2933" s="5" t="s">
        <v>2891</v>
      </c>
      <c r="D2933" s="5" t="s">
        <v>2892</v>
      </c>
      <c r="E2933" s="6">
        <v>13001</v>
      </c>
      <c r="F2933" s="5" t="s">
        <v>5880</v>
      </c>
      <c r="G2933" s="5" t="s">
        <v>5881</v>
      </c>
    </row>
    <row r="2934" spans="1:7">
      <c r="A2934" s="5" t="s">
        <v>7</v>
      </c>
      <c r="B2934" s="5">
        <v>3001</v>
      </c>
      <c r="C2934" s="5" t="s">
        <v>2891</v>
      </c>
      <c r="D2934" s="5" t="s">
        <v>2892</v>
      </c>
      <c r="E2934" s="6">
        <v>13001</v>
      </c>
      <c r="F2934" s="5" t="s">
        <v>5882</v>
      </c>
      <c r="G2934" s="5" t="s">
        <v>5883</v>
      </c>
    </row>
    <row r="2935" spans="1:7">
      <c r="A2935" s="5" t="s">
        <v>7</v>
      </c>
      <c r="B2935" s="5">
        <v>3002</v>
      </c>
      <c r="C2935" s="5" t="s">
        <v>2542</v>
      </c>
      <c r="D2935" s="5" t="s">
        <v>2798</v>
      </c>
      <c r="E2935" s="6">
        <v>8758</v>
      </c>
      <c r="F2935" s="5" t="s">
        <v>5884</v>
      </c>
      <c r="G2935" s="5" t="s">
        <v>5885</v>
      </c>
    </row>
    <row r="2936" spans="1:7">
      <c r="A2936" s="5" t="s">
        <v>7</v>
      </c>
      <c r="B2936" s="5">
        <v>3003</v>
      </c>
      <c r="C2936" s="5" t="s">
        <v>8</v>
      </c>
      <c r="D2936" s="5" t="s">
        <v>8</v>
      </c>
      <c r="E2936" s="6">
        <v>11001</v>
      </c>
      <c r="F2936" s="5" t="s">
        <v>5886</v>
      </c>
      <c r="G2936" s="5" t="s">
        <v>5887</v>
      </c>
    </row>
    <row r="2937" spans="1:7">
      <c r="A2937" s="5" t="s">
        <v>7</v>
      </c>
      <c r="B2937" s="5">
        <v>3004</v>
      </c>
      <c r="C2937" s="5" t="s">
        <v>3306</v>
      </c>
      <c r="D2937" s="5" t="s">
        <v>5888</v>
      </c>
      <c r="E2937" s="6">
        <v>50573</v>
      </c>
      <c r="F2937" s="5" t="s">
        <v>5889</v>
      </c>
      <c r="G2937" s="5" t="s">
        <v>5890</v>
      </c>
    </row>
    <row r="2938" spans="1:7">
      <c r="A2938" s="5" t="s">
        <v>7</v>
      </c>
      <c r="B2938" s="5">
        <v>3005</v>
      </c>
      <c r="C2938" s="5" t="s">
        <v>8</v>
      </c>
      <c r="D2938" s="5" t="s">
        <v>8</v>
      </c>
      <c r="E2938" s="6">
        <v>11001</v>
      </c>
      <c r="F2938" s="5" t="s">
        <v>5891</v>
      </c>
      <c r="G2938" s="5" t="s">
        <v>5892</v>
      </c>
    </row>
    <row r="2939" spans="1:7">
      <c r="A2939" s="5" t="s">
        <v>7</v>
      </c>
      <c r="B2939" s="5">
        <v>3006</v>
      </c>
      <c r="C2939" s="5" t="s">
        <v>8</v>
      </c>
      <c r="D2939" s="5" t="s">
        <v>8</v>
      </c>
      <c r="E2939" s="6">
        <v>11001</v>
      </c>
      <c r="F2939" s="5" t="s">
        <v>5893</v>
      </c>
      <c r="G2939" s="5" t="s">
        <v>5894</v>
      </c>
    </row>
    <row r="2940" spans="1:7">
      <c r="A2940" s="5" t="s">
        <v>7</v>
      </c>
      <c r="B2940" s="5">
        <v>3007</v>
      </c>
      <c r="C2940" s="5" t="s">
        <v>2891</v>
      </c>
      <c r="D2940" s="5" t="s">
        <v>2892</v>
      </c>
      <c r="E2940" s="6">
        <v>13001</v>
      </c>
      <c r="F2940" s="5" t="s">
        <v>5895</v>
      </c>
      <c r="G2940" s="5" t="s">
        <v>5896</v>
      </c>
    </row>
    <row r="2941" spans="1:7">
      <c r="A2941" s="5" t="s">
        <v>7</v>
      </c>
      <c r="B2941" s="5">
        <v>3008</v>
      </c>
      <c r="C2941" s="5" t="s">
        <v>2891</v>
      </c>
      <c r="D2941" s="5" t="s">
        <v>2892</v>
      </c>
      <c r="E2941" s="6">
        <v>13001</v>
      </c>
      <c r="F2941" s="5" t="s">
        <v>5897</v>
      </c>
      <c r="G2941" s="5" t="s">
        <v>5898</v>
      </c>
    </row>
    <row r="2942" spans="1:7">
      <c r="A2942" s="5" t="s">
        <v>7</v>
      </c>
      <c r="B2942" s="5">
        <v>3009</v>
      </c>
      <c r="C2942" s="5" t="s">
        <v>2891</v>
      </c>
      <c r="D2942" s="5" t="s">
        <v>2892</v>
      </c>
      <c r="E2942" s="6">
        <v>13001</v>
      </c>
      <c r="F2942" s="5" t="s">
        <v>5899</v>
      </c>
      <c r="G2942" s="5" t="s">
        <v>5900</v>
      </c>
    </row>
    <row r="2943" spans="1:7">
      <c r="A2943" s="5" t="s">
        <v>7</v>
      </c>
      <c r="B2943" s="5">
        <v>3010</v>
      </c>
      <c r="C2943" s="5" t="s">
        <v>8</v>
      </c>
      <c r="D2943" s="5" t="s">
        <v>8</v>
      </c>
      <c r="E2943" s="6">
        <v>11001</v>
      </c>
      <c r="F2943" s="5" t="s">
        <v>5901</v>
      </c>
      <c r="G2943" s="5" t="s">
        <v>5902</v>
      </c>
    </row>
    <row r="2944" spans="1:7">
      <c r="A2944" s="5" t="s">
        <v>7</v>
      </c>
      <c r="B2944" s="5">
        <v>3011</v>
      </c>
      <c r="C2944" s="5" t="s">
        <v>8</v>
      </c>
      <c r="D2944" s="5" t="s">
        <v>8</v>
      </c>
      <c r="E2944" s="6">
        <v>11001</v>
      </c>
      <c r="F2944" s="5" t="s">
        <v>5903</v>
      </c>
      <c r="G2944" s="5" t="s">
        <v>5904</v>
      </c>
    </row>
    <row r="2945" spans="1:7">
      <c r="A2945" s="5" t="s">
        <v>7</v>
      </c>
      <c r="B2945" s="5">
        <v>3012</v>
      </c>
      <c r="C2945" s="5" t="s">
        <v>8</v>
      </c>
      <c r="D2945" s="5" t="s">
        <v>8</v>
      </c>
      <c r="E2945" s="6">
        <v>11001</v>
      </c>
      <c r="F2945" s="5" t="s">
        <v>5905</v>
      </c>
      <c r="G2945" s="5" t="s">
        <v>5906</v>
      </c>
    </row>
    <row r="2946" spans="1:7">
      <c r="A2946" s="5" t="s">
        <v>7</v>
      </c>
      <c r="B2946" s="5">
        <v>3013</v>
      </c>
      <c r="C2946" s="5" t="s">
        <v>8</v>
      </c>
      <c r="D2946" s="5" t="s">
        <v>8</v>
      </c>
      <c r="E2946" s="6">
        <v>11001</v>
      </c>
      <c r="F2946" s="5" t="s">
        <v>5907</v>
      </c>
      <c r="G2946" s="5" t="s">
        <v>5908</v>
      </c>
    </row>
    <row r="2947" spans="1:7">
      <c r="A2947" s="5" t="s">
        <v>7</v>
      </c>
      <c r="B2947" s="5">
        <v>3014</v>
      </c>
      <c r="C2947" s="5" t="s">
        <v>4368</v>
      </c>
      <c r="D2947" s="5" t="s">
        <v>5909</v>
      </c>
      <c r="E2947" s="6">
        <v>15001</v>
      </c>
      <c r="F2947" s="5" t="s">
        <v>5910</v>
      </c>
      <c r="G2947" s="5" t="s">
        <v>5911</v>
      </c>
    </row>
    <row r="2948" spans="1:7">
      <c r="A2948" s="5" t="s">
        <v>7</v>
      </c>
      <c r="B2948" s="5">
        <v>3016</v>
      </c>
      <c r="C2948" s="5" t="s">
        <v>8</v>
      </c>
      <c r="D2948" s="5" t="s">
        <v>8</v>
      </c>
      <c r="E2948" s="6">
        <v>11001</v>
      </c>
      <c r="F2948" s="5" t="s">
        <v>5912</v>
      </c>
      <c r="G2948" s="5" t="s">
        <v>5913</v>
      </c>
    </row>
    <row r="2949" spans="1:7">
      <c r="A2949" s="5" t="s">
        <v>7</v>
      </c>
      <c r="B2949" s="5">
        <v>3017</v>
      </c>
      <c r="C2949" s="5" t="s">
        <v>8</v>
      </c>
      <c r="D2949" s="5" t="s">
        <v>8</v>
      </c>
      <c r="E2949" s="6">
        <v>11001</v>
      </c>
      <c r="F2949" s="5" t="s">
        <v>5914</v>
      </c>
      <c r="G2949" s="5" t="s">
        <v>5915</v>
      </c>
    </row>
    <row r="2950" spans="1:7">
      <c r="A2950" s="5" t="s">
        <v>7</v>
      </c>
      <c r="B2950" s="5">
        <v>3018</v>
      </c>
      <c r="C2950" s="5" t="s">
        <v>2891</v>
      </c>
      <c r="D2950" s="5" t="s">
        <v>2892</v>
      </c>
      <c r="E2950" s="6">
        <v>13001</v>
      </c>
      <c r="F2950" s="5" t="s">
        <v>5916</v>
      </c>
      <c r="G2950" s="5" t="s">
        <v>5917</v>
      </c>
    </row>
    <row r="2951" spans="1:7">
      <c r="A2951" s="5" t="s">
        <v>7</v>
      </c>
      <c r="B2951" s="5">
        <v>3019</v>
      </c>
      <c r="C2951" s="5" t="s">
        <v>4368</v>
      </c>
      <c r="D2951" s="5" t="s">
        <v>5918</v>
      </c>
      <c r="E2951" s="6">
        <v>15638</v>
      </c>
      <c r="F2951" s="5" t="s">
        <v>5919</v>
      </c>
      <c r="G2951" s="5" t="s">
        <v>5920</v>
      </c>
    </row>
    <row r="2952" spans="1:7">
      <c r="A2952" s="5" t="s">
        <v>7</v>
      </c>
      <c r="B2952" s="5">
        <v>3020</v>
      </c>
      <c r="C2952" s="5" t="s">
        <v>8</v>
      </c>
      <c r="D2952" s="5" t="s">
        <v>8</v>
      </c>
      <c r="E2952" s="6">
        <v>11001</v>
      </c>
      <c r="F2952" s="5" t="s">
        <v>5921</v>
      </c>
      <c r="G2952" s="5" t="s">
        <v>5922</v>
      </c>
    </row>
    <row r="2953" spans="1:7">
      <c r="A2953" s="5" t="s">
        <v>7</v>
      </c>
      <c r="B2953" s="5">
        <v>3021</v>
      </c>
      <c r="C2953" s="5" t="s">
        <v>8</v>
      </c>
      <c r="D2953" s="5" t="s">
        <v>8</v>
      </c>
      <c r="E2953" s="6">
        <v>11001</v>
      </c>
      <c r="F2953" s="5" t="s">
        <v>5923</v>
      </c>
      <c r="G2953" s="5" t="s">
        <v>5924</v>
      </c>
    </row>
    <row r="2954" spans="1:7">
      <c r="A2954" s="5" t="s">
        <v>7</v>
      </c>
      <c r="B2954" s="5">
        <v>3022</v>
      </c>
      <c r="C2954" s="5" t="s">
        <v>8</v>
      </c>
      <c r="D2954" s="5" t="s">
        <v>8</v>
      </c>
      <c r="E2954" s="6">
        <v>11001</v>
      </c>
      <c r="F2954" s="5" t="s">
        <v>5925</v>
      </c>
      <c r="G2954" s="5" t="s">
        <v>5926</v>
      </c>
    </row>
    <row r="2955" spans="1:7">
      <c r="A2955" s="5" t="s">
        <v>7</v>
      </c>
      <c r="B2955" s="5">
        <v>3023</v>
      </c>
      <c r="C2955" s="5" t="s">
        <v>8</v>
      </c>
      <c r="D2955" s="5" t="s">
        <v>8</v>
      </c>
      <c r="E2955" s="6">
        <v>11001</v>
      </c>
      <c r="F2955" s="5" t="s">
        <v>5927</v>
      </c>
      <c r="G2955" s="5" t="s">
        <v>5928</v>
      </c>
    </row>
    <row r="2956" spans="1:7">
      <c r="A2956" s="5" t="s">
        <v>7</v>
      </c>
      <c r="B2956" s="5">
        <v>3024</v>
      </c>
      <c r="C2956" s="5" t="s">
        <v>8</v>
      </c>
      <c r="D2956" s="5" t="s">
        <v>8</v>
      </c>
      <c r="E2956" s="6">
        <v>11001</v>
      </c>
      <c r="F2956" s="5" t="s">
        <v>5929</v>
      </c>
      <c r="G2956" s="5" t="s">
        <v>5930</v>
      </c>
    </row>
    <row r="2957" spans="1:7">
      <c r="A2957" s="5" t="s">
        <v>7</v>
      </c>
      <c r="B2957" s="5">
        <v>3025</v>
      </c>
      <c r="C2957" s="5" t="s">
        <v>8</v>
      </c>
      <c r="D2957" s="5" t="s">
        <v>8</v>
      </c>
      <c r="E2957" s="6">
        <v>11001</v>
      </c>
      <c r="F2957" s="5" t="s">
        <v>5931</v>
      </c>
      <c r="G2957" s="5" t="s">
        <v>5932</v>
      </c>
    </row>
    <row r="2958" spans="1:7">
      <c r="A2958" s="5" t="s">
        <v>7</v>
      </c>
      <c r="B2958" s="5">
        <v>3026</v>
      </c>
      <c r="C2958" s="5" t="s">
        <v>2929</v>
      </c>
      <c r="D2958" s="5" t="s">
        <v>5091</v>
      </c>
      <c r="E2958" s="6">
        <v>73411</v>
      </c>
      <c r="F2958" s="5" t="s">
        <v>5933</v>
      </c>
      <c r="G2958" s="5" t="s">
        <v>5934</v>
      </c>
    </row>
    <row r="2959" spans="1:7">
      <c r="A2959" s="5" t="s">
        <v>7</v>
      </c>
      <c r="B2959" s="5">
        <v>3027</v>
      </c>
      <c r="C2959" s="5" t="s">
        <v>3306</v>
      </c>
      <c r="D2959" s="5" t="s">
        <v>5845</v>
      </c>
      <c r="E2959" s="6">
        <v>50001</v>
      </c>
      <c r="F2959" s="5" t="s">
        <v>5935</v>
      </c>
      <c r="G2959" s="5" t="s">
        <v>5936</v>
      </c>
    </row>
    <row r="2960" spans="1:7">
      <c r="A2960" s="5" t="s">
        <v>7</v>
      </c>
      <c r="B2960" s="5">
        <v>3028</v>
      </c>
      <c r="C2960" s="5" t="s">
        <v>8</v>
      </c>
      <c r="D2960" s="5" t="s">
        <v>8</v>
      </c>
      <c r="E2960" s="6">
        <v>11001</v>
      </c>
      <c r="F2960" s="5" t="s">
        <v>5937</v>
      </c>
      <c r="G2960" s="5" t="s">
        <v>5938</v>
      </c>
    </row>
    <row r="2961" spans="1:7">
      <c r="A2961" s="5" t="s">
        <v>7</v>
      </c>
      <c r="B2961" s="5">
        <v>3029</v>
      </c>
      <c r="C2961" s="5" t="s">
        <v>2891</v>
      </c>
      <c r="D2961" s="5" t="s">
        <v>2892</v>
      </c>
      <c r="E2961" s="6">
        <v>13001</v>
      </c>
      <c r="F2961" s="5" t="s">
        <v>5939</v>
      </c>
      <c r="G2961" s="5" t="s">
        <v>5940</v>
      </c>
    </row>
    <row r="2962" spans="1:7">
      <c r="A2962" s="5" t="s">
        <v>7</v>
      </c>
      <c r="B2962" s="5">
        <v>3030</v>
      </c>
      <c r="C2962" s="5" t="s">
        <v>2542</v>
      </c>
      <c r="D2962" s="5" t="s">
        <v>2543</v>
      </c>
      <c r="E2962" s="6">
        <v>8001</v>
      </c>
      <c r="F2962" s="5" t="s">
        <v>5941</v>
      </c>
      <c r="G2962" s="5" t="s">
        <v>5942</v>
      </c>
    </row>
    <row r="2963" spans="1:7">
      <c r="A2963" s="5" t="s">
        <v>7</v>
      </c>
      <c r="B2963" s="5">
        <v>3031</v>
      </c>
      <c r="C2963" s="5" t="s">
        <v>2891</v>
      </c>
      <c r="D2963" s="5" t="s">
        <v>2892</v>
      </c>
      <c r="E2963" s="6">
        <v>13001</v>
      </c>
      <c r="F2963" s="5" t="s">
        <v>5943</v>
      </c>
      <c r="G2963" s="5" t="s">
        <v>5944</v>
      </c>
    </row>
    <row r="2964" spans="1:7">
      <c r="A2964" s="5" t="s">
        <v>7</v>
      </c>
      <c r="B2964" s="5">
        <v>3032</v>
      </c>
      <c r="C2964" s="5" t="s">
        <v>8</v>
      </c>
      <c r="D2964" s="5" t="s">
        <v>8</v>
      </c>
      <c r="E2964" s="6">
        <v>11001</v>
      </c>
      <c r="F2964" s="5" t="s">
        <v>5945</v>
      </c>
      <c r="G2964" s="5" t="s">
        <v>5946</v>
      </c>
    </row>
    <row r="2965" spans="1:7">
      <c r="A2965" s="5" t="s">
        <v>7</v>
      </c>
      <c r="B2965" s="5">
        <v>3033</v>
      </c>
      <c r="C2965" s="5" t="s">
        <v>8</v>
      </c>
      <c r="D2965" s="5" t="s">
        <v>8</v>
      </c>
      <c r="E2965" s="6">
        <v>11001</v>
      </c>
      <c r="F2965" s="5" t="s">
        <v>5947</v>
      </c>
      <c r="G2965" s="5" t="s">
        <v>5948</v>
      </c>
    </row>
    <row r="2966" spans="1:7">
      <c r="A2966" s="5" t="s">
        <v>7</v>
      </c>
      <c r="B2966" s="5">
        <v>3034</v>
      </c>
      <c r="C2966" s="5" t="s">
        <v>8</v>
      </c>
      <c r="D2966" s="5" t="s">
        <v>8</v>
      </c>
      <c r="E2966" s="6">
        <v>11001</v>
      </c>
      <c r="F2966" s="5" t="s">
        <v>5949</v>
      </c>
      <c r="G2966" s="5" t="s">
        <v>5950</v>
      </c>
    </row>
    <row r="2967" spans="1:7">
      <c r="A2967" s="5" t="s">
        <v>7</v>
      </c>
      <c r="B2967" s="5">
        <v>3035</v>
      </c>
      <c r="C2967" s="5" t="s">
        <v>8</v>
      </c>
      <c r="D2967" s="5" t="s">
        <v>8</v>
      </c>
      <c r="E2967" s="6">
        <v>11001</v>
      </c>
      <c r="F2967" s="5" t="s">
        <v>5951</v>
      </c>
      <c r="G2967" s="5" t="s">
        <v>5952</v>
      </c>
    </row>
    <row r="2968" spans="1:7">
      <c r="A2968" s="5" t="s">
        <v>7</v>
      </c>
      <c r="B2968" s="5">
        <v>3036</v>
      </c>
      <c r="C2968" s="5" t="s">
        <v>8</v>
      </c>
      <c r="D2968" s="5" t="s">
        <v>8</v>
      </c>
      <c r="E2968" s="6">
        <v>11001</v>
      </c>
      <c r="F2968" s="5" t="s">
        <v>5953</v>
      </c>
      <c r="G2968" s="5" t="s">
        <v>5954</v>
      </c>
    </row>
    <row r="2969" spans="1:7">
      <c r="A2969" s="5" t="s">
        <v>7</v>
      </c>
      <c r="B2969" s="5">
        <v>3037</v>
      </c>
      <c r="C2969" s="5" t="s">
        <v>8</v>
      </c>
      <c r="D2969" s="5" t="s">
        <v>8</v>
      </c>
      <c r="E2969" s="6">
        <v>11001</v>
      </c>
      <c r="F2969" s="5" t="s">
        <v>5955</v>
      </c>
      <c r="G2969" s="5" t="s">
        <v>5956</v>
      </c>
    </row>
    <row r="2970" spans="1:7">
      <c r="A2970" s="5" t="s">
        <v>7</v>
      </c>
      <c r="B2970" s="5">
        <v>3038</v>
      </c>
      <c r="C2970" s="5" t="s">
        <v>8</v>
      </c>
      <c r="D2970" s="5" t="s">
        <v>8</v>
      </c>
      <c r="E2970" s="6">
        <v>11001</v>
      </c>
      <c r="F2970" s="5" t="s">
        <v>5957</v>
      </c>
      <c r="G2970" s="5" t="s">
        <v>5958</v>
      </c>
    </row>
    <row r="2971" spans="1:7">
      <c r="A2971" s="5" t="s">
        <v>7</v>
      </c>
      <c r="B2971" s="5">
        <v>3039</v>
      </c>
      <c r="C2971" s="5" t="s">
        <v>8</v>
      </c>
      <c r="D2971" s="5" t="s">
        <v>8</v>
      </c>
      <c r="E2971" s="6">
        <v>11001</v>
      </c>
      <c r="F2971" s="5" t="s">
        <v>5959</v>
      </c>
      <c r="G2971" s="5" t="s">
        <v>5960</v>
      </c>
    </row>
    <row r="2972" spans="1:7">
      <c r="A2972" s="5" t="s">
        <v>7</v>
      </c>
      <c r="B2972" s="5">
        <v>3040</v>
      </c>
      <c r="C2972" s="5" t="s">
        <v>8</v>
      </c>
      <c r="D2972" s="5" t="s">
        <v>8</v>
      </c>
      <c r="E2972" s="6">
        <v>11001</v>
      </c>
      <c r="F2972" s="5" t="s">
        <v>5961</v>
      </c>
      <c r="G2972" s="5" t="s">
        <v>5962</v>
      </c>
    </row>
    <row r="2973" spans="1:7">
      <c r="A2973" s="5" t="s">
        <v>7</v>
      </c>
      <c r="B2973" s="5">
        <v>3041</v>
      </c>
      <c r="C2973" s="5" t="s">
        <v>8</v>
      </c>
      <c r="D2973" s="5" t="s">
        <v>8</v>
      </c>
      <c r="E2973" s="6">
        <v>11001</v>
      </c>
      <c r="F2973" s="5" t="s">
        <v>5963</v>
      </c>
      <c r="G2973" s="5" t="s">
        <v>5964</v>
      </c>
    </row>
    <row r="2974" spans="1:7">
      <c r="A2974" s="5" t="s">
        <v>7</v>
      </c>
      <c r="B2974" s="5">
        <v>3042</v>
      </c>
      <c r="C2974" s="5" t="s">
        <v>8</v>
      </c>
      <c r="D2974" s="5" t="s">
        <v>8</v>
      </c>
      <c r="E2974" s="6">
        <v>11001</v>
      </c>
      <c r="F2974" s="5" t="s">
        <v>5965</v>
      </c>
      <c r="G2974" s="5" t="s">
        <v>5966</v>
      </c>
    </row>
    <row r="2975" spans="1:7">
      <c r="A2975" s="5" t="s">
        <v>7</v>
      </c>
      <c r="B2975" s="5">
        <v>3043</v>
      </c>
      <c r="C2975" s="5" t="s">
        <v>8</v>
      </c>
      <c r="D2975" s="5" t="s">
        <v>8</v>
      </c>
      <c r="E2975" s="6">
        <v>11001</v>
      </c>
      <c r="F2975" s="5" t="s">
        <v>5967</v>
      </c>
      <c r="G2975" s="5" t="s">
        <v>5968</v>
      </c>
    </row>
    <row r="2976" spans="1:7">
      <c r="A2976" s="5" t="s">
        <v>7</v>
      </c>
      <c r="B2976" s="5">
        <v>3044</v>
      </c>
      <c r="C2976" s="5" t="s">
        <v>8</v>
      </c>
      <c r="D2976" s="5" t="s">
        <v>8</v>
      </c>
      <c r="E2976" s="6">
        <v>11001</v>
      </c>
      <c r="F2976" s="5" t="s">
        <v>5969</v>
      </c>
      <c r="G2976" s="5" t="s">
        <v>5970</v>
      </c>
    </row>
    <row r="2977" spans="1:7">
      <c r="A2977" s="5" t="s">
        <v>7</v>
      </c>
      <c r="B2977" s="5">
        <v>3045</v>
      </c>
      <c r="C2977" s="5" t="s">
        <v>8</v>
      </c>
      <c r="D2977" s="5" t="s">
        <v>8</v>
      </c>
      <c r="E2977" s="6">
        <v>11001</v>
      </c>
      <c r="F2977" s="5" t="s">
        <v>5971</v>
      </c>
      <c r="G2977" s="5" t="s">
        <v>5972</v>
      </c>
    </row>
    <row r="2978" spans="1:7">
      <c r="A2978" s="5" t="s">
        <v>7</v>
      </c>
      <c r="B2978" s="5">
        <v>3046</v>
      </c>
      <c r="C2978" s="5" t="s">
        <v>8</v>
      </c>
      <c r="D2978" s="5" t="s">
        <v>8</v>
      </c>
      <c r="E2978" s="6">
        <v>11001</v>
      </c>
      <c r="F2978" s="5" t="s">
        <v>5973</v>
      </c>
      <c r="G2978" s="5" t="s">
        <v>5974</v>
      </c>
    </row>
    <row r="2979" spans="1:7">
      <c r="A2979" s="5" t="s">
        <v>7</v>
      </c>
      <c r="B2979" s="5">
        <v>3047</v>
      </c>
      <c r="C2979" s="5" t="s">
        <v>8</v>
      </c>
      <c r="D2979" s="5" t="s">
        <v>8</v>
      </c>
      <c r="E2979" s="6">
        <v>11001</v>
      </c>
      <c r="F2979" s="5" t="s">
        <v>5975</v>
      </c>
      <c r="G2979" s="5" t="s">
        <v>5976</v>
      </c>
    </row>
    <row r="2980" spans="1:7">
      <c r="A2980" s="5" t="s">
        <v>7</v>
      </c>
      <c r="B2980" s="5">
        <v>3048</v>
      </c>
      <c r="C2980" s="5" t="s">
        <v>8</v>
      </c>
      <c r="D2980" s="5" t="s">
        <v>8</v>
      </c>
      <c r="E2980" s="6">
        <v>11001</v>
      </c>
      <c r="F2980" s="5" t="s">
        <v>1916</v>
      </c>
      <c r="G2980" s="5" t="s">
        <v>5977</v>
      </c>
    </row>
    <row r="2981" spans="1:7">
      <c r="A2981" s="5" t="s">
        <v>7</v>
      </c>
      <c r="B2981" s="5">
        <v>3049</v>
      </c>
      <c r="C2981" s="5" t="s">
        <v>8</v>
      </c>
      <c r="D2981" s="5" t="s">
        <v>8</v>
      </c>
      <c r="E2981" s="6">
        <v>11001</v>
      </c>
      <c r="F2981" s="5" t="s">
        <v>5978</v>
      </c>
      <c r="G2981" s="5" t="s">
        <v>5979</v>
      </c>
    </row>
    <row r="2982" spans="1:7">
      <c r="A2982" s="5" t="s">
        <v>7</v>
      </c>
      <c r="B2982" s="5">
        <v>3050</v>
      </c>
      <c r="C2982" s="5" t="s">
        <v>8</v>
      </c>
      <c r="D2982" s="5" t="s">
        <v>8</v>
      </c>
      <c r="E2982" s="6">
        <v>11001</v>
      </c>
      <c r="F2982" s="5" t="s">
        <v>5980</v>
      </c>
      <c r="G2982" s="5" t="s">
        <v>5981</v>
      </c>
    </row>
    <row r="2983" spans="1:7">
      <c r="A2983" s="5" t="s">
        <v>7</v>
      </c>
      <c r="B2983" s="5">
        <v>3051</v>
      </c>
      <c r="C2983" s="5" t="s">
        <v>8</v>
      </c>
      <c r="D2983" s="5" t="s">
        <v>8</v>
      </c>
      <c r="E2983" s="6">
        <v>11001</v>
      </c>
      <c r="F2983" s="5" t="s">
        <v>5982</v>
      </c>
      <c r="G2983" s="5" t="s">
        <v>5983</v>
      </c>
    </row>
    <row r="2984" spans="1:7">
      <c r="A2984" s="5" t="s">
        <v>7</v>
      </c>
      <c r="B2984" s="5">
        <v>3052</v>
      </c>
      <c r="C2984" s="5" t="s">
        <v>8</v>
      </c>
      <c r="D2984" s="5" t="s">
        <v>8</v>
      </c>
      <c r="E2984" s="6">
        <v>11001</v>
      </c>
      <c r="F2984" s="5" t="s">
        <v>5984</v>
      </c>
      <c r="G2984" s="5" t="s">
        <v>5985</v>
      </c>
    </row>
    <row r="2985" spans="1:7">
      <c r="A2985" s="5" t="s">
        <v>7</v>
      </c>
      <c r="B2985" s="5">
        <v>3053</v>
      </c>
      <c r="C2985" s="5" t="s">
        <v>8</v>
      </c>
      <c r="D2985" s="5" t="s">
        <v>8</v>
      </c>
      <c r="E2985" s="6">
        <v>11001</v>
      </c>
      <c r="F2985" s="5" t="s">
        <v>5986</v>
      </c>
      <c r="G2985" s="5" t="s">
        <v>5987</v>
      </c>
    </row>
    <row r="2986" spans="1:7">
      <c r="A2986" s="5" t="s">
        <v>7</v>
      </c>
      <c r="B2986" s="5">
        <v>3054</v>
      </c>
      <c r="C2986" s="5" t="s">
        <v>8</v>
      </c>
      <c r="D2986" s="5" t="s">
        <v>8</v>
      </c>
      <c r="E2986" s="6">
        <v>11001</v>
      </c>
      <c r="F2986" s="5" t="s">
        <v>5988</v>
      </c>
      <c r="G2986" s="5" t="s">
        <v>5989</v>
      </c>
    </row>
    <row r="2987" spans="1:7">
      <c r="A2987" s="5" t="s">
        <v>7</v>
      </c>
      <c r="B2987" s="5">
        <v>3055</v>
      </c>
      <c r="C2987" s="5" t="s">
        <v>813</v>
      </c>
      <c r="D2987" s="5" t="s">
        <v>4501</v>
      </c>
      <c r="E2987" s="6">
        <v>25599</v>
      </c>
      <c r="F2987" s="5" t="s">
        <v>5990</v>
      </c>
      <c r="G2987" s="5" t="s">
        <v>5991</v>
      </c>
    </row>
    <row r="2988" spans="1:7">
      <c r="A2988" s="5" t="s">
        <v>7</v>
      </c>
      <c r="B2988" s="5">
        <v>3056</v>
      </c>
      <c r="C2988" s="5" t="s">
        <v>813</v>
      </c>
      <c r="D2988" s="5" t="s">
        <v>2290</v>
      </c>
      <c r="E2988" s="6">
        <v>25286</v>
      </c>
      <c r="F2988" s="5" t="s">
        <v>5992</v>
      </c>
      <c r="G2988" s="5" t="s">
        <v>5993</v>
      </c>
    </row>
    <row r="2989" spans="1:7">
      <c r="A2989" s="5" t="s">
        <v>7</v>
      </c>
      <c r="B2989" s="5">
        <v>3057</v>
      </c>
      <c r="C2989" s="5" t="s">
        <v>8</v>
      </c>
      <c r="D2989" s="5" t="s">
        <v>8</v>
      </c>
      <c r="E2989" s="6">
        <v>11001</v>
      </c>
      <c r="F2989" s="5" t="s">
        <v>5994</v>
      </c>
      <c r="G2989" s="5" t="s">
        <v>5995</v>
      </c>
    </row>
    <row r="2990" spans="1:7">
      <c r="A2990" s="5" t="s">
        <v>7</v>
      </c>
      <c r="B2990" s="5">
        <v>3058</v>
      </c>
      <c r="C2990" s="5" t="s">
        <v>8</v>
      </c>
      <c r="D2990" s="5" t="s">
        <v>8</v>
      </c>
      <c r="E2990" s="6">
        <v>11001</v>
      </c>
      <c r="F2990" s="5" t="s">
        <v>5996</v>
      </c>
      <c r="G2990" s="5" t="s">
        <v>5997</v>
      </c>
    </row>
    <row r="2991" spans="1:7">
      <c r="A2991" s="5" t="s">
        <v>7</v>
      </c>
      <c r="B2991" s="5">
        <v>3059</v>
      </c>
      <c r="C2991" s="5" t="s">
        <v>813</v>
      </c>
      <c r="D2991" s="5" t="s">
        <v>814</v>
      </c>
      <c r="E2991" s="6">
        <v>25754</v>
      </c>
      <c r="F2991" s="5" t="s">
        <v>5998</v>
      </c>
      <c r="G2991" s="5" t="s">
        <v>5999</v>
      </c>
    </row>
    <row r="2992" spans="1:7">
      <c r="A2992" s="5" t="s">
        <v>7</v>
      </c>
      <c r="B2992" s="5">
        <v>3060</v>
      </c>
      <c r="C2992" s="5" t="s">
        <v>2542</v>
      </c>
      <c r="D2992" s="5" t="s">
        <v>2543</v>
      </c>
      <c r="E2992" s="6">
        <v>8001</v>
      </c>
      <c r="F2992" s="5" t="s">
        <v>6000</v>
      </c>
      <c r="G2992" s="5" t="s">
        <v>6001</v>
      </c>
    </row>
    <row r="2993" spans="1:7">
      <c r="A2993" s="5" t="s">
        <v>7</v>
      </c>
      <c r="B2993" s="5">
        <v>3061</v>
      </c>
      <c r="C2993" s="5" t="s">
        <v>8</v>
      </c>
      <c r="D2993" s="5" t="s">
        <v>8</v>
      </c>
      <c r="E2993" s="6">
        <v>11001</v>
      </c>
      <c r="F2993" s="5" t="s">
        <v>6002</v>
      </c>
      <c r="G2993" s="5" t="s">
        <v>6003</v>
      </c>
    </row>
    <row r="2994" spans="1:7">
      <c r="A2994" s="5" t="s">
        <v>7</v>
      </c>
      <c r="B2994" s="5">
        <v>3062</v>
      </c>
      <c r="C2994" s="5" t="s">
        <v>8</v>
      </c>
      <c r="D2994" s="5" t="s">
        <v>8</v>
      </c>
      <c r="E2994" s="6">
        <v>11001</v>
      </c>
      <c r="F2994" s="5" t="s">
        <v>6004</v>
      </c>
      <c r="G2994" s="5" t="s">
        <v>6005</v>
      </c>
    </row>
    <row r="2995" spans="1:7">
      <c r="A2995" s="5" t="s">
        <v>7</v>
      </c>
      <c r="B2995" s="5">
        <v>3063</v>
      </c>
      <c r="C2995" s="5" t="s">
        <v>8</v>
      </c>
      <c r="D2995" s="5" t="s">
        <v>8</v>
      </c>
      <c r="E2995" s="6">
        <v>11001</v>
      </c>
      <c r="F2995" s="5" t="s">
        <v>6006</v>
      </c>
      <c r="G2995" s="5" t="s">
        <v>6007</v>
      </c>
    </row>
    <row r="2996" spans="1:7">
      <c r="A2996" s="5" t="s">
        <v>7</v>
      </c>
      <c r="B2996" s="5">
        <v>3064</v>
      </c>
      <c r="C2996" s="5" t="s">
        <v>8</v>
      </c>
      <c r="D2996" s="5" t="s">
        <v>8</v>
      </c>
      <c r="E2996" s="6">
        <v>11001</v>
      </c>
      <c r="F2996" s="5" t="s">
        <v>6008</v>
      </c>
      <c r="G2996" s="5" t="s">
        <v>6009</v>
      </c>
    </row>
    <row r="2997" spans="1:7">
      <c r="A2997" s="5" t="s">
        <v>7</v>
      </c>
      <c r="B2997" s="5">
        <v>3065</v>
      </c>
      <c r="C2997" s="5" t="s">
        <v>8</v>
      </c>
      <c r="D2997" s="5" t="s">
        <v>8</v>
      </c>
      <c r="E2997" s="6">
        <v>11001</v>
      </c>
      <c r="F2997" s="5" t="s">
        <v>6010</v>
      </c>
      <c r="G2997" s="5" t="s">
        <v>6011</v>
      </c>
    </row>
    <row r="2998" spans="1:7">
      <c r="A2998" s="5" t="s">
        <v>7</v>
      </c>
      <c r="B2998" s="5">
        <v>3066</v>
      </c>
      <c r="C2998" s="5" t="s">
        <v>8</v>
      </c>
      <c r="D2998" s="5" t="s">
        <v>8</v>
      </c>
      <c r="E2998" s="6">
        <v>11001</v>
      </c>
      <c r="F2998" s="5" t="s">
        <v>6012</v>
      </c>
      <c r="G2998" s="5" t="s">
        <v>6013</v>
      </c>
    </row>
    <row r="2999" spans="1:7">
      <c r="A2999" s="5" t="s">
        <v>7</v>
      </c>
      <c r="B2999" s="5">
        <v>3067</v>
      </c>
      <c r="C2999" s="5" t="s">
        <v>8</v>
      </c>
      <c r="D2999" s="5" t="s">
        <v>8</v>
      </c>
      <c r="E2999" s="6">
        <v>11001</v>
      </c>
      <c r="F2999" s="5" t="s">
        <v>6014</v>
      </c>
      <c r="G2999" s="5" t="s">
        <v>6015</v>
      </c>
    </row>
    <row r="3000" spans="1:7">
      <c r="A3000" s="5" t="s">
        <v>7</v>
      </c>
      <c r="B3000" s="5">
        <v>3068</v>
      </c>
      <c r="C3000" s="5" t="s">
        <v>2891</v>
      </c>
      <c r="D3000" s="5" t="s">
        <v>2892</v>
      </c>
      <c r="E3000" s="6">
        <v>13001</v>
      </c>
      <c r="F3000" s="5" t="s">
        <v>6016</v>
      </c>
      <c r="G3000" s="5" t="s">
        <v>6017</v>
      </c>
    </row>
    <row r="3001" spans="1:7">
      <c r="A3001" s="5" t="s">
        <v>7</v>
      </c>
      <c r="B3001" s="5">
        <v>3069</v>
      </c>
      <c r="C3001" s="5" t="s">
        <v>813</v>
      </c>
      <c r="D3001" s="5" t="s">
        <v>2793</v>
      </c>
      <c r="E3001" s="6">
        <v>25269</v>
      </c>
      <c r="F3001" s="5" t="s">
        <v>6018</v>
      </c>
      <c r="G3001" s="5" t="s">
        <v>6019</v>
      </c>
    </row>
    <row r="3002" spans="1:7">
      <c r="A3002" s="5" t="s">
        <v>7</v>
      </c>
      <c r="B3002" s="5">
        <v>3070</v>
      </c>
      <c r="C3002" s="5" t="s">
        <v>813</v>
      </c>
      <c r="D3002" s="5" t="s">
        <v>2793</v>
      </c>
      <c r="E3002" s="6">
        <v>25269</v>
      </c>
      <c r="F3002" s="5" t="s">
        <v>6020</v>
      </c>
      <c r="G3002" s="5" t="s">
        <v>6021</v>
      </c>
    </row>
    <row r="3003" spans="1:7">
      <c r="A3003" s="5" t="s">
        <v>7</v>
      </c>
      <c r="B3003" s="5">
        <v>3071</v>
      </c>
      <c r="C3003" s="5" t="s">
        <v>8</v>
      </c>
      <c r="D3003" s="5" t="s">
        <v>8</v>
      </c>
      <c r="E3003" s="6">
        <v>11001</v>
      </c>
      <c r="F3003" s="5" t="s">
        <v>6022</v>
      </c>
      <c r="G3003" s="5" t="s">
        <v>6023</v>
      </c>
    </row>
    <row r="3004" spans="1:7">
      <c r="A3004" s="5" t="s">
        <v>7</v>
      </c>
      <c r="B3004" s="5">
        <v>3072</v>
      </c>
      <c r="C3004" s="5" t="s">
        <v>8</v>
      </c>
      <c r="D3004" s="5" t="s">
        <v>8</v>
      </c>
      <c r="E3004" s="6">
        <v>11001</v>
      </c>
      <c r="F3004" s="5" t="s">
        <v>6024</v>
      </c>
      <c r="G3004" s="5" t="s">
        <v>6025</v>
      </c>
    </row>
    <row r="3005" spans="1:7">
      <c r="A3005" s="5" t="s">
        <v>7</v>
      </c>
      <c r="B3005" s="5">
        <v>3073</v>
      </c>
      <c r="C3005" s="5" t="s">
        <v>8</v>
      </c>
      <c r="D3005" s="5" t="s">
        <v>8</v>
      </c>
      <c r="E3005" s="6">
        <v>11001</v>
      </c>
      <c r="F3005" s="5" t="s">
        <v>6026</v>
      </c>
      <c r="G3005" s="5" t="s">
        <v>6027</v>
      </c>
    </row>
    <row r="3006" spans="1:7">
      <c r="A3006" s="5" t="s">
        <v>7</v>
      </c>
      <c r="B3006" s="5">
        <v>3074</v>
      </c>
      <c r="C3006" s="5" t="s">
        <v>8</v>
      </c>
      <c r="D3006" s="5" t="s">
        <v>8</v>
      </c>
      <c r="E3006" s="6">
        <v>11001</v>
      </c>
      <c r="F3006" s="5" t="s">
        <v>6028</v>
      </c>
      <c r="G3006" s="5" t="s">
        <v>6029</v>
      </c>
    </row>
    <row r="3007" spans="1:7">
      <c r="A3007" s="5" t="s">
        <v>7</v>
      </c>
      <c r="B3007" s="5">
        <v>3075</v>
      </c>
      <c r="C3007" s="5" t="s">
        <v>813</v>
      </c>
      <c r="D3007" s="5" t="s">
        <v>814</v>
      </c>
      <c r="E3007" s="6">
        <v>25754</v>
      </c>
      <c r="F3007" s="5" t="s">
        <v>6030</v>
      </c>
      <c r="G3007" s="5" t="s">
        <v>6031</v>
      </c>
    </row>
    <row r="3008" spans="1:7">
      <c r="A3008" s="5" t="s">
        <v>7</v>
      </c>
      <c r="B3008" s="5">
        <v>3076</v>
      </c>
      <c r="C3008" s="5" t="s">
        <v>813</v>
      </c>
      <c r="D3008" s="5" t="s">
        <v>814</v>
      </c>
      <c r="E3008" s="6">
        <v>25754</v>
      </c>
      <c r="F3008" s="5" t="s">
        <v>6032</v>
      </c>
      <c r="G3008" s="5" t="s">
        <v>6033</v>
      </c>
    </row>
    <row r="3009" spans="1:7">
      <c r="A3009" s="5" t="s">
        <v>7</v>
      </c>
      <c r="B3009" s="5">
        <v>3077</v>
      </c>
      <c r="C3009" s="5" t="s">
        <v>8</v>
      </c>
      <c r="D3009" s="5" t="s">
        <v>8</v>
      </c>
      <c r="E3009" s="6">
        <v>11001</v>
      </c>
      <c r="F3009" s="5" t="s">
        <v>6034</v>
      </c>
      <c r="G3009" s="5" t="s">
        <v>6035</v>
      </c>
    </row>
    <row r="3010" spans="1:7">
      <c r="A3010" s="5" t="s">
        <v>7</v>
      </c>
      <c r="B3010" s="5">
        <v>3078</v>
      </c>
      <c r="C3010" s="5" t="s">
        <v>8</v>
      </c>
      <c r="D3010" s="5" t="s">
        <v>8</v>
      </c>
      <c r="E3010" s="6">
        <v>11001</v>
      </c>
      <c r="F3010" s="5" t="s">
        <v>6036</v>
      </c>
      <c r="G3010" s="5" t="s">
        <v>6037</v>
      </c>
    </row>
    <row r="3011" spans="1:7">
      <c r="A3011" s="5" t="s">
        <v>7</v>
      </c>
      <c r="B3011" s="5">
        <v>3079</v>
      </c>
      <c r="C3011" s="5" t="s">
        <v>8</v>
      </c>
      <c r="D3011" s="5" t="s">
        <v>8</v>
      </c>
      <c r="E3011" s="6">
        <v>11001</v>
      </c>
      <c r="F3011" s="5" t="s">
        <v>6038</v>
      </c>
      <c r="G3011" s="5" t="s">
        <v>6039</v>
      </c>
    </row>
    <row r="3012" spans="1:7">
      <c r="A3012" s="5" t="s">
        <v>7</v>
      </c>
      <c r="B3012" s="5">
        <v>3080</v>
      </c>
      <c r="C3012" s="5" t="s">
        <v>8</v>
      </c>
      <c r="D3012" s="5" t="s">
        <v>8</v>
      </c>
      <c r="E3012" s="6">
        <v>11001</v>
      </c>
      <c r="F3012" s="5" t="s">
        <v>6040</v>
      </c>
      <c r="G3012" s="5" t="s">
        <v>6041</v>
      </c>
    </row>
    <row r="3013" spans="1:7">
      <c r="A3013" s="5" t="s">
        <v>7</v>
      </c>
      <c r="B3013" s="5">
        <v>3081</v>
      </c>
      <c r="C3013" s="5" t="s">
        <v>2891</v>
      </c>
      <c r="D3013" s="5" t="s">
        <v>2892</v>
      </c>
      <c r="E3013" s="6">
        <v>13001</v>
      </c>
      <c r="F3013" s="5" t="s">
        <v>6042</v>
      </c>
      <c r="G3013" s="5" t="s">
        <v>6043</v>
      </c>
    </row>
    <row r="3014" spans="1:7">
      <c r="A3014" s="5" t="s">
        <v>7</v>
      </c>
      <c r="B3014" s="5">
        <v>3082</v>
      </c>
      <c r="C3014" s="5" t="s">
        <v>2891</v>
      </c>
      <c r="D3014" s="5" t="s">
        <v>2892</v>
      </c>
      <c r="E3014" s="6">
        <v>13001</v>
      </c>
      <c r="F3014" s="5" t="s">
        <v>6044</v>
      </c>
      <c r="G3014" s="5" t="s">
        <v>6045</v>
      </c>
    </row>
    <row r="3015" spans="1:7">
      <c r="A3015" s="5" t="s">
        <v>7</v>
      </c>
      <c r="B3015" s="5">
        <v>3083</v>
      </c>
      <c r="C3015" s="5" t="s">
        <v>4368</v>
      </c>
      <c r="D3015" s="5" t="s">
        <v>6046</v>
      </c>
      <c r="E3015" s="6">
        <v>15224</v>
      </c>
      <c r="F3015" s="5" t="s">
        <v>6047</v>
      </c>
      <c r="G3015" s="5" t="s">
        <v>6048</v>
      </c>
    </row>
    <row r="3016" spans="1:7">
      <c r="A3016" s="5" t="s">
        <v>7</v>
      </c>
      <c r="B3016" s="5">
        <v>3084</v>
      </c>
      <c r="C3016" s="5" t="s">
        <v>8</v>
      </c>
      <c r="D3016" s="5" t="s">
        <v>8</v>
      </c>
      <c r="E3016" s="6">
        <v>11001</v>
      </c>
      <c r="F3016" s="5" t="s">
        <v>6049</v>
      </c>
      <c r="G3016" s="5" t="s">
        <v>6050</v>
      </c>
    </row>
    <row r="3017" spans="1:7">
      <c r="A3017" s="5" t="s">
        <v>7</v>
      </c>
      <c r="B3017" s="5">
        <v>3085</v>
      </c>
      <c r="C3017" s="5" t="s">
        <v>8</v>
      </c>
      <c r="D3017" s="5" t="s">
        <v>8</v>
      </c>
      <c r="E3017" s="6">
        <v>11001</v>
      </c>
      <c r="F3017" s="5" t="s">
        <v>6051</v>
      </c>
      <c r="G3017" s="5" t="s">
        <v>6052</v>
      </c>
    </row>
    <row r="3018" spans="1:7">
      <c r="A3018" s="5" t="s">
        <v>7</v>
      </c>
      <c r="B3018" s="5">
        <v>3086</v>
      </c>
      <c r="C3018" s="5" t="s">
        <v>2891</v>
      </c>
      <c r="D3018" s="5" t="s">
        <v>2892</v>
      </c>
      <c r="E3018" s="6">
        <v>13001</v>
      </c>
      <c r="F3018" s="5" t="s">
        <v>6053</v>
      </c>
      <c r="G3018" s="5" t="s">
        <v>6054</v>
      </c>
    </row>
    <row r="3019" spans="1:7">
      <c r="A3019" s="5" t="s">
        <v>7</v>
      </c>
      <c r="B3019" s="5">
        <v>3087</v>
      </c>
      <c r="C3019" s="5" t="s">
        <v>8</v>
      </c>
      <c r="D3019" s="5" t="s">
        <v>8</v>
      </c>
      <c r="E3019" s="6">
        <v>11001</v>
      </c>
      <c r="F3019" s="5" t="s">
        <v>6055</v>
      </c>
      <c r="G3019" s="5" t="s">
        <v>6056</v>
      </c>
    </row>
    <row r="3020" spans="1:7">
      <c r="A3020" s="5" t="s">
        <v>7</v>
      </c>
      <c r="B3020" s="5">
        <v>3088</v>
      </c>
      <c r="C3020" s="5" t="s">
        <v>8</v>
      </c>
      <c r="D3020" s="5" t="s">
        <v>8</v>
      </c>
      <c r="E3020" s="6">
        <v>11001</v>
      </c>
      <c r="F3020" s="5" t="s">
        <v>6057</v>
      </c>
      <c r="G3020" s="5" t="s">
        <v>6058</v>
      </c>
    </row>
    <row r="3021" spans="1:7">
      <c r="A3021" s="5" t="s">
        <v>7</v>
      </c>
      <c r="B3021" s="5">
        <v>3089</v>
      </c>
      <c r="C3021" s="5" t="s">
        <v>8</v>
      </c>
      <c r="D3021" s="5" t="s">
        <v>8</v>
      </c>
      <c r="E3021" s="6">
        <v>11001</v>
      </c>
      <c r="F3021" s="5" t="s">
        <v>6059</v>
      </c>
      <c r="G3021" s="5" t="s">
        <v>6060</v>
      </c>
    </row>
    <row r="3022" spans="1:7">
      <c r="A3022" s="5" t="s">
        <v>7</v>
      </c>
      <c r="B3022" s="5">
        <v>3090</v>
      </c>
      <c r="C3022" s="5" t="s">
        <v>8</v>
      </c>
      <c r="D3022" s="5" t="s">
        <v>8</v>
      </c>
      <c r="E3022" s="6">
        <v>11001</v>
      </c>
      <c r="F3022" s="5" t="s">
        <v>6061</v>
      </c>
      <c r="G3022" s="5" t="s">
        <v>6062</v>
      </c>
    </row>
    <row r="3023" spans="1:7">
      <c r="A3023" s="5" t="s">
        <v>7</v>
      </c>
      <c r="B3023" s="5">
        <v>3091</v>
      </c>
      <c r="C3023" s="5" t="s">
        <v>2542</v>
      </c>
      <c r="D3023" s="5" t="s">
        <v>2543</v>
      </c>
      <c r="E3023" s="6">
        <v>8001</v>
      </c>
      <c r="F3023" s="5" t="s">
        <v>6063</v>
      </c>
      <c r="G3023" s="5" t="s">
        <v>6064</v>
      </c>
    </row>
    <row r="3024" spans="1:7">
      <c r="A3024" s="5" t="s">
        <v>7</v>
      </c>
      <c r="B3024" s="5">
        <v>3092</v>
      </c>
      <c r="C3024" s="5" t="s">
        <v>813</v>
      </c>
      <c r="D3024" s="5" t="s">
        <v>814</v>
      </c>
      <c r="E3024" s="6">
        <v>25754</v>
      </c>
      <c r="F3024" s="5" t="s">
        <v>6065</v>
      </c>
      <c r="G3024" s="5" t="s">
        <v>6066</v>
      </c>
    </row>
    <row r="3025" spans="1:7">
      <c r="A3025" s="5" t="s">
        <v>7</v>
      </c>
      <c r="B3025" s="5">
        <v>3093</v>
      </c>
      <c r="C3025" s="5" t="s">
        <v>8</v>
      </c>
      <c r="D3025" s="5" t="s">
        <v>8</v>
      </c>
      <c r="E3025" s="6">
        <v>11001</v>
      </c>
      <c r="F3025" s="5" t="s">
        <v>1150</v>
      </c>
      <c r="G3025" s="5" t="s">
        <v>6067</v>
      </c>
    </row>
    <row r="3026" spans="1:7">
      <c r="A3026" s="5" t="s">
        <v>7</v>
      </c>
      <c r="B3026" s="5">
        <v>3094</v>
      </c>
      <c r="C3026" s="5" t="s">
        <v>8</v>
      </c>
      <c r="D3026" s="5" t="s">
        <v>8</v>
      </c>
      <c r="E3026" s="6">
        <v>11001</v>
      </c>
      <c r="F3026" s="5" t="s">
        <v>6068</v>
      </c>
      <c r="G3026" s="5" t="s">
        <v>6069</v>
      </c>
    </row>
    <row r="3027" spans="1:7">
      <c r="A3027" s="5" t="s">
        <v>7</v>
      </c>
      <c r="B3027" s="5">
        <v>3095</v>
      </c>
      <c r="C3027" s="5" t="s">
        <v>8</v>
      </c>
      <c r="D3027" s="5" t="s">
        <v>8</v>
      </c>
      <c r="E3027" s="6">
        <v>11001</v>
      </c>
      <c r="F3027" s="5" t="s">
        <v>6070</v>
      </c>
      <c r="G3027" s="5" t="s">
        <v>6071</v>
      </c>
    </row>
    <row r="3028" spans="1:7">
      <c r="A3028" s="5" t="s">
        <v>7</v>
      </c>
      <c r="B3028" s="5">
        <v>3096</v>
      </c>
      <c r="C3028" s="5" t="s">
        <v>8</v>
      </c>
      <c r="D3028" s="5" t="s">
        <v>8</v>
      </c>
      <c r="E3028" s="6">
        <v>11001</v>
      </c>
      <c r="F3028" s="5" t="s">
        <v>6072</v>
      </c>
      <c r="G3028" s="5" t="s">
        <v>6073</v>
      </c>
    </row>
    <row r="3029" spans="1:7">
      <c r="A3029" s="5" t="s">
        <v>7</v>
      </c>
      <c r="B3029" s="5">
        <v>3097</v>
      </c>
      <c r="C3029" s="5" t="s">
        <v>8</v>
      </c>
      <c r="D3029" s="5" t="s">
        <v>8</v>
      </c>
      <c r="E3029" s="6">
        <v>11001</v>
      </c>
      <c r="F3029" s="5" t="s">
        <v>6074</v>
      </c>
      <c r="G3029" s="5" t="s">
        <v>6075</v>
      </c>
    </row>
    <row r="3030" spans="1:7">
      <c r="A3030" s="5" t="s">
        <v>7</v>
      </c>
      <c r="B3030" s="5">
        <v>3098</v>
      </c>
      <c r="C3030" s="5" t="s">
        <v>8</v>
      </c>
      <c r="D3030" s="5" t="s">
        <v>8</v>
      </c>
      <c r="E3030" s="6">
        <v>11001</v>
      </c>
      <c r="F3030" s="5" t="s">
        <v>6076</v>
      </c>
      <c r="G3030" s="5" t="s">
        <v>6077</v>
      </c>
    </row>
    <row r="3031" spans="1:7">
      <c r="A3031" s="5" t="s">
        <v>7</v>
      </c>
      <c r="B3031" s="5">
        <v>3099</v>
      </c>
      <c r="C3031" s="5" t="s">
        <v>8</v>
      </c>
      <c r="D3031" s="5" t="s">
        <v>8</v>
      </c>
      <c r="E3031" s="6">
        <v>11001</v>
      </c>
      <c r="F3031" s="5" t="s">
        <v>6078</v>
      </c>
      <c r="G3031" s="5" t="s">
        <v>6079</v>
      </c>
    </row>
    <row r="3032" spans="1:7">
      <c r="A3032" s="5" t="s">
        <v>7</v>
      </c>
      <c r="B3032" s="5">
        <v>3100</v>
      </c>
      <c r="C3032" s="5" t="s">
        <v>8</v>
      </c>
      <c r="D3032" s="5" t="s">
        <v>8</v>
      </c>
      <c r="E3032" s="6">
        <v>11001</v>
      </c>
      <c r="F3032" s="5" t="s">
        <v>6080</v>
      </c>
      <c r="G3032" s="5" t="s">
        <v>6081</v>
      </c>
    </row>
    <row r="3033" spans="1:7">
      <c r="A3033" s="5" t="s">
        <v>7</v>
      </c>
      <c r="B3033" s="5">
        <v>3101</v>
      </c>
      <c r="C3033" s="5" t="s">
        <v>8</v>
      </c>
      <c r="D3033" s="5" t="s">
        <v>8</v>
      </c>
      <c r="E3033" s="6">
        <v>11001</v>
      </c>
      <c r="F3033" s="5" t="s">
        <v>6082</v>
      </c>
      <c r="G3033" s="5" t="s">
        <v>6083</v>
      </c>
    </row>
    <row r="3034" spans="1:7">
      <c r="A3034" s="5" t="s">
        <v>7</v>
      </c>
      <c r="B3034" s="5">
        <v>3102</v>
      </c>
      <c r="C3034" s="5" t="s">
        <v>8</v>
      </c>
      <c r="D3034" s="5" t="s">
        <v>8</v>
      </c>
      <c r="E3034" s="6">
        <v>11001</v>
      </c>
      <c r="F3034" s="5" t="s">
        <v>6084</v>
      </c>
      <c r="G3034" s="5" t="s">
        <v>6085</v>
      </c>
    </row>
    <row r="3035" spans="1:7">
      <c r="A3035" s="5" t="s">
        <v>7</v>
      </c>
      <c r="B3035" s="5">
        <v>3103</v>
      </c>
      <c r="C3035" s="5" t="s">
        <v>8</v>
      </c>
      <c r="D3035" s="5" t="s">
        <v>8</v>
      </c>
      <c r="E3035" s="6">
        <v>11001</v>
      </c>
      <c r="F3035" s="5" t="s">
        <v>6086</v>
      </c>
      <c r="G3035" s="5" t="s">
        <v>6087</v>
      </c>
    </row>
    <row r="3036" spans="1:7">
      <c r="A3036" s="5" t="s">
        <v>7</v>
      </c>
      <c r="B3036" s="5">
        <v>3104</v>
      </c>
      <c r="C3036" s="5" t="s">
        <v>2891</v>
      </c>
      <c r="D3036" s="5" t="s">
        <v>2892</v>
      </c>
      <c r="E3036" s="6">
        <v>13001</v>
      </c>
      <c r="F3036" s="5" t="s">
        <v>6088</v>
      </c>
      <c r="G3036" s="5" t="s">
        <v>6089</v>
      </c>
    </row>
    <row r="3037" spans="1:7">
      <c r="A3037" s="5" t="s">
        <v>7</v>
      </c>
      <c r="B3037" s="5">
        <v>3105</v>
      </c>
      <c r="C3037" s="5" t="s">
        <v>2891</v>
      </c>
      <c r="D3037" s="5" t="s">
        <v>2892</v>
      </c>
      <c r="E3037" s="6">
        <v>13001</v>
      </c>
      <c r="F3037" s="5" t="s">
        <v>6090</v>
      </c>
      <c r="G3037" s="5" t="s">
        <v>6091</v>
      </c>
    </row>
    <row r="3038" spans="1:7">
      <c r="A3038" s="5" t="s">
        <v>7</v>
      </c>
      <c r="B3038" s="5">
        <v>3106</v>
      </c>
      <c r="C3038" s="5" t="s">
        <v>8</v>
      </c>
      <c r="D3038" s="5" t="s">
        <v>8</v>
      </c>
      <c r="E3038" s="6">
        <v>11001</v>
      </c>
      <c r="F3038" s="5" t="s">
        <v>6092</v>
      </c>
      <c r="G3038" s="5" t="s">
        <v>6093</v>
      </c>
    </row>
    <row r="3039" spans="1:7">
      <c r="A3039" s="5" t="s">
        <v>7</v>
      </c>
      <c r="B3039" s="5">
        <v>3107</v>
      </c>
      <c r="C3039" s="5" t="s">
        <v>8</v>
      </c>
      <c r="D3039" s="5" t="s">
        <v>8</v>
      </c>
      <c r="E3039" s="6">
        <v>11001</v>
      </c>
      <c r="F3039" s="5" t="s">
        <v>6094</v>
      </c>
      <c r="G3039" s="5" t="s">
        <v>6095</v>
      </c>
    </row>
    <row r="3040" spans="1:7">
      <c r="A3040" s="5" t="s">
        <v>7</v>
      </c>
      <c r="B3040" s="5">
        <v>3108</v>
      </c>
      <c r="C3040" s="5" t="s">
        <v>8</v>
      </c>
      <c r="D3040" s="5" t="s">
        <v>8</v>
      </c>
      <c r="E3040" s="6">
        <v>11001</v>
      </c>
      <c r="F3040" s="5" t="s">
        <v>6096</v>
      </c>
      <c r="G3040" s="5" t="s">
        <v>6097</v>
      </c>
    </row>
    <row r="3041" spans="1:7">
      <c r="A3041" s="5" t="s">
        <v>7</v>
      </c>
      <c r="B3041" s="5">
        <v>3109</v>
      </c>
      <c r="C3041" s="5" t="s">
        <v>8</v>
      </c>
      <c r="D3041" s="5" t="s">
        <v>8</v>
      </c>
      <c r="E3041" s="6">
        <v>11001</v>
      </c>
      <c r="F3041" s="5" t="s">
        <v>6098</v>
      </c>
      <c r="G3041" s="5" t="s">
        <v>6099</v>
      </c>
    </row>
    <row r="3042" spans="1:7">
      <c r="A3042" s="5" t="s">
        <v>7</v>
      </c>
      <c r="B3042" s="5">
        <v>3110</v>
      </c>
      <c r="C3042" s="5" t="s">
        <v>8</v>
      </c>
      <c r="D3042" s="5" t="s">
        <v>8</v>
      </c>
      <c r="E3042" s="6">
        <v>11001</v>
      </c>
      <c r="F3042" s="5" t="s">
        <v>6100</v>
      </c>
      <c r="G3042" s="5" t="s">
        <v>6101</v>
      </c>
    </row>
    <row r="3043" spans="1:7">
      <c r="A3043" s="5" t="s">
        <v>7</v>
      </c>
      <c r="B3043" s="5">
        <v>3111</v>
      </c>
      <c r="C3043" s="5" t="s">
        <v>8</v>
      </c>
      <c r="D3043" s="5" t="s">
        <v>8</v>
      </c>
      <c r="E3043" s="6">
        <v>11001</v>
      </c>
      <c r="F3043" s="5" t="s">
        <v>6102</v>
      </c>
      <c r="G3043" s="5" t="s">
        <v>6103</v>
      </c>
    </row>
    <row r="3044" spans="1:7">
      <c r="A3044" s="5" t="s">
        <v>7</v>
      </c>
      <c r="B3044" s="5">
        <v>3112</v>
      </c>
      <c r="C3044" s="5" t="s">
        <v>2891</v>
      </c>
      <c r="D3044" s="5" t="s">
        <v>2892</v>
      </c>
      <c r="E3044" s="6">
        <v>13001</v>
      </c>
      <c r="F3044" s="5" t="s">
        <v>6104</v>
      </c>
      <c r="G3044" s="5" t="s">
        <v>6105</v>
      </c>
    </row>
    <row r="3045" spans="1:7">
      <c r="A3045" s="5" t="s">
        <v>7</v>
      </c>
      <c r="B3045" s="5">
        <v>3113</v>
      </c>
      <c r="C3045" s="5" t="s">
        <v>813</v>
      </c>
      <c r="D3045" s="5" t="s">
        <v>814</v>
      </c>
      <c r="E3045" s="6">
        <v>25754</v>
      </c>
      <c r="F3045" s="5" t="s">
        <v>6106</v>
      </c>
      <c r="G3045" s="5" t="s">
        <v>6107</v>
      </c>
    </row>
    <row r="3046" spans="1:7">
      <c r="A3046" s="5" t="s">
        <v>7</v>
      </c>
      <c r="B3046" s="5">
        <v>3114</v>
      </c>
      <c r="C3046" s="5" t="s">
        <v>8</v>
      </c>
      <c r="D3046" s="5" t="s">
        <v>8</v>
      </c>
      <c r="E3046" s="6">
        <v>11001</v>
      </c>
      <c r="F3046" s="5" t="s">
        <v>2145</v>
      </c>
      <c r="G3046" s="5" t="s">
        <v>6108</v>
      </c>
    </row>
    <row r="3047" spans="1:7">
      <c r="A3047" s="5" t="s">
        <v>7</v>
      </c>
      <c r="B3047" s="5">
        <v>3115</v>
      </c>
      <c r="C3047" s="5" t="s">
        <v>8</v>
      </c>
      <c r="D3047" s="5" t="s">
        <v>8</v>
      </c>
      <c r="E3047" s="6">
        <v>11001</v>
      </c>
      <c r="F3047" s="5" t="s">
        <v>6109</v>
      </c>
      <c r="G3047" s="5" t="s">
        <v>6110</v>
      </c>
    </row>
    <row r="3048" spans="1:7">
      <c r="A3048" s="5" t="s">
        <v>7</v>
      </c>
      <c r="B3048" s="5">
        <v>3116</v>
      </c>
      <c r="C3048" s="5" t="s">
        <v>8</v>
      </c>
      <c r="D3048" s="5" t="s">
        <v>8</v>
      </c>
      <c r="E3048" s="6">
        <v>11001</v>
      </c>
      <c r="F3048" s="5" t="s">
        <v>6111</v>
      </c>
      <c r="G3048" s="5" t="s">
        <v>6112</v>
      </c>
    </row>
    <row r="3049" spans="1:7">
      <c r="A3049" s="5" t="s">
        <v>7</v>
      </c>
      <c r="B3049" s="5">
        <v>3117</v>
      </c>
      <c r="C3049" s="5" t="s">
        <v>8</v>
      </c>
      <c r="D3049" s="5" t="s">
        <v>8</v>
      </c>
      <c r="E3049" s="6">
        <v>11001</v>
      </c>
      <c r="F3049" s="5" t="s">
        <v>6113</v>
      </c>
      <c r="G3049" s="5" t="s">
        <v>6114</v>
      </c>
    </row>
    <row r="3050" spans="1:7">
      <c r="A3050" s="5" t="s">
        <v>7</v>
      </c>
      <c r="B3050" s="5">
        <v>3118</v>
      </c>
      <c r="C3050" s="5" t="s">
        <v>8</v>
      </c>
      <c r="D3050" s="5" t="s">
        <v>8</v>
      </c>
      <c r="E3050" s="6">
        <v>11001</v>
      </c>
      <c r="F3050" s="5" t="s">
        <v>6115</v>
      </c>
      <c r="G3050" s="5" t="s">
        <v>6116</v>
      </c>
    </row>
    <row r="3051" spans="1:7">
      <c r="A3051" s="5" t="s">
        <v>7</v>
      </c>
      <c r="B3051" s="5">
        <v>3119</v>
      </c>
      <c r="C3051" s="5" t="s">
        <v>2891</v>
      </c>
      <c r="D3051" s="5" t="s">
        <v>2892</v>
      </c>
      <c r="E3051" s="6">
        <v>13001</v>
      </c>
      <c r="F3051" s="5" t="s">
        <v>6117</v>
      </c>
      <c r="G3051" s="5" t="s">
        <v>6118</v>
      </c>
    </row>
    <row r="3052" spans="1:7">
      <c r="A3052" s="5" t="s">
        <v>7</v>
      </c>
      <c r="B3052" s="5">
        <v>3120</v>
      </c>
      <c r="C3052" s="5" t="s">
        <v>2891</v>
      </c>
      <c r="D3052" s="5" t="s">
        <v>2892</v>
      </c>
      <c r="E3052" s="6">
        <v>13001</v>
      </c>
      <c r="F3052" s="5" t="s">
        <v>6119</v>
      </c>
      <c r="G3052" s="5" t="s">
        <v>6120</v>
      </c>
    </row>
    <row r="3053" spans="1:7">
      <c r="A3053" s="5" t="s">
        <v>7</v>
      </c>
      <c r="B3053" s="5">
        <v>3121</v>
      </c>
      <c r="C3053" s="5" t="s">
        <v>8</v>
      </c>
      <c r="D3053" s="5" t="s">
        <v>8</v>
      </c>
      <c r="E3053" s="6">
        <v>11001</v>
      </c>
      <c r="F3053" s="5" t="s">
        <v>6121</v>
      </c>
      <c r="G3053" s="5" t="s">
        <v>6122</v>
      </c>
    </row>
    <row r="3054" spans="1:7">
      <c r="A3054" s="5" t="s">
        <v>7</v>
      </c>
      <c r="B3054" s="5">
        <v>3122</v>
      </c>
      <c r="C3054" s="5" t="s">
        <v>8</v>
      </c>
      <c r="D3054" s="5" t="s">
        <v>8</v>
      </c>
      <c r="E3054" s="6">
        <v>11001</v>
      </c>
      <c r="F3054" s="5" t="s">
        <v>6123</v>
      </c>
      <c r="G3054" s="5" t="s">
        <v>6124</v>
      </c>
    </row>
    <row r="3055" spans="1:7">
      <c r="A3055" s="5" t="s">
        <v>7</v>
      </c>
      <c r="B3055" s="5">
        <v>3123</v>
      </c>
      <c r="C3055" s="5" t="s">
        <v>8</v>
      </c>
      <c r="D3055" s="5" t="s">
        <v>8</v>
      </c>
      <c r="E3055" s="6">
        <v>11001</v>
      </c>
      <c r="F3055" s="5" t="s">
        <v>6125</v>
      </c>
      <c r="G3055" s="5" t="s">
        <v>6126</v>
      </c>
    </row>
    <row r="3056" spans="1:7">
      <c r="A3056" s="5" t="s">
        <v>7</v>
      </c>
      <c r="B3056" s="5">
        <v>3124</v>
      </c>
      <c r="C3056" s="5" t="s">
        <v>8</v>
      </c>
      <c r="D3056" s="5" t="s">
        <v>8</v>
      </c>
      <c r="E3056" s="6">
        <v>11001</v>
      </c>
      <c r="F3056" s="5" t="s">
        <v>6127</v>
      </c>
      <c r="G3056" s="5" t="s">
        <v>6128</v>
      </c>
    </row>
    <row r="3057" spans="1:7">
      <c r="A3057" s="5" t="s">
        <v>7</v>
      </c>
      <c r="B3057" s="5">
        <v>3125</v>
      </c>
      <c r="C3057" s="5" t="s">
        <v>813</v>
      </c>
      <c r="D3057" s="5" t="s">
        <v>814</v>
      </c>
      <c r="E3057" s="6">
        <v>25754</v>
      </c>
      <c r="F3057" s="5" t="s">
        <v>1950</v>
      </c>
      <c r="G3057" s="5" t="s">
        <v>6129</v>
      </c>
    </row>
    <row r="3058" spans="1:7">
      <c r="A3058" s="5" t="s">
        <v>7</v>
      </c>
      <c r="B3058" s="5">
        <v>3126</v>
      </c>
      <c r="C3058" s="5" t="s">
        <v>8</v>
      </c>
      <c r="D3058" s="5" t="s">
        <v>8</v>
      </c>
      <c r="E3058" s="6">
        <v>11001</v>
      </c>
      <c r="F3058" s="5" t="s">
        <v>6130</v>
      </c>
      <c r="G3058" s="5" t="s">
        <v>6131</v>
      </c>
    </row>
    <row r="3059" spans="1:7">
      <c r="A3059" s="5" t="s">
        <v>7</v>
      </c>
      <c r="B3059" s="5">
        <v>3127</v>
      </c>
      <c r="C3059" s="5" t="s">
        <v>8</v>
      </c>
      <c r="D3059" s="5" t="s">
        <v>8</v>
      </c>
      <c r="E3059" s="6">
        <v>11001</v>
      </c>
      <c r="F3059" s="5" t="s">
        <v>6132</v>
      </c>
      <c r="G3059" s="5" t="s">
        <v>6133</v>
      </c>
    </row>
    <row r="3060" spans="1:7">
      <c r="A3060" s="5" t="s">
        <v>7</v>
      </c>
      <c r="B3060" s="5">
        <v>3128</v>
      </c>
      <c r="C3060" s="5" t="s">
        <v>8</v>
      </c>
      <c r="D3060" s="5" t="s">
        <v>8</v>
      </c>
      <c r="E3060" s="6">
        <v>11001</v>
      </c>
      <c r="F3060" s="5" t="s">
        <v>6134</v>
      </c>
      <c r="G3060" s="5" t="s">
        <v>6135</v>
      </c>
    </row>
    <row r="3061" spans="1:7">
      <c r="A3061" s="5" t="s">
        <v>7</v>
      </c>
      <c r="B3061" s="5">
        <v>3129</v>
      </c>
      <c r="C3061" s="5" t="s">
        <v>8</v>
      </c>
      <c r="D3061" s="5" t="s">
        <v>8</v>
      </c>
      <c r="E3061" s="6">
        <v>11001</v>
      </c>
      <c r="F3061" s="5" t="s">
        <v>6136</v>
      </c>
      <c r="G3061" s="5" t="s">
        <v>6137</v>
      </c>
    </row>
    <row r="3062" spans="1:7">
      <c r="A3062" s="5" t="s">
        <v>7</v>
      </c>
      <c r="B3062" s="5">
        <v>3130</v>
      </c>
      <c r="C3062" s="5" t="s">
        <v>8</v>
      </c>
      <c r="D3062" s="5" t="s">
        <v>8</v>
      </c>
      <c r="E3062" s="6">
        <v>11001</v>
      </c>
      <c r="F3062" s="5" t="s">
        <v>6138</v>
      </c>
      <c r="G3062" s="5" t="s">
        <v>6139</v>
      </c>
    </row>
    <row r="3063" spans="1:7">
      <c r="A3063" s="5" t="s">
        <v>7</v>
      </c>
      <c r="B3063" s="5">
        <v>3131</v>
      </c>
      <c r="C3063" s="5" t="s">
        <v>8</v>
      </c>
      <c r="D3063" s="5" t="s">
        <v>8</v>
      </c>
      <c r="E3063" s="6">
        <v>11001</v>
      </c>
      <c r="F3063" s="5" t="s">
        <v>6140</v>
      </c>
      <c r="G3063" s="5" t="s">
        <v>6141</v>
      </c>
    </row>
    <row r="3064" spans="1:7">
      <c r="A3064" s="5" t="s">
        <v>7</v>
      </c>
      <c r="B3064" s="5">
        <v>3132</v>
      </c>
      <c r="C3064" s="5" t="s">
        <v>8</v>
      </c>
      <c r="D3064" s="5" t="s">
        <v>8</v>
      </c>
      <c r="E3064" s="6">
        <v>11001</v>
      </c>
      <c r="F3064" s="5" t="s">
        <v>6142</v>
      </c>
      <c r="G3064" s="5" t="s">
        <v>6143</v>
      </c>
    </row>
    <row r="3065" spans="1:7">
      <c r="A3065" s="5" t="s">
        <v>7</v>
      </c>
      <c r="B3065" s="5">
        <v>3133</v>
      </c>
      <c r="C3065" s="5" t="s">
        <v>8</v>
      </c>
      <c r="D3065" s="5" t="s">
        <v>8</v>
      </c>
      <c r="E3065" s="6">
        <v>11001</v>
      </c>
      <c r="F3065" s="5" t="s">
        <v>6144</v>
      </c>
      <c r="G3065" s="5" t="s">
        <v>6145</v>
      </c>
    </row>
    <row r="3066" spans="1:7">
      <c r="A3066" s="5" t="s">
        <v>7</v>
      </c>
      <c r="B3066" s="5">
        <v>3134</v>
      </c>
      <c r="C3066" s="5" t="s">
        <v>8</v>
      </c>
      <c r="D3066" s="5" t="s">
        <v>8</v>
      </c>
      <c r="E3066" s="6">
        <v>11001</v>
      </c>
      <c r="F3066" s="5" t="s">
        <v>6146</v>
      </c>
      <c r="G3066" s="5" t="s">
        <v>6147</v>
      </c>
    </row>
    <row r="3067" spans="1:7">
      <c r="A3067" s="5" t="s">
        <v>7</v>
      </c>
      <c r="B3067" s="5">
        <v>3135</v>
      </c>
      <c r="C3067" s="5" t="s">
        <v>8</v>
      </c>
      <c r="D3067" s="5" t="s">
        <v>8</v>
      </c>
      <c r="E3067" s="6">
        <v>11001</v>
      </c>
      <c r="F3067" s="5" t="s">
        <v>1324</v>
      </c>
      <c r="G3067" s="5" t="s">
        <v>6148</v>
      </c>
    </row>
    <row r="3068" spans="1:7">
      <c r="A3068" s="5" t="s">
        <v>7</v>
      </c>
      <c r="B3068" s="5">
        <v>3136</v>
      </c>
      <c r="C3068" s="5" t="s">
        <v>2891</v>
      </c>
      <c r="D3068" s="5" t="s">
        <v>2892</v>
      </c>
      <c r="E3068" s="6">
        <v>13001</v>
      </c>
      <c r="F3068" s="5" t="s">
        <v>6149</v>
      </c>
      <c r="G3068" s="5" t="s">
        <v>6150</v>
      </c>
    </row>
    <row r="3069" spans="1:7">
      <c r="A3069" s="5" t="s">
        <v>7</v>
      </c>
      <c r="B3069" s="5">
        <v>3137</v>
      </c>
      <c r="C3069" s="5" t="s">
        <v>8</v>
      </c>
      <c r="D3069" s="5" t="s">
        <v>8</v>
      </c>
      <c r="E3069" s="6">
        <v>11001</v>
      </c>
      <c r="F3069" s="5" t="s">
        <v>6151</v>
      </c>
      <c r="G3069" s="5" t="s">
        <v>6152</v>
      </c>
    </row>
    <row r="3070" spans="1:7">
      <c r="A3070" s="5" t="s">
        <v>7</v>
      </c>
      <c r="B3070" s="5">
        <v>3138</v>
      </c>
      <c r="C3070" s="5" t="s">
        <v>8</v>
      </c>
      <c r="D3070" s="5" t="s">
        <v>8</v>
      </c>
      <c r="E3070" s="6">
        <v>11001</v>
      </c>
      <c r="F3070" s="5" t="s">
        <v>6153</v>
      </c>
      <c r="G3070" s="5" t="s">
        <v>6154</v>
      </c>
    </row>
    <row r="3071" spans="1:7">
      <c r="A3071" s="5" t="s">
        <v>7</v>
      </c>
      <c r="B3071" s="5">
        <v>3139</v>
      </c>
      <c r="C3071" s="5" t="s">
        <v>8</v>
      </c>
      <c r="D3071" s="5" t="s">
        <v>8</v>
      </c>
      <c r="E3071" s="6">
        <v>11001</v>
      </c>
      <c r="F3071" s="5" t="s">
        <v>6155</v>
      </c>
      <c r="G3071" s="5" t="s">
        <v>6156</v>
      </c>
    </row>
    <row r="3072" spans="1:7">
      <c r="A3072" s="5" t="s">
        <v>7</v>
      </c>
      <c r="B3072" s="5">
        <v>3140</v>
      </c>
      <c r="C3072" s="5" t="s">
        <v>8</v>
      </c>
      <c r="D3072" s="5" t="s">
        <v>8</v>
      </c>
      <c r="E3072" s="6">
        <v>11001</v>
      </c>
      <c r="F3072" s="5" t="s">
        <v>6157</v>
      </c>
      <c r="G3072" s="5" t="s">
        <v>6158</v>
      </c>
    </row>
    <row r="3073" spans="1:7">
      <c r="A3073" s="5" t="s">
        <v>7</v>
      </c>
      <c r="B3073" s="5">
        <v>3141</v>
      </c>
      <c r="C3073" s="5" t="s">
        <v>8</v>
      </c>
      <c r="D3073" s="5" t="s">
        <v>8</v>
      </c>
      <c r="E3073" s="6">
        <v>11001</v>
      </c>
      <c r="F3073" s="5" t="s">
        <v>6159</v>
      </c>
      <c r="G3073" s="5" t="s">
        <v>6160</v>
      </c>
    </row>
    <row r="3074" spans="1:7">
      <c r="A3074" s="5" t="s">
        <v>7</v>
      </c>
      <c r="B3074" s="5">
        <v>3142</v>
      </c>
      <c r="C3074" s="5" t="s">
        <v>8</v>
      </c>
      <c r="D3074" s="5" t="s">
        <v>8</v>
      </c>
      <c r="E3074" s="6">
        <v>11001</v>
      </c>
      <c r="F3074" s="5" t="s">
        <v>6161</v>
      </c>
      <c r="G3074" s="5" t="s">
        <v>6162</v>
      </c>
    </row>
    <row r="3075" spans="1:7">
      <c r="A3075" s="5" t="s">
        <v>7</v>
      </c>
      <c r="B3075" s="5">
        <v>3143</v>
      </c>
      <c r="C3075" s="5" t="s">
        <v>8</v>
      </c>
      <c r="D3075" s="5" t="s">
        <v>8</v>
      </c>
      <c r="E3075" s="6">
        <v>11001</v>
      </c>
      <c r="F3075" s="5" t="s">
        <v>6163</v>
      </c>
      <c r="G3075" s="5" t="s">
        <v>6164</v>
      </c>
    </row>
    <row r="3076" spans="1:7">
      <c r="A3076" s="5" t="s">
        <v>7</v>
      </c>
      <c r="B3076" s="5">
        <v>3144</v>
      </c>
      <c r="C3076" s="5" t="s">
        <v>8</v>
      </c>
      <c r="D3076" s="5" t="s">
        <v>8</v>
      </c>
      <c r="E3076" s="6">
        <v>11001</v>
      </c>
      <c r="F3076" s="5" t="s">
        <v>6165</v>
      </c>
      <c r="G3076" s="5" t="s">
        <v>6166</v>
      </c>
    </row>
    <row r="3077" spans="1:7">
      <c r="A3077" s="5" t="s">
        <v>7</v>
      </c>
      <c r="B3077" s="5">
        <v>3145</v>
      </c>
      <c r="C3077" s="5" t="s">
        <v>813</v>
      </c>
      <c r="D3077" s="5" t="s">
        <v>5819</v>
      </c>
      <c r="E3077" s="6">
        <v>25200</v>
      </c>
      <c r="F3077" s="5" t="s">
        <v>6167</v>
      </c>
      <c r="G3077" s="5" t="s">
        <v>6168</v>
      </c>
    </row>
    <row r="3078" spans="1:7">
      <c r="A3078" s="5" t="s">
        <v>7</v>
      </c>
      <c r="B3078" s="5">
        <v>3146</v>
      </c>
      <c r="C3078" s="5" t="s">
        <v>8</v>
      </c>
      <c r="D3078" s="5" t="s">
        <v>8</v>
      </c>
      <c r="E3078" s="6">
        <v>11001</v>
      </c>
      <c r="F3078" s="5" t="s">
        <v>6169</v>
      </c>
      <c r="G3078" s="5" t="s">
        <v>6170</v>
      </c>
    </row>
    <row r="3079" spans="1:7">
      <c r="A3079" s="5" t="s">
        <v>7</v>
      </c>
      <c r="B3079" s="5">
        <v>3147</v>
      </c>
      <c r="C3079" s="5" t="s">
        <v>8</v>
      </c>
      <c r="D3079" s="5" t="s">
        <v>8</v>
      </c>
      <c r="E3079" s="6">
        <v>11001</v>
      </c>
      <c r="F3079" s="5" t="s">
        <v>6171</v>
      </c>
      <c r="G3079" s="5" t="s">
        <v>6172</v>
      </c>
    </row>
    <row r="3080" spans="1:7">
      <c r="A3080" s="5" t="s">
        <v>7</v>
      </c>
      <c r="B3080" s="5">
        <v>3148</v>
      </c>
      <c r="C3080" s="5" t="s">
        <v>8</v>
      </c>
      <c r="D3080" s="5" t="s">
        <v>8</v>
      </c>
      <c r="E3080" s="6">
        <v>11001</v>
      </c>
      <c r="F3080" s="5" t="s">
        <v>6173</v>
      </c>
      <c r="G3080" s="5" t="s">
        <v>6174</v>
      </c>
    </row>
    <row r="3081" spans="1:7">
      <c r="A3081" s="5" t="s">
        <v>7</v>
      </c>
      <c r="B3081" s="5">
        <v>3149</v>
      </c>
      <c r="C3081" s="5" t="s">
        <v>8</v>
      </c>
      <c r="D3081" s="5" t="s">
        <v>8</v>
      </c>
      <c r="E3081" s="6">
        <v>11001</v>
      </c>
      <c r="F3081" s="5" t="s">
        <v>6175</v>
      </c>
      <c r="G3081" s="5" t="s">
        <v>6176</v>
      </c>
    </row>
    <row r="3082" spans="1:7">
      <c r="A3082" s="5" t="s">
        <v>7</v>
      </c>
      <c r="B3082" s="5">
        <v>3150</v>
      </c>
      <c r="C3082" s="5" t="s">
        <v>8</v>
      </c>
      <c r="D3082" s="5" t="s">
        <v>8</v>
      </c>
      <c r="E3082" s="6">
        <v>11001</v>
      </c>
      <c r="F3082" s="5" t="s">
        <v>6177</v>
      </c>
      <c r="G3082" s="5" t="s">
        <v>6178</v>
      </c>
    </row>
    <row r="3083" spans="1:7">
      <c r="A3083" s="5" t="s">
        <v>7</v>
      </c>
      <c r="B3083" s="5">
        <v>3151</v>
      </c>
      <c r="C3083" s="5" t="s">
        <v>8</v>
      </c>
      <c r="D3083" s="5" t="s">
        <v>8</v>
      </c>
      <c r="E3083" s="6">
        <v>11001</v>
      </c>
      <c r="F3083" s="5" t="s">
        <v>6179</v>
      </c>
      <c r="G3083" s="5" t="s">
        <v>6180</v>
      </c>
    </row>
    <row r="3084" spans="1:7">
      <c r="A3084" s="5" t="s">
        <v>7</v>
      </c>
      <c r="B3084" s="5">
        <v>3152</v>
      </c>
      <c r="C3084" s="5" t="s">
        <v>8</v>
      </c>
      <c r="D3084" s="5" t="s">
        <v>8</v>
      </c>
      <c r="E3084" s="6">
        <v>11001</v>
      </c>
      <c r="F3084" s="5" t="s">
        <v>6181</v>
      </c>
      <c r="G3084" s="5" t="s">
        <v>6182</v>
      </c>
    </row>
    <row r="3085" spans="1:7">
      <c r="A3085" s="5" t="s">
        <v>7</v>
      </c>
      <c r="B3085" s="5">
        <v>3153</v>
      </c>
      <c r="C3085" s="5" t="s">
        <v>3011</v>
      </c>
      <c r="D3085" s="5" t="s">
        <v>3560</v>
      </c>
      <c r="E3085" s="6">
        <v>5001</v>
      </c>
      <c r="F3085" s="5" t="s">
        <v>6183</v>
      </c>
      <c r="G3085" s="5" t="s">
        <v>6184</v>
      </c>
    </row>
    <row r="3086" spans="1:7">
      <c r="A3086" s="5" t="s">
        <v>7</v>
      </c>
      <c r="B3086" s="5">
        <v>3154</v>
      </c>
      <c r="C3086" s="5" t="s">
        <v>8</v>
      </c>
      <c r="D3086" s="5" t="s">
        <v>8</v>
      </c>
      <c r="E3086" s="6">
        <v>11001</v>
      </c>
      <c r="F3086" s="5" t="s">
        <v>6185</v>
      </c>
      <c r="G3086" s="5" t="s">
        <v>6186</v>
      </c>
    </row>
    <row r="3087" spans="1:7">
      <c r="A3087" s="5" t="s">
        <v>7</v>
      </c>
      <c r="B3087" s="5">
        <v>3155</v>
      </c>
      <c r="C3087" s="5" t="s">
        <v>8</v>
      </c>
      <c r="D3087" s="5" t="s">
        <v>8</v>
      </c>
      <c r="E3087" s="6">
        <v>11001</v>
      </c>
      <c r="F3087" s="5" t="s">
        <v>6187</v>
      </c>
      <c r="G3087" s="5" t="s">
        <v>6188</v>
      </c>
    </row>
    <row r="3088" spans="1:7">
      <c r="A3088" s="5" t="s">
        <v>7</v>
      </c>
      <c r="B3088" s="5">
        <v>3156</v>
      </c>
      <c r="C3088" s="5" t="s">
        <v>2891</v>
      </c>
      <c r="D3088" s="5" t="s">
        <v>2892</v>
      </c>
      <c r="E3088" s="6">
        <v>13001</v>
      </c>
      <c r="F3088" s="5" t="s">
        <v>6189</v>
      </c>
      <c r="G3088" s="5" t="s">
        <v>6190</v>
      </c>
    </row>
    <row r="3089" spans="1:7">
      <c r="A3089" s="5" t="s">
        <v>7</v>
      </c>
      <c r="B3089" s="5">
        <v>3157</v>
      </c>
      <c r="C3089" s="5" t="s">
        <v>8</v>
      </c>
      <c r="D3089" s="5" t="s">
        <v>8</v>
      </c>
      <c r="E3089" s="6">
        <v>11001</v>
      </c>
      <c r="F3089" s="5" t="s">
        <v>6191</v>
      </c>
      <c r="G3089" s="5" t="s">
        <v>6192</v>
      </c>
    </row>
    <row r="3090" spans="1:7">
      <c r="A3090" s="5" t="s">
        <v>7</v>
      </c>
      <c r="B3090" s="5">
        <v>3158</v>
      </c>
      <c r="C3090" s="5" t="s">
        <v>8</v>
      </c>
      <c r="D3090" s="5" t="s">
        <v>8</v>
      </c>
      <c r="E3090" s="6">
        <v>11001</v>
      </c>
      <c r="F3090" s="5" t="s">
        <v>6193</v>
      </c>
      <c r="G3090" s="5" t="s">
        <v>6194</v>
      </c>
    </row>
    <row r="3091" spans="1:7">
      <c r="A3091" s="5" t="s">
        <v>7</v>
      </c>
      <c r="B3091" s="5">
        <v>3159</v>
      </c>
      <c r="C3091" s="5" t="s">
        <v>2542</v>
      </c>
      <c r="D3091" s="5" t="s">
        <v>2543</v>
      </c>
      <c r="E3091" s="6">
        <v>8001</v>
      </c>
      <c r="F3091" s="5" t="s">
        <v>6195</v>
      </c>
      <c r="G3091" s="5" t="s">
        <v>6196</v>
      </c>
    </row>
    <row r="3092" spans="1:7">
      <c r="A3092" s="5" t="s">
        <v>7</v>
      </c>
      <c r="B3092" s="5">
        <v>3160</v>
      </c>
      <c r="C3092" s="5" t="s">
        <v>8</v>
      </c>
      <c r="D3092" s="5" t="s">
        <v>8</v>
      </c>
      <c r="E3092" s="6">
        <v>11001</v>
      </c>
      <c r="F3092" s="5" t="s">
        <v>6197</v>
      </c>
      <c r="G3092" s="5" t="s">
        <v>6198</v>
      </c>
    </row>
    <row r="3093" spans="1:7">
      <c r="A3093" s="5" t="s">
        <v>7</v>
      </c>
      <c r="B3093" s="5">
        <v>3161</v>
      </c>
      <c r="C3093" s="5" t="s">
        <v>2891</v>
      </c>
      <c r="D3093" s="5" t="s">
        <v>2892</v>
      </c>
      <c r="E3093" s="6">
        <v>13001</v>
      </c>
      <c r="F3093" s="5" t="s">
        <v>6199</v>
      </c>
      <c r="G3093" s="5" t="s">
        <v>6200</v>
      </c>
    </row>
    <row r="3094" spans="1:7">
      <c r="A3094" s="5" t="s">
        <v>7</v>
      </c>
      <c r="B3094" s="5">
        <v>3162</v>
      </c>
      <c r="C3094" s="5" t="s">
        <v>8</v>
      </c>
      <c r="D3094" s="5" t="s">
        <v>8</v>
      </c>
      <c r="E3094" s="6">
        <v>11001</v>
      </c>
      <c r="F3094" s="5" t="s">
        <v>6201</v>
      </c>
      <c r="G3094" s="5" t="s">
        <v>6202</v>
      </c>
    </row>
    <row r="3095" spans="1:7">
      <c r="A3095" s="5" t="s">
        <v>7</v>
      </c>
      <c r="B3095" s="5">
        <v>3163</v>
      </c>
      <c r="C3095" s="5" t="s">
        <v>2891</v>
      </c>
      <c r="D3095" s="5" t="s">
        <v>2892</v>
      </c>
      <c r="E3095" s="6">
        <v>13001</v>
      </c>
      <c r="F3095" s="5" t="s">
        <v>6203</v>
      </c>
      <c r="G3095" s="5" t="s">
        <v>6204</v>
      </c>
    </row>
    <row r="3096" spans="1:7">
      <c r="A3096" s="5" t="s">
        <v>7</v>
      </c>
      <c r="B3096" s="5">
        <v>3164</v>
      </c>
      <c r="C3096" s="5" t="s">
        <v>8</v>
      </c>
      <c r="D3096" s="5" t="s">
        <v>8</v>
      </c>
      <c r="E3096" s="6">
        <v>11001</v>
      </c>
      <c r="F3096" s="5" t="s">
        <v>6205</v>
      </c>
      <c r="G3096" s="5" t="s">
        <v>6206</v>
      </c>
    </row>
    <row r="3097" spans="1:7">
      <c r="A3097" s="5" t="s">
        <v>7</v>
      </c>
      <c r="B3097" s="5">
        <v>3165</v>
      </c>
      <c r="C3097" s="5" t="s">
        <v>8</v>
      </c>
      <c r="D3097" s="5" t="s">
        <v>8</v>
      </c>
      <c r="E3097" s="6">
        <v>11001</v>
      </c>
      <c r="F3097" s="5" t="s">
        <v>6207</v>
      </c>
      <c r="G3097" s="5" t="s">
        <v>6208</v>
      </c>
    </row>
    <row r="3098" spans="1:7">
      <c r="A3098" s="5" t="s">
        <v>7</v>
      </c>
      <c r="B3098" s="5">
        <v>3166</v>
      </c>
      <c r="C3098" s="5" t="s">
        <v>2891</v>
      </c>
      <c r="D3098" s="5" t="s">
        <v>2892</v>
      </c>
      <c r="E3098" s="6">
        <v>13001</v>
      </c>
      <c r="F3098" s="5" t="s">
        <v>6209</v>
      </c>
      <c r="G3098" s="5" t="s">
        <v>6210</v>
      </c>
    </row>
    <row r="3099" spans="1:7">
      <c r="A3099" s="5" t="s">
        <v>7</v>
      </c>
      <c r="B3099" s="5">
        <v>3167</v>
      </c>
      <c r="C3099" s="5" t="s">
        <v>8</v>
      </c>
      <c r="D3099" s="5" t="s">
        <v>8</v>
      </c>
      <c r="E3099" s="6">
        <v>11001</v>
      </c>
      <c r="F3099" s="5" t="s">
        <v>6211</v>
      </c>
      <c r="G3099" s="5" t="s">
        <v>6212</v>
      </c>
    </row>
    <row r="3100" spans="1:7">
      <c r="A3100" s="5" t="s">
        <v>7</v>
      </c>
      <c r="B3100" s="5">
        <v>3168</v>
      </c>
      <c r="C3100" s="5" t="s">
        <v>8</v>
      </c>
      <c r="D3100" s="5" t="s">
        <v>8</v>
      </c>
      <c r="E3100" s="6">
        <v>11001</v>
      </c>
      <c r="F3100" s="5" t="s">
        <v>6213</v>
      </c>
      <c r="G3100" s="5" t="s">
        <v>6214</v>
      </c>
    </row>
    <row r="3101" spans="1:7">
      <c r="A3101" s="5" t="s">
        <v>7</v>
      </c>
      <c r="B3101" s="5">
        <v>3169</v>
      </c>
      <c r="C3101" s="5" t="s">
        <v>8</v>
      </c>
      <c r="D3101" s="5" t="s">
        <v>8</v>
      </c>
      <c r="E3101" s="6">
        <v>11001</v>
      </c>
      <c r="F3101" s="5" t="s">
        <v>6215</v>
      </c>
      <c r="G3101" s="5" t="s">
        <v>6216</v>
      </c>
    </row>
    <row r="3102" spans="1:7">
      <c r="A3102" s="5" t="s">
        <v>7</v>
      </c>
      <c r="B3102" s="5">
        <v>3170</v>
      </c>
      <c r="C3102" s="5" t="s">
        <v>8</v>
      </c>
      <c r="D3102" s="5" t="s">
        <v>8</v>
      </c>
      <c r="E3102" s="6">
        <v>11001</v>
      </c>
      <c r="F3102" s="5" t="s">
        <v>6217</v>
      </c>
      <c r="G3102" s="5" t="s">
        <v>6218</v>
      </c>
    </row>
    <row r="3103" spans="1:7">
      <c r="A3103" s="5" t="s">
        <v>7</v>
      </c>
      <c r="B3103" s="5">
        <v>3171</v>
      </c>
      <c r="C3103" s="5" t="s">
        <v>8</v>
      </c>
      <c r="D3103" s="5" t="s">
        <v>8</v>
      </c>
      <c r="E3103" s="6">
        <v>11001</v>
      </c>
      <c r="F3103" s="5" t="s">
        <v>6219</v>
      </c>
      <c r="G3103" s="5" t="s">
        <v>6220</v>
      </c>
    </row>
    <row r="3104" spans="1:7">
      <c r="A3104" s="5" t="s">
        <v>7</v>
      </c>
      <c r="B3104" s="5">
        <v>3172</v>
      </c>
      <c r="C3104" s="5" t="s">
        <v>2929</v>
      </c>
      <c r="D3104" s="5" t="s">
        <v>5050</v>
      </c>
      <c r="E3104" s="6">
        <v>73283</v>
      </c>
      <c r="F3104" s="5" t="s">
        <v>6221</v>
      </c>
      <c r="G3104" s="5" t="s">
        <v>5052</v>
      </c>
    </row>
    <row r="3105" spans="1:7">
      <c r="A3105" s="5" t="s">
        <v>7</v>
      </c>
      <c r="B3105" s="5">
        <v>3173</v>
      </c>
      <c r="C3105" s="5" t="s">
        <v>8</v>
      </c>
      <c r="D3105" s="5" t="s">
        <v>8</v>
      </c>
      <c r="E3105" s="6">
        <v>11001</v>
      </c>
      <c r="F3105" s="5" t="s">
        <v>6222</v>
      </c>
      <c r="G3105" s="5" t="s">
        <v>6223</v>
      </c>
    </row>
    <row r="3106" spans="1:7">
      <c r="A3106" s="5" t="s">
        <v>7</v>
      </c>
      <c r="B3106" s="5">
        <v>3174</v>
      </c>
      <c r="C3106" s="5" t="s">
        <v>8</v>
      </c>
      <c r="D3106" s="5" t="s">
        <v>8</v>
      </c>
      <c r="E3106" s="6">
        <v>11001</v>
      </c>
      <c r="F3106" s="5" t="s">
        <v>6224</v>
      </c>
      <c r="G3106" s="5" t="s">
        <v>6225</v>
      </c>
    </row>
    <row r="3107" spans="1:7">
      <c r="A3107" s="5" t="s">
        <v>7</v>
      </c>
      <c r="B3107" s="5">
        <v>3175</v>
      </c>
      <c r="C3107" s="5" t="s">
        <v>2891</v>
      </c>
      <c r="D3107" s="5" t="s">
        <v>2892</v>
      </c>
      <c r="E3107" s="6">
        <v>13001</v>
      </c>
      <c r="F3107" s="5" t="s">
        <v>6226</v>
      </c>
      <c r="G3107" s="5" t="s">
        <v>6227</v>
      </c>
    </row>
    <row r="3108" spans="1:7">
      <c r="A3108" s="5" t="s">
        <v>7</v>
      </c>
      <c r="B3108" s="5">
        <v>3176</v>
      </c>
      <c r="C3108" s="5" t="s">
        <v>2891</v>
      </c>
      <c r="D3108" s="5" t="s">
        <v>2892</v>
      </c>
      <c r="E3108" s="6">
        <v>13001</v>
      </c>
      <c r="F3108" s="5" t="s">
        <v>6228</v>
      </c>
      <c r="G3108" s="5" t="s">
        <v>6229</v>
      </c>
    </row>
    <row r="3109" spans="1:7">
      <c r="A3109" s="5" t="s">
        <v>7</v>
      </c>
      <c r="B3109" s="5">
        <v>3177</v>
      </c>
      <c r="C3109" s="5" t="s">
        <v>2891</v>
      </c>
      <c r="D3109" s="5" t="s">
        <v>2892</v>
      </c>
      <c r="E3109" s="6">
        <v>13001</v>
      </c>
      <c r="F3109" s="5" t="s">
        <v>6230</v>
      </c>
      <c r="G3109" s="5" t="s">
        <v>6231</v>
      </c>
    </row>
    <row r="3110" spans="1:7">
      <c r="A3110" s="5" t="s">
        <v>7</v>
      </c>
      <c r="B3110" s="5">
        <v>3178</v>
      </c>
      <c r="C3110" s="5" t="s">
        <v>8</v>
      </c>
      <c r="D3110" s="5" t="s">
        <v>8</v>
      </c>
      <c r="E3110" s="6">
        <v>11001</v>
      </c>
      <c r="F3110" s="5" t="s">
        <v>6232</v>
      </c>
      <c r="G3110" s="5" t="s">
        <v>6233</v>
      </c>
    </row>
    <row r="3111" spans="1:7">
      <c r="A3111" s="5" t="s">
        <v>7</v>
      </c>
      <c r="B3111" s="5">
        <v>3179</v>
      </c>
      <c r="C3111" s="5" t="s">
        <v>813</v>
      </c>
      <c r="D3111" s="5" t="s">
        <v>814</v>
      </c>
      <c r="E3111" s="6">
        <v>25754</v>
      </c>
      <c r="F3111" s="5" t="s">
        <v>6234</v>
      </c>
      <c r="G3111" s="5" t="s">
        <v>6235</v>
      </c>
    </row>
    <row r="3112" spans="1:7">
      <c r="A3112" s="5" t="s">
        <v>7</v>
      </c>
      <c r="B3112" s="5">
        <v>3180</v>
      </c>
      <c r="C3112" s="5" t="s">
        <v>2542</v>
      </c>
      <c r="D3112" s="5" t="s">
        <v>2543</v>
      </c>
      <c r="E3112" s="6">
        <v>8001</v>
      </c>
      <c r="F3112" s="5" t="s">
        <v>6236</v>
      </c>
      <c r="G3112" s="5" t="s">
        <v>6237</v>
      </c>
    </row>
    <row r="3113" spans="1:7">
      <c r="A3113" s="5" t="s">
        <v>7</v>
      </c>
      <c r="B3113" s="5">
        <v>3181</v>
      </c>
      <c r="C3113" s="5" t="s">
        <v>8</v>
      </c>
      <c r="D3113" s="5" t="s">
        <v>8</v>
      </c>
      <c r="E3113" s="6">
        <v>11001</v>
      </c>
      <c r="F3113" s="5" t="s">
        <v>6238</v>
      </c>
      <c r="G3113" s="5" t="s">
        <v>6239</v>
      </c>
    </row>
    <row r="3114" spans="1:7">
      <c r="A3114" s="5" t="s">
        <v>7</v>
      </c>
      <c r="B3114" s="5">
        <v>3182</v>
      </c>
      <c r="C3114" s="5" t="s">
        <v>2891</v>
      </c>
      <c r="D3114" s="5" t="s">
        <v>2892</v>
      </c>
      <c r="E3114" s="6">
        <v>13001</v>
      </c>
      <c r="F3114" s="5" t="s">
        <v>6240</v>
      </c>
      <c r="G3114" s="5" t="s">
        <v>6241</v>
      </c>
    </row>
    <row r="3115" spans="1:7">
      <c r="A3115" s="5" t="s">
        <v>7</v>
      </c>
      <c r="B3115" s="5">
        <v>3183</v>
      </c>
      <c r="C3115" s="5" t="s">
        <v>2542</v>
      </c>
      <c r="D3115" s="5" t="s">
        <v>2543</v>
      </c>
      <c r="E3115" s="6">
        <v>8001</v>
      </c>
      <c r="F3115" s="5" t="s">
        <v>6242</v>
      </c>
      <c r="G3115" s="5" t="s">
        <v>6243</v>
      </c>
    </row>
    <row r="3116" spans="1:7">
      <c r="A3116" s="5" t="s">
        <v>7</v>
      </c>
      <c r="B3116" s="5">
        <v>3184</v>
      </c>
      <c r="C3116" s="5" t="s">
        <v>2542</v>
      </c>
      <c r="D3116" s="5" t="s">
        <v>2543</v>
      </c>
      <c r="E3116" s="6">
        <v>8001</v>
      </c>
      <c r="F3116" s="5" t="s">
        <v>6244</v>
      </c>
      <c r="G3116" s="5" t="s">
        <v>6245</v>
      </c>
    </row>
    <row r="3117" spans="1:7">
      <c r="A3117" s="5" t="s">
        <v>7</v>
      </c>
      <c r="B3117" s="5">
        <v>3185</v>
      </c>
      <c r="C3117" s="5" t="s">
        <v>813</v>
      </c>
      <c r="D3117" s="5" t="s">
        <v>6246</v>
      </c>
      <c r="E3117" s="6">
        <v>25785</v>
      </c>
      <c r="F3117" s="5" t="s">
        <v>6247</v>
      </c>
      <c r="G3117" s="5" t="s">
        <v>6248</v>
      </c>
    </row>
    <row r="3118" spans="1:7">
      <c r="A3118" s="5" t="s">
        <v>7</v>
      </c>
      <c r="B3118" s="5">
        <v>3186</v>
      </c>
      <c r="C3118" s="5" t="s">
        <v>2891</v>
      </c>
      <c r="D3118" s="5" t="s">
        <v>2892</v>
      </c>
      <c r="E3118" s="6">
        <v>13001</v>
      </c>
      <c r="F3118" s="5" t="s">
        <v>6249</v>
      </c>
      <c r="G3118" s="5" t="s">
        <v>6250</v>
      </c>
    </row>
    <row r="3119" spans="1:7">
      <c r="A3119" s="5" t="s">
        <v>7</v>
      </c>
      <c r="B3119" s="5">
        <v>3187</v>
      </c>
      <c r="C3119" s="5" t="s">
        <v>8</v>
      </c>
      <c r="D3119" s="5" t="s">
        <v>8</v>
      </c>
      <c r="E3119" s="6">
        <v>11001</v>
      </c>
      <c r="F3119" s="5" t="s">
        <v>6251</v>
      </c>
      <c r="G3119" s="5" t="s">
        <v>6252</v>
      </c>
    </row>
    <row r="3120" spans="1:7">
      <c r="A3120" s="5" t="s">
        <v>7</v>
      </c>
      <c r="B3120" s="5">
        <v>3188</v>
      </c>
      <c r="C3120" s="5" t="s">
        <v>813</v>
      </c>
      <c r="D3120" s="5" t="s">
        <v>6253</v>
      </c>
      <c r="E3120" s="6">
        <v>25662</v>
      </c>
      <c r="F3120" s="5" t="s">
        <v>6254</v>
      </c>
      <c r="G3120" s="5" t="s">
        <v>6255</v>
      </c>
    </row>
    <row r="3121" spans="1:7">
      <c r="A3121" s="5" t="s">
        <v>7</v>
      </c>
      <c r="B3121" s="5">
        <v>3189</v>
      </c>
      <c r="C3121" s="5" t="s">
        <v>8</v>
      </c>
      <c r="D3121" s="5" t="s">
        <v>8</v>
      </c>
      <c r="E3121" s="6">
        <v>11001</v>
      </c>
      <c r="F3121" s="5" t="s">
        <v>6256</v>
      </c>
      <c r="G3121" s="5" t="s">
        <v>6257</v>
      </c>
    </row>
    <row r="3122" spans="1:7">
      <c r="A3122" s="5" t="s">
        <v>7</v>
      </c>
      <c r="B3122" s="5">
        <v>3190</v>
      </c>
      <c r="C3122" s="5" t="s">
        <v>8</v>
      </c>
      <c r="D3122" s="5" t="s">
        <v>8</v>
      </c>
      <c r="E3122" s="6">
        <v>11001</v>
      </c>
      <c r="F3122" s="5" t="s">
        <v>6258</v>
      </c>
      <c r="G3122" s="5" t="s">
        <v>6259</v>
      </c>
    </row>
    <row r="3123" spans="1:7">
      <c r="A3123" s="5" t="s">
        <v>7</v>
      </c>
      <c r="B3123" s="5">
        <v>3191</v>
      </c>
      <c r="C3123" s="5" t="s">
        <v>8</v>
      </c>
      <c r="D3123" s="5" t="s">
        <v>8</v>
      </c>
      <c r="E3123" s="6">
        <v>11001</v>
      </c>
      <c r="F3123" s="5" t="s">
        <v>6260</v>
      </c>
      <c r="G3123" s="5" t="s">
        <v>6261</v>
      </c>
    </row>
    <row r="3124" spans="1:7">
      <c r="A3124" s="5" t="s">
        <v>7</v>
      </c>
      <c r="B3124" s="5">
        <v>3192</v>
      </c>
      <c r="C3124" s="5" t="s">
        <v>8</v>
      </c>
      <c r="D3124" s="5" t="s">
        <v>8</v>
      </c>
      <c r="E3124" s="6">
        <v>11001</v>
      </c>
      <c r="F3124" s="5" t="s">
        <v>6262</v>
      </c>
      <c r="G3124" s="5" t="s">
        <v>6263</v>
      </c>
    </row>
    <row r="3125" spans="1:7">
      <c r="A3125" s="5" t="s">
        <v>7</v>
      </c>
      <c r="B3125" s="5">
        <v>3193</v>
      </c>
      <c r="C3125" s="5" t="s">
        <v>8</v>
      </c>
      <c r="D3125" s="5" t="s">
        <v>8</v>
      </c>
      <c r="E3125" s="6">
        <v>11001</v>
      </c>
      <c r="F3125" s="5" t="s">
        <v>6264</v>
      </c>
      <c r="G3125" s="5" t="s">
        <v>6265</v>
      </c>
    </row>
    <row r="3126" spans="1:7">
      <c r="A3126" s="5" t="s">
        <v>7</v>
      </c>
      <c r="B3126" s="5">
        <v>3194</v>
      </c>
      <c r="C3126" s="5" t="s">
        <v>8</v>
      </c>
      <c r="D3126" s="5" t="s">
        <v>8</v>
      </c>
      <c r="E3126" s="6">
        <v>11001</v>
      </c>
      <c r="F3126" s="5" t="s">
        <v>6266</v>
      </c>
      <c r="G3126" s="5" t="s">
        <v>6267</v>
      </c>
    </row>
    <row r="3127" spans="1:7">
      <c r="A3127" s="5" t="s">
        <v>7</v>
      </c>
      <c r="B3127" s="5">
        <v>3195</v>
      </c>
      <c r="C3127" s="5" t="s">
        <v>8</v>
      </c>
      <c r="D3127" s="5" t="s">
        <v>8</v>
      </c>
      <c r="E3127" s="6">
        <v>11001</v>
      </c>
      <c r="F3127" s="5" t="s">
        <v>6268</v>
      </c>
      <c r="G3127" s="5" t="s">
        <v>6269</v>
      </c>
    </row>
    <row r="3128" spans="1:7">
      <c r="A3128" s="5" t="s">
        <v>7</v>
      </c>
      <c r="B3128" s="5">
        <v>3196</v>
      </c>
      <c r="C3128" s="5" t="s">
        <v>8</v>
      </c>
      <c r="D3128" s="5" t="s">
        <v>8</v>
      </c>
      <c r="E3128" s="6">
        <v>11001</v>
      </c>
      <c r="F3128" s="5" t="s">
        <v>6270</v>
      </c>
      <c r="G3128" s="5" t="s">
        <v>6271</v>
      </c>
    </row>
    <row r="3129" spans="1:7">
      <c r="A3129" s="5" t="s">
        <v>7</v>
      </c>
      <c r="B3129" s="5">
        <v>3197</v>
      </c>
      <c r="C3129" s="5" t="s">
        <v>8</v>
      </c>
      <c r="D3129" s="5" t="s">
        <v>8</v>
      </c>
      <c r="E3129" s="6">
        <v>11001</v>
      </c>
      <c r="F3129" s="5" t="s">
        <v>6272</v>
      </c>
      <c r="G3129" s="5" t="s">
        <v>6273</v>
      </c>
    </row>
    <row r="3130" spans="1:7">
      <c r="A3130" s="5" t="s">
        <v>7</v>
      </c>
      <c r="B3130" s="5">
        <v>3198</v>
      </c>
      <c r="C3130" s="5" t="s">
        <v>8</v>
      </c>
      <c r="D3130" s="5" t="s">
        <v>8</v>
      </c>
      <c r="E3130" s="6">
        <v>11001</v>
      </c>
      <c r="F3130" s="5" t="s">
        <v>6274</v>
      </c>
      <c r="G3130" s="5" t="s">
        <v>6275</v>
      </c>
    </row>
    <row r="3131" spans="1:7">
      <c r="A3131" s="5" t="s">
        <v>7</v>
      </c>
      <c r="B3131" s="5">
        <v>3199</v>
      </c>
      <c r="C3131" s="5" t="s">
        <v>8</v>
      </c>
      <c r="D3131" s="5" t="s">
        <v>8</v>
      </c>
      <c r="E3131" s="6">
        <v>11001</v>
      </c>
      <c r="F3131" s="5" t="s">
        <v>6276</v>
      </c>
      <c r="G3131" s="5" t="s">
        <v>6277</v>
      </c>
    </row>
    <row r="3132" spans="1:7">
      <c r="A3132" s="5" t="s">
        <v>7</v>
      </c>
      <c r="B3132" s="5">
        <v>3200</v>
      </c>
      <c r="C3132" s="5" t="s">
        <v>8</v>
      </c>
      <c r="D3132" s="5" t="s">
        <v>8</v>
      </c>
      <c r="E3132" s="6">
        <v>11001</v>
      </c>
      <c r="F3132" s="5" t="s">
        <v>6278</v>
      </c>
      <c r="G3132" s="5" t="s">
        <v>6279</v>
      </c>
    </row>
    <row r="3133" spans="1:7">
      <c r="A3133" s="5" t="s">
        <v>7</v>
      </c>
      <c r="B3133" s="5">
        <v>3201</v>
      </c>
      <c r="C3133" s="5" t="s">
        <v>8</v>
      </c>
      <c r="D3133" s="5" t="s">
        <v>8</v>
      </c>
      <c r="E3133" s="6">
        <v>11001</v>
      </c>
      <c r="F3133" s="5" t="s">
        <v>6280</v>
      </c>
      <c r="G3133" s="5" t="s">
        <v>6281</v>
      </c>
    </row>
    <row r="3134" spans="1:7">
      <c r="A3134" s="5" t="s">
        <v>7</v>
      </c>
      <c r="B3134" s="5">
        <v>3202</v>
      </c>
      <c r="C3134" s="5" t="s">
        <v>8</v>
      </c>
      <c r="D3134" s="5" t="s">
        <v>8</v>
      </c>
      <c r="E3134" s="6">
        <v>11001</v>
      </c>
      <c r="F3134" s="5" t="s">
        <v>6282</v>
      </c>
      <c r="G3134" s="5" t="s">
        <v>6279</v>
      </c>
    </row>
    <row r="3135" spans="1:7">
      <c r="A3135" s="5" t="s">
        <v>7</v>
      </c>
      <c r="B3135" s="5">
        <v>3203</v>
      </c>
      <c r="C3135" s="5" t="s">
        <v>8</v>
      </c>
      <c r="D3135" s="5" t="s">
        <v>8</v>
      </c>
      <c r="E3135" s="6">
        <v>11001</v>
      </c>
      <c r="F3135" s="5" t="s">
        <v>6283</v>
      </c>
      <c r="G3135" s="5" t="s">
        <v>6284</v>
      </c>
    </row>
    <row r="3136" spans="1:7">
      <c r="A3136" s="5" t="s">
        <v>7</v>
      </c>
      <c r="B3136" s="5">
        <v>3204</v>
      </c>
      <c r="C3136" s="5" t="s">
        <v>8</v>
      </c>
      <c r="D3136" s="5" t="s">
        <v>8</v>
      </c>
      <c r="E3136" s="6">
        <v>11001</v>
      </c>
      <c r="F3136" s="5" t="s">
        <v>6285</v>
      </c>
      <c r="G3136" s="5" t="s">
        <v>6286</v>
      </c>
    </row>
    <row r="3137" spans="1:7">
      <c r="A3137" s="5" t="s">
        <v>7</v>
      </c>
      <c r="B3137" s="5">
        <v>3205</v>
      </c>
      <c r="C3137" s="5" t="s">
        <v>8</v>
      </c>
      <c r="D3137" s="5" t="s">
        <v>8</v>
      </c>
      <c r="E3137" s="6">
        <v>11001</v>
      </c>
      <c r="F3137" s="5" t="s">
        <v>6287</v>
      </c>
      <c r="G3137" s="5" t="s">
        <v>6288</v>
      </c>
    </row>
    <row r="3138" spans="1:7">
      <c r="A3138" s="5" t="s">
        <v>7</v>
      </c>
      <c r="B3138" s="5">
        <v>3206</v>
      </c>
      <c r="C3138" s="5" t="s">
        <v>8</v>
      </c>
      <c r="D3138" s="5" t="s">
        <v>8</v>
      </c>
      <c r="E3138" s="6">
        <v>11001</v>
      </c>
      <c r="F3138" s="5" t="s">
        <v>6289</v>
      </c>
      <c r="G3138" s="5" t="s">
        <v>6290</v>
      </c>
    </row>
    <row r="3139" spans="1:7">
      <c r="A3139" s="5" t="s">
        <v>7</v>
      </c>
      <c r="B3139" s="5">
        <v>3207</v>
      </c>
      <c r="C3139" s="5" t="s">
        <v>8</v>
      </c>
      <c r="D3139" s="5" t="s">
        <v>8</v>
      </c>
      <c r="E3139" s="6">
        <v>11001</v>
      </c>
      <c r="F3139" s="5" t="s">
        <v>6291</v>
      </c>
      <c r="G3139" s="5" t="s">
        <v>6292</v>
      </c>
    </row>
    <row r="3140" spans="1:7">
      <c r="A3140" s="5" t="s">
        <v>7</v>
      </c>
      <c r="B3140" s="5">
        <v>3208</v>
      </c>
      <c r="C3140" s="5" t="s">
        <v>8</v>
      </c>
      <c r="D3140" s="5" t="s">
        <v>8</v>
      </c>
      <c r="E3140" s="6">
        <v>11001</v>
      </c>
      <c r="F3140" s="5" t="s">
        <v>6293</v>
      </c>
      <c r="G3140" s="5" t="s">
        <v>6294</v>
      </c>
    </row>
    <row r="3141" spans="1:7">
      <c r="A3141" s="5" t="s">
        <v>7</v>
      </c>
      <c r="B3141" s="5">
        <v>3209</v>
      </c>
      <c r="C3141" s="5" t="s">
        <v>8</v>
      </c>
      <c r="D3141" s="5" t="s">
        <v>8</v>
      </c>
      <c r="E3141" s="6">
        <v>11001</v>
      </c>
      <c r="F3141" s="5" t="s">
        <v>6295</v>
      </c>
      <c r="G3141" s="5" t="s">
        <v>6296</v>
      </c>
    </row>
    <row r="3142" spans="1:7">
      <c r="A3142" s="5" t="s">
        <v>7</v>
      </c>
      <c r="B3142" s="5">
        <v>3210</v>
      </c>
      <c r="C3142" s="5" t="s">
        <v>8</v>
      </c>
      <c r="D3142" s="5" t="s">
        <v>8</v>
      </c>
      <c r="E3142" s="6">
        <v>11001</v>
      </c>
      <c r="F3142" s="5" t="s">
        <v>6297</v>
      </c>
      <c r="G3142" s="5" t="s">
        <v>6298</v>
      </c>
    </row>
    <row r="3143" spans="1:7">
      <c r="A3143" s="5" t="s">
        <v>7</v>
      </c>
      <c r="B3143" s="5">
        <v>3211</v>
      </c>
      <c r="C3143" s="5" t="s">
        <v>8</v>
      </c>
      <c r="D3143" s="5" t="s">
        <v>8</v>
      </c>
      <c r="E3143" s="6">
        <v>11001</v>
      </c>
      <c r="F3143" s="5" t="s">
        <v>6299</v>
      </c>
      <c r="G3143" s="5" t="s">
        <v>6300</v>
      </c>
    </row>
    <row r="3144" spans="1:7">
      <c r="A3144" s="5" t="s">
        <v>7</v>
      </c>
      <c r="B3144" s="5">
        <v>3212</v>
      </c>
      <c r="C3144" s="5" t="s">
        <v>8</v>
      </c>
      <c r="D3144" s="5" t="s">
        <v>8</v>
      </c>
      <c r="E3144" s="6">
        <v>11001</v>
      </c>
      <c r="F3144" s="5" t="s">
        <v>6301</v>
      </c>
      <c r="G3144" s="5" t="s">
        <v>6302</v>
      </c>
    </row>
    <row r="3145" spans="1:7">
      <c r="A3145" s="5" t="s">
        <v>7</v>
      </c>
      <c r="B3145" s="5">
        <v>3213</v>
      </c>
      <c r="C3145" s="5" t="s">
        <v>8</v>
      </c>
      <c r="D3145" s="5" t="s">
        <v>8</v>
      </c>
      <c r="E3145" s="6">
        <v>11001</v>
      </c>
      <c r="F3145" s="5" t="s">
        <v>6303</v>
      </c>
      <c r="G3145" s="5" t="s">
        <v>6304</v>
      </c>
    </row>
    <row r="3146" spans="1:7">
      <c r="A3146" s="5" t="s">
        <v>7</v>
      </c>
      <c r="B3146" s="5">
        <v>3214</v>
      </c>
      <c r="C3146" s="5" t="s">
        <v>8</v>
      </c>
      <c r="D3146" s="5" t="s">
        <v>8</v>
      </c>
      <c r="E3146" s="6">
        <v>11001</v>
      </c>
      <c r="F3146" s="5" t="s">
        <v>6305</v>
      </c>
      <c r="G3146" s="5" t="s">
        <v>6306</v>
      </c>
    </row>
    <row r="3147" spans="1:7">
      <c r="A3147" s="5" t="s">
        <v>7</v>
      </c>
      <c r="B3147" s="5">
        <v>3215</v>
      </c>
      <c r="C3147" s="5" t="s">
        <v>8</v>
      </c>
      <c r="D3147" s="5" t="s">
        <v>8</v>
      </c>
      <c r="E3147" s="6">
        <v>11001</v>
      </c>
      <c r="F3147" s="5" t="s">
        <v>6307</v>
      </c>
      <c r="G3147" s="5" t="s">
        <v>6308</v>
      </c>
    </row>
    <row r="3148" spans="1:7">
      <c r="A3148" s="5" t="s">
        <v>7</v>
      </c>
      <c r="B3148" s="5">
        <v>3216</v>
      </c>
      <c r="C3148" s="5" t="s">
        <v>813</v>
      </c>
      <c r="D3148" s="5" t="s">
        <v>814</v>
      </c>
      <c r="E3148" s="6">
        <v>25754</v>
      </c>
      <c r="F3148" s="5" t="s">
        <v>6309</v>
      </c>
      <c r="G3148" s="5" t="s">
        <v>6310</v>
      </c>
    </row>
    <row r="3149" spans="1:7">
      <c r="A3149" s="5" t="s">
        <v>7</v>
      </c>
      <c r="B3149" s="5">
        <v>3217</v>
      </c>
      <c r="C3149" s="5" t="s">
        <v>8</v>
      </c>
      <c r="D3149" s="5" t="s">
        <v>8</v>
      </c>
      <c r="E3149" s="6">
        <v>11001</v>
      </c>
      <c r="F3149" s="5" t="s">
        <v>6311</v>
      </c>
      <c r="G3149" s="5" t="s">
        <v>6312</v>
      </c>
    </row>
    <row r="3150" spans="1:7">
      <c r="A3150" s="5" t="s">
        <v>7</v>
      </c>
      <c r="B3150" s="5">
        <v>3218</v>
      </c>
      <c r="C3150" s="5" t="s">
        <v>8</v>
      </c>
      <c r="D3150" s="5" t="s">
        <v>8</v>
      </c>
      <c r="E3150" s="6">
        <v>11001</v>
      </c>
      <c r="F3150" s="5" t="s">
        <v>6313</v>
      </c>
      <c r="G3150" s="5" t="s">
        <v>6314</v>
      </c>
    </row>
    <row r="3151" spans="1:7">
      <c r="A3151" s="5" t="s">
        <v>7</v>
      </c>
      <c r="B3151" s="5">
        <v>3219</v>
      </c>
      <c r="C3151" s="5" t="s">
        <v>8</v>
      </c>
      <c r="D3151" s="5" t="s">
        <v>8</v>
      </c>
      <c r="E3151" s="6">
        <v>11001</v>
      </c>
      <c r="F3151" s="5" t="s">
        <v>2209</v>
      </c>
      <c r="G3151" s="5" t="s">
        <v>6315</v>
      </c>
    </row>
    <row r="3152" spans="1:7">
      <c r="A3152" s="5" t="s">
        <v>7</v>
      </c>
      <c r="B3152" s="5">
        <v>3220</v>
      </c>
      <c r="C3152" s="5" t="s">
        <v>8</v>
      </c>
      <c r="D3152" s="5" t="s">
        <v>8</v>
      </c>
      <c r="E3152" s="6">
        <v>11001</v>
      </c>
      <c r="F3152" s="5" t="s">
        <v>6316</v>
      </c>
      <c r="G3152" s="5" t="s">
        <v>6317</v>
      </c>
    </row>
    <row r="3153" spans="1:7">
      <c r="A3153" s="5" t="s">
        <v>7</v>
      </c>
      <c r="B3153" s="5">
        <v>3225</v>
      </c>
      <c r="C3153" s="5" t="s">
        <v>8</v>
      </c>
      <c r="D3153" s="5" t="s">
        <v>8</v>
      </c>
      <c r="E3153" s="6">
        <v>11001</v>
      </c>
      <c r="F3153" s="5" t="s">
        <v>6318</v>
      </c>
      <c r="G3153" s="5" t="s">
        <v>6319</v>
      </c>
    </row>
    <row r="3154" spans="1:7">
      <c r="A3154" s="5" t="s">
        <v>7</v>
      </c>
      <c r="B3154" s="5">
        <v>3226</v>
      </c>
      <c r="C3154" s="5" t="s">
        <v>2542</v>
      </c>
      <c r="D3154" s="5" t="s">
        <v>2543</v>
      </c>
      <c r="E3154" s="6">
        <v>8001</v>
      </c>
      <c r="F3154" s="5" t="s">
        <v>6320</v>
      </c>
      <c r="G3154" s="5" t="s">
        <v>6321</v>
      </c>
    </row>
    <row r="3155" spans="1:7">
      <c r="A3155" s="5" t="s">
        <v>7</v>
      </c>
      <c r="B3155" s="5">
        <v>3227</v>
      </c>
      <c r="C3155" s="5" t="s">
        <v>8</v>
      </c>
      <c r="D3155" s="5" t="s">
        <v>8</v>
      </c>
      <c r="E3155" s="6">
        <v>11001</v>
      </c>
      <c r="F3155" s="5" t="s">
        <v>6322</v>
      </c>
      <c r="G3155" s="5" t="s">
        <v>6323</v>
      </c>
    </row>
    <row r="3156" spans="1:7">
      <c r="A3156" s="5" t="s">
        <v>7</v>
      </c>
      <c r="B3156" s="5">
        <v>3228</v>
      </c>
      <c r="C3156" s="5" t="s">
        <v>4672</v>
      </c>
      <c r="D3156" s="5" t="s">
        <v>5312</v>
      </c>
      <c r="E3156" s="6">
        <v>76001</v>
      </c>
      <c r="F3156" s="5" t="s">
        <v>6324</v>
      </c>
      <c r="G3156" s="5" t="s">
        <v>6325</v>
      </c>
    </row>
    <row r="3157" spans="1:7">
      <c r="A3157" s="5" t="s">
        <v>7</v>
      </c>
      <c r="B3157" s="5">
        <v>3229</v>
      </c>
      <c r="C3157" s="5" t="s">
        <v>8</v>
      </c>
      <c r="D3157" s="5" t="s">
        <v>8</v>
      </c>
      <c r="E3157" s="6">
        <v>11001</v>
      </c>
      <c r="F3157" s="5" t="s">
        <v>6326</v>
      </c>
      <c r="G3157" s="5" t="s">
        <v>6327</v>
      </c>
    </row>
    <row r="3158" spans="1:7">
      <c r="A3158" s="5" t="s">
        <v>7</v>
      </c>
      <c r="B3158" s="5">
        <v>3230</v>
      </c>
      <c r="C3158" s="5" t="s">
        <v>8</v>
      </c>
      <c r="D3158" s="5" t="s">
        <v>8</v>
      </c>
      <c r="E3158" s="6">
        <v>11001</v>
      </c>
      <c r="F3158" s="5" t="s">
        <v>6328</v>
      </c>
      <c r="G3158" s="5" t="s">
        <v>6329</v>
      </c>
    </row>
    <row r="3159" spans="1:7">
      <c r="A3159" s="5" t="s">
        <v>7</v>
      </c>
      <c r="B3159" s="5">
        <v>3231</v>
      </c>
      <c r="C3159" s="5" t="s">
        <v>8</v>
      </c>
      <c r="D3159" s="5" t="s">
        <v>8</v>
      </c>
      <c r="E3159" s="6">
        <v>11001</v>
      </c>
      <c r="F3159" s="5" t="s">
        <v>6330</v>
      </c>
      <c r="G3159" s="5" t="s">
        <v>6331</v>
      </c>
    </row>
    <row r="3160" spans="1:7">
      <c r="A3160" s="5" t="s">
        <v>7</v>
      </c>
      <c r="B3160" s="5">
        <v>3232</v>
      </c>
      <c r="C3160" s="5" t="s">
        <v>8</v>
      </c>
      <c r="D3160" s="5" t="s">
        <v>8</v>
      </c>
      <c r="E3160" s="6">
        <v>11001</v>
      </c>
      <c r="F3160" s="5" t="s">
        <v>6332</v>
      </c>
      <c r="G3160" s="5" t="s">
        <v>6333</v>
      </c>
    </row>
    <row r="3161" spans="1:7">
      <c r="A3161" s="5" t="s">
        <v>7</v>
      </c>
      <c r="B3161" s="5">
        <v>3233</v>
      </c>
      <c r="C3161" s="5" t="s">
        <v>8</v>
      </c>
      <c r="D3161" s="5" t="s">
        <v>8</v>
      </c>
      <c r="E3161" s="6">
        <v>11001</v>
      </c>
      <c r="F3161" s="5" t="s">
        <v>6334</v>
      </c>
      <c r="G3161" s="5" t="s">
        <v>6335</v>
      </c>
    </row>
    <row r="3162" spans="1:7">
      <c r="A3162" s="5" t="s">
        <v>7</v>
      </c>
      <c r="B3162" s="5">
        <v>3234</v>
      </c>
      <c r="C3162" s="5" t="s">
        <v>8</v>
      </c>
      <c r="D3162" s="5" t="s">
        <v>8</v>
      </c>
      <c r="E3162" s="6">
        <v>11001</v>
      </c>
      <c r="F3162" s="5" t="s">
        <v>6336</v>
      </c>
      <c r="G3162" s="5" t="s">
        <v>6337</v>
      </c>
    </row>
    <row r="3163" spans="1:7">
      <c r="A3163" s="5" t="s">
        <v>7</v>
      </c>
      <c r="B3163" s="5">
        <v>3235</v>
      </c>
      <c r="C3163" s="5" t="s">
        <v>8</v>
      </c>
      <c r="D3163" s="5" t="s">
        <v>8</v>
      </c>
      <c r="E3163" s="6">
        <v>11001</v>
      </c>
      <c r="F3163" s="5" t="s">
        <v>6338</v>
      </c>
      <c r="G3163" s="5" t="s">
        <v>6339</v>
      </c>
    </row>
    <row r="3164" spans="1:7">
      <c r="A3164" s="5" t="s">
        <v>7</v>
      </c>
      <c r="B3164" s="5">
        <v>3236</v>
      </c>
      <c r="C3164" s="5" t="s">
        <v>8</v>
      </c>
      <c r="D3164" s="5" t="s">
        <v>8</v>
      </c>
      <c r="E3164" s="6">
        <v>11001</v>
      </c>
      <c r="F3164" s="5" t="s">
        <v>6340</v>
      </c>
      <c r="G3164" s="5" t="s">
        <v>6341</v>
      </c>
    </row>
    <row r="3165" spans="1:7">
      <c r="A3165" s="5" t="s">
        <v>7</v>
      </c>
      <c r="B3165" s="5">
        <v>3237</v>
      </c>
      <c r="C3165" s="5" t="s">
        <v>8</v>
      </c>
      <c r="D3165" s="5" t="s">
        <v>8</v>
      </c>
      <c r="E3165" s="6">
        <v>11001</v>
      </c>
      <c r="F3165" s="5" t="s">
        <v>6342</v>
      </c>
      <c r="G3165" s="5" t="s">
        <v>6343</v>
      </c>
    </row>
    <row r="3166" spans="1:7">
      <c r="A3166" s="5" t="s">
        <v>7</v>
      </c>
      <c r="B3166" s="5">
        <v>3238</v>
      </c>
      <c r="C3166" s="5" t="s">
        <v>4672</v>
      </c>
      <c r="D3166" s="5" t="s">
        <v>5312</v>
      </c>
      <c r="E3166" s="6">
        <v>76001</v>
      </c>
      <c r="F3166" s="5" t="s">
        <v>6344</v>
      </c>
      <c r="G3166" s="5" t="s">
        <v>6345</v>
      </c>
    </row>
    <row r="3167" spans="1:7">
      <c r="A3167" s="5" t="s">
        <v>7</v>
      </c>
      <c r="B3167" s="5">
        <v>3239</v>
      </c>
      <c r="C3167" s="5" t="s">
        <v>8</v>
      </c>
      <c r="D3167" s="5" t="s">
        <v>8</v>
      </c>
      <c r="E3167" s="6">
        <v>11001</v>
      </c>
      <c r="F3167" s="5" t="s">
        <v>6346</v>
      </c>
      <c r="G3167" s="5" t="s">
        <v>6347</v>
      </c>
    </row>
    <row r="3168" spans="1:7">
      <c r="A3168" s="5" t="s">
        <v>7</v>
      </c>
      <c r="B3168" s="5">
        <v>3240</v>
      </c>
      <c r="C3168" s="5" t="s">
        <v>8</v>
      </c>
      <c r="D3168" s="5" t="s">
        <v>8</v>
      </c>
      <c r="E3168" s="6">
        <v>11001</v>
      </c>
      <c r="F3168" s="5" t="s">
        <v>6348</v>
      </c>
      <c r="G3168" s="5" t="s">
        <v>6349</v>
      </c>
    </row>
    <row r="3169" spans="1:7">
      <c r="A3169" s="5" t="s">
        <v>7</v>
      </c>
      <c r="B3169" s="5">
        <v>3241</v>
      </c>
      <c r="C3169" s="5" t="s">
        <v>8</v>
      </c>
      <c r="D3169" s="5" t="s">
        <v>8</v>
      </c>
      <c r="E3169" s="6">
        <v>11001</v>
      </c>
      <c r="F3169" s="5" t="s">
        <v>6350</v>
      </c>
      <c r="G3169" s="5" t="s">
        <v>6351</v>
      </c>
    </row>
    <row r="3170" spans="1:7">
      <c r="A3170" s="5" t="s">
        <v>7</v>
      </c>
      <c r="B3170" s="5">
        <v>3242</v>
      </c>
      <c r="C3170" s="5" t="s">
        <v>8</v>
      </c>
      <c r="D3170" s="5" t="s">
        <v>8</v>
      </c>
      <c r="E3170" s="6">
        <v>11001</v>
      </c>
      <c r="F3170" s="5" t="s">
        <v>6352</v>
      </c>
      <c r="G3170" s="5" t="s">
        <v>6353</v>
      </c>
    </row>
    <row r="3171" spans="1:7">
      <c r="A3171" s="5" t="s">
        <v>7</v>
      </c>
      <c r="B3171" s="5">
        <v>3243</v>
      </c>
      <c r="C3171" s="5" t="s">
        <v>8</v>
      </c>
      <c r="D3171" s="5" t="s">
        <v>8</v>
      </c>
      <c r="E3171" s="6">
        <v>11001</v>
      </c>
      <c r="F3171" s="5" t="s">
        <v>6354</v>
      </c>
      <c r="G3171" s="5" t="s">
        <v>6355</v>
      </c>
    </row>
    <row r="3172" spans="1:7">
      <c r="A3172" s="5" t="s">
        <v>7</v>
      </c>
      <c r="B3172" s="5">
        <v>3244</v>
      </c>
      <c r="C3172" s="5" t="s">
        <v>8</v>
      </c>
      <c r="D3172" s="5" t="s">
        <v>8</v>
      </c>
      <c r="E3172" s="6">
        <v>11001</v>
      </c>
      <c r="F3172" s="5" t="s">
        <v>6356</v>
      </c>
      <c r="G3172" s="5" t="s">
        <v>6357</v>
      </c>
    </row>
    <row r="3173" spans="1:7">
      <c r="A3173" s="5" t="s">
        <v>7</v>
      </c>
      <c r="B3173" s="5">
        <v>3245</v>
      </c>
      <c r="C3173" s="5" t="s">
        <v>8</v>
      </c>
      <c r="D3173" s="5" t="s">
        <v>8</v>
      </c>
      <c r="E3173" s="6">
        <v>11001</v>
      </c>
      <c r="F3173" s="5" t="s">
        <v>6358</v>
      </c>
      <c r="G3173" s="5" t="s">
        <v>6359</v>
      </c>
    </row>
    <row r="3174" spans="1:7">
      <c r="A3174" s="5" t="s">
        <v>7</v>
      </c>
      <c r="B3174" s="5">
        <v>3246</v>
      </c>
      <c r="C3174" s="5" t="s">
        <v>8</v>
      </c>
      <c r="D3174" s="5" t="s">
        <v>8</v>
      </c>
      <c r="E3174" s="6">
        <v>11001</v>
      </c>
      <c r="F3174" s="5" t="s">
        <v>6360</v>
      </c>
      <c r="G3174" s="5" t="s">
        <v>6361</v>
      </c>
    </row>
    <row r="3175" spans="1:7">
      <c r="A3175" s="5" t="s">
        <v>7</v>
      </c>
      <c r="B3175" s="5">
        <v>3247</v>
      </c>
      <c r="C3175" s="5" t="s">
        <v>8</v>
      </c>
      <c r="D3175" s="5" t="s">
        <v>8</v>
      </c>
      <c r="E3175" s="6">
        <v>11001</v>
      </c>
      <c r="F3175" s="5" t="s">
        <v>6362</v>
      </c>
      <c r="G3175" s="5" t="s">
        <v>6363</v>
      </c>
    </row>
    <row r="3176" spans="1:7">
      <c r="A3176" s="5" t="s">
        <v>7</v>
      </c>
      <c r="B3176" s="5">
        <v>3248</v>
      </c>
      <c r="C3176" s="5" t="s">
        <v>8</v>
      </c>
      <c r="D3176" s="5" t="s">
        <v>8</v>
      </c>
      <c r="E3176" s="6">
        <v>11001</v>
      </c>
      <c r="F3176" s="5" t="s">
        <v>6364</v>
      </c>
      <c r="G3176" s="5" t="s">
        <v>6365</v>
      </c>
    </row>
    <row r="3177" spans="1:7">
      <c r="A3177" s="5" t="s">
        <v>7</v>
      </c>
      <c r="B3177" s="5">
        <v>3249</v>
      </c>
      <c r="C3177" s="5" t="s">
        <v>8</v>
      </c>
      <c r="D3177" s="5" t="s">
        <v>8</v>
      </c>
      <c r="E3177" s="6">
        <v>11001</v>
      </c>
      <c r="F3177" s="5" t="s">
        <v>6366</v>
      </c>
      <c r="G3177" s="5" t="s">
        <v>6367</v>
      </c>
    </row>
    <row r="3178" spans="1:7">
      <c r="A3178" s="5" t="s">
        <v>7</v>
      </c>
      <c r="B3178" s="5">
        <v>3250</v>
      </c>
      <c r="C3178" s="5" t="s">
        <v>8</v>
      </c>
      <c r="D3178" s="5" t="s">
        <v>8</v>
      </c>
      <c r="E3178" s="6">
        <v>11001</v>
      </c>
      <c r="F3178" s="5" t="s">
        <v>6368</v>
      </c>
      <c r="G3178" s="5" t="s">
        <v>6369</v>
      </c>
    </row>
    <row r="3179" spans="1:7">
      <c r="A3179" s="5" t="s">
        <v>7</v>
      </c>
      <c r="B3179" s="5">
        <v>3251</v>
      </c>
      <c r="C3179" s="5" t="s">
        <v>8</v>
      </c>
      <c r="D3179" s="5" t="s">
        <v>8</v>
      </c>
      <c r="E3179" s="6">
        <v>11001</v>
      </c>
      <c r="F3179" s="5" t="s">
        <v>6370</v>
      </c>
      <c r="G3179" s="5" t="s">
        <v>6371</v>
      </c>
    </row>
    <row r="3180" spans="1:7">
      <c r="A3180" s="5" t="s">
        <v>7</v>
      </c>
      <c r="B3180" s="5">
        <v>3252</v>
      </c>
      <c r="C3180" s="5" t="s">
        <v>8</v>
      </c>
      <c r="D3180" s="5" t="s">
        <v>8</v>
      </c>
      <c r="E3180" s="6">
        <v>11001</v>
      </c>
      <c r="F3180" s="5" t="s">
        <v>6372</v>
      </c>
      <c r="G3180" s="5" t="s">
        <v>6373</v>
      </c>
    </row>
    <row r="3181" spans="1:7">
      <c r="A3181" s="5" t="s">
        <v>7</v>
      </c>
      <c r="B3181" s="5">
        <v>3253</v>
      </c>
      <c r="C3181" s="5" t="s">
        <v>8</v>
      </c>
      <c r="D3181" s="5" t="s">
        <v>8</v>
      </c>
      <c r="E3181" s="6">
        <v>11001</v>
      </c>
      <c r="F3181" s="5" t="s">
        <v>6374</v>
      </c>
      <c r="G3181" s="5" t="s">
        <v>6375</v>
      </c>
    </row>
    <row r="3182" spans="1:7">
      <c r="A3182" s="5" t="s">
        <v>7</v>
      </c>
      <c r="B3182" s="5">
        <v>3254</v>
      </c>
      <c r="C3182" s="5" t="s">
        <v>8</v>
      </c>
      <c r="D3182" s="5" t="s">
        <v>8</v>
      </c>
      <c r="E3182" s="6">
        <v>11001</v>
      </c>
      <c r="F3182" s="5" t="s">
        <v>6376</v>
      </c>
      <c r="G3182" s="5" t="s">
        <v>6377</v>
      </c>
    </row>
    <row r="3183" spans="1:7">
      <c r="A3183" s="5" t="s">
        <v>7</v>
      </c>
      <c r="B3183" s="5">
        <v>3255</v>
      </c>
      <c r="C3183" s="5" t="s">
        <v>8</v>
      </c>
      <c r="D3183" s="5" t="s">
        <v>8</v>
      </c>
      <c r="E3183" s="6">
        <v>11001</v>
      </c>
      <c r="F3183" s="5" t="s">
        <v>6378</v>
      </c>
      <c r="G3183" s="5" t="s">
        <v>6379</v>
      </c>
    </row>
    <row r="3184" spans="1:7">
      <c r="A3184" s="5" t="s">
        <v>7</v>
      </c>
      <c r="B3184" s="5">
        <v>3256</v>
      </c>
      <c r="C3184" s="5" t="s">
        <v>2891</v>
      </c>
      <c r="D3184" s="5" t="s">
        <v>2892</v>
      </c>
      <c r="E3184" s="6">
        <v>13001</v>
      </c>
      <c r="F3184" s="5" t="s">
        <v>6380</v>
      </c>
      <c r="G3184" s="5" t="s">
        <v>6381</v>
      </c>
    </row>
    <row r="3185" spans="1:7">
      <c r="A3185" s="5" t="s">
        <v>7</v>
      </c>
      <c r="B3185" s="5">
        <v>3257</v>
      </c>
      <c r="C3185" s="5" t="s">
        <v>2891</v>
      </c>
      <c r="D3185" s="5" t="s">
        <v>2892</v>
      </c>
      <c r="E3185" s="6">
        <v>13001</v>
      </c>
      <c r="F3185" s="5" t="s">
        <v>6382</v>
      </c>
      <c r="G3185" s="5" t="s">
        <v>6383</v>
      </c>
    </row>
    <row r="3186" spans="1:7">
      <c r="A3186" s="5" t="s">
        <v>7</v>
      </c>
      <c r="B3186" s="5">
        <v>3258</v>
      </c>
      <c r="C3186" s="5" t="s">
        <v>2891</v>
      </c>
      <c r="D3186" s="5" t="s">
        <v>2892</v>
      </c>
      <c r="E3186" s="6">
        <v>13001</v>
      </c>
      <c r="F3186" s="5" t="s">
        <v>6384</v>
      </c>
      <c r="G3186" s="5" t="s">
        <v>6385</v>
      </c>
    </row>
    <row r="3187" spans="1:7">
      <c r="A3187" s="5" t="s">
        <v>7</v>
      </c>
      <c r="B3187" s="5">
        <v>3259</v>
      </c>
      <c r="C3187" s="5" t="s">
        <v>2891</v>
      </c>
      <c r="D3187" s="5" t="s">
        <v>2892</v>
      </c>
      <c r="E3187" s="6">
        <v>13001</v>
      </c>
      <c r="F3187" s="5" t="s">
        <v>6386</v>
      </c>
      <c r="G3187" s="5" t="s">
        <v>6387</v>
      </c>
    </row>
    <row r="3188" spans="1:7">
      <c r="A3188" s="5" t="s">
        <v>7</v>
      </c>
      <c r="B3188" s="5">
        <v>3260</v>
      </c>
      <c r="C3188" s="5" t="s">
        <v>8</v>
      </c>
      <c r="D3188" s="5" t="s">
        <v>8</v>
      </c>
      <c r="E3188" s="6">
        <v>11001</v>
      </c>
      <c r="F3188" s="5" t="s">
        <v>6388</v>
      </c>
      <c r="G3188" s="5" t="s">
        <v>6389</v>
      </c>
    </row>
    <row r="3189" spans="1:7">
      <c r="A3189" s="5" t="s">
        <v>7</v>
      </c>
      <c r="B3189" s="5">
        <v>3261</v>
      </c>
      <c r="C3189" s="5" t="s">
        <v>8</v>
      </c>
      <c r="D3189" s="5" t="s">
        <v>8</v>
      </c>
      <c r="E3189" s="6">
        <v>11001</v>
      </c>
      <c r="F3189" s="5" t="s">
        <v>6390</v>
      </c>
      <c r="G3189" s="5" t="s">
        <v>6391</v>
      </c>
    </row>
    <row r="3190" spans="1:7">
      <c r="A3190" s="5" t="s">
        <v>7</v>
      </c>
      <c r="B3190" s="5">
        <v>3262</v>
      </c>
      <c r="C3190" s="5" t="s">
        <v>8</v>
      </c>
      <c r="D3190" s="5" t="s">
        <v>8</v>
      </c>
      <c r="E3190" s="6">
        <v>11001</v>
      </c>
      <c r="F3190" s="5" t="s">
        <v>6392</v>
      </c>
      <c r="G3190" s="5" t="s">
        <v>6393</v>
      </c>
    </row>
    <row r="3191" spans="1:7">
      <c r="A3191" s="5" t="s">
        <v>7</v>
      </c>
      <c r="B3191" s="5">
        <v>3263</v>
      </c>
      <c r="C3191" s="5" t="s">
        <v>8</v>
      </c>
      <c r="D3191" s="5" t="s">
        <v>8</v>
      </c>
      <c r="E3191" s="6">
        <v>11001</v>
      </c>
      <c r="F3191" s="5" t="s">
        <v>6394</v>
      </c>
      <c r="G3191" s="5" t="s">
        <v>6395</v>
      </c>
    </row>
    <row r="3192" spans="1:7">
      <c r="A3192" s="5" t="s">
        <v>7</v>
      </c>
      <c r="B3192" s="5">
        <v>3264</v>
      </c>
      <c r="C3192" s="5" t="s">
        <v>8</v>
      </c>
      <c r="D3192" s="5" t="s">
        <v>8</v>
      </c>
      <c r="E3192" s="6">
        <v>11001</v>
      </c>
      <c r="F3192" s="5" t="s">
        <v>6396</v>
      </c>
      <c r="G3192" s="5" t="s">
        <v>6397</v>
      </c>
    </row>
    <row r="3193" spans="1:7">
      <c r="A3193" s="5" t="s">
        <v>7</v>
      </c>
      <c r="B3193" s="5">
        <v>3265</v>
      </c>
      <c r="C3193" s="5" t="s">
        <v>8</v>
      </c>
      <c r="D3193" s="5" t="s">
        <v>8</v>
      </c>
      <c r="E3193" s="6">
        <v>11001</v>
      </c>
      <c r="F3193" s="5" t="s">
        <v>6398</v>
      </c>
      <c r="G3193" s="5" t="s">
        <v>6399</v>
      </c>
    </row>
    <row r="3194" spans="1:7">
      <c r="A3194" s="5" t="s">
        <v>7</v>
      </c>
      <c r="B3194" s="5">
        <v>3266</v>
      </c>
      <c r="C3194" s="5" t="s">
        <v>8</v>
      </c>
      <c r="D3194" s="5" t="s">
        <v>8</v>
      </c>
      <c r="E3194" s="6">
        <v>11001</v>
      </c>
      <c r="F3194" s="5" t="s">
        <v>6400</v>
      </c>
      <c r="G3194" s="5" t="s">
        <v>6401</v>
      </c>
    </row>
    <row r="3195" spans="1:7">
      <c r="A3195" s="5" t="s">
        <v>7</v>
      </c>
      <c r="B3195" s="5">
        <v>3267</v>
      </c>
      <c r="C3195" s="5" t="s">
        <v>2542</v>
      </c>
      <c r="D3195" s="5" t="s">
        <v>2543</v>
      </c>
      <c r="E3195" s="6">
        <v>8001</v>
      </c>
      <c r="F3195" s="5" t="s">
        <v>6402</v>
      </c>
      <c r="G3195" s="5" t="s">
        <v>6403</v>
      </c>
    </row>
    <row r="3196" spans="1:7">
      <c r="A3196" s="5" t="s">
        <v>7</v>
      </c>
      <c r="B3196" s="5">
        <v>3268</v>
      </c>
      <c r="C3196" s="5" t="s">
        <v>8</v>
      </c>
      <c r="D3196" s="5" t="s">
        <v>8</v>
      </c>
      <c r="E3196" s="6">
        <v>11001</v>
      </c>
      <c r="F3196" s="5" t="s">
        <v>6404</v>
      </c>
      <c r="G3196" s="5" t="s">
        <v>6405</v>
      </c>
    </row>
    <row r="3197" spans="1:7">
      <c r="A3197" s="5" t="s">
        <v>7</v>
      </c>
      <c r="B3197" s="5">
        <v>3269</v>
      </c>
      <c r="C3197" s="5" t="s">
        <v>8</v>
      </c>
      <c r="D3197" s="5" t="s">
        <v>8</v>
      </c>
      <c r="E3197" s="6">
        <v>11001</v>
      </c>
      <c r="F3197" s="5" t="s">
        <v>6406</v>
      </c>
      <c r="G3197" s="5" t="s">
        <v>6407</v>
      </c>
    </row>
    <row r="3198" spans="1:7">
      <c r="A3198" s="5" t="s">
        <v>7</v>
      </c>
      <c r="B3198" s="5">
        <v>3270</v>
      </c>
      <c r="C3198" s="5" t="s">
        <v>8</v>
      </c>
      <c r="D3198" s="5" t="s">
        <v>8</v>
      </c>
      <c r="E3198" s="6">
        <v>11001</v>
      </c>
      <c r="F3198" s="5" t="s">
        <v>6408</v>
      </c>
      <c r="G3198" s="5" t="s">
        <v>6409</v>
      </c>
    </row>
    <row r="3199" spans="1:7">
      <c r="A3199" s="5" t="s">
        <v>7</v>
      </c>
      <c r="B3199" s="5">
        <v>3271</v>
      </c>
      <c r="C3199" s="5" t="s">
        <v>8</v>
      </c>
      <c r="D3199" s="5" t="s">
        <v>8</v>
      </c>
      <c r="E3199" s="6">
        <v>11001</v>
      </c>
      <c r="F3199" s="5" t="s">
        <v>6410</v>
      </c>
      <c r="G3199" s="5" t="s">
        <v>6411</v>
      </c>
    </row>
    <row r="3200" spans="1:7">
      <c r="A3200" s="5" t="s">
        <v>7</v>
      </c>
      <c r="B3200" s="5">
        <v>3272</v>
      </c>
      <c r="C3200" s="5" t="s">
        <v>8</v>
      </c>
      <c r="D3200" s="5" t="s">
        <v>8</v>
      </c>
      <c r="E3200" s="6">
        <v>11001</v>
      </c>
      <c r="F3200" s="5" t="s">
        <v>6412</v>
      </c>
      <c r="G3200" s="5" t="s">
        <v>6413</v>
      </c>
    </row>
    <row r="3201" spans="1:7">
      <c r="A3201" s="5" t="s">
        <v>7</v>
      </c>
      <c r="B3201" s="5">
        <v>3273</v>
      </c>
      <c r="C3201" s="5" t="s">
        <v>8</v>
      </c>
      <c r="D3201" s="5" t="s">
        <v>8</v>
      </c>
      <c r="E3201" s="6">
        <v>11001</v>
      </c>
      <c r="F3201" s="5" t="s">
        <v>6414</v>
      </c>
      <c r="G3201" s="5" t="s">
        <v>6415</v>
      </c>
    </row>
    <row r="3202" spans="1:7">
      <c r="A3202" s="5" t="s">
        <v>7</v>
      </c>
      <c r="B3202" s="5">
        <v>3274</v>
      </c>
      <c r="C3202" s="5" t="s">
        <v>8</v>
      </c>
      <c r="D3202" s="5" t="s">
        <v>8</v>
      </c>
      <c r="E3202" s="6">
        <v>11001</v>
      </c>
      <c r="F3202" s="5" t="s">
        <v>6416</v>
      </c>
      <c r="G3202" s="5" t="s">
        <v>6417</v>
      </c>
    </row>
    <row r="3203" spans="1:7">
      <c r="A3203" s="5" t="s">
        <v>7</v>
      </c>
      <c r="B3203" s="5">
        <v>3275</v>
      </c>
      <c r="C3203" s="5" t="s">
        <v>8</v>
      </c>
      <c r="D3203" s="5" t="s">
        <v>8</v>
      </c>
      <c r="E3203" s="6">
        <v>11001</v>
      </c>
      <c r="F3203" s="5" t="s">
        <v>6418</v>
      </c>
      <c r="G3203" s="5" t="s">
        <v>6419</v>
      </c>
    </row>
    <row r="3204" spans="1:7">
      <c r="A3204" s="5" t="s">
        <v>7</v>
      </c>
      <c r="B3204" s="5">
        <v>3276</v>
      </c>
      <c r="C3204" s="5" t="s">
        <v>8</v>
      </c>
      <c r="D3204" s="5" t="s">
        <v>8</v>
      </c>
      <c r="E3204" s="6">
        <v>11001</v>
      </c>
      <c r="F3204" s="5" t="s">
        <v>6420</v>
      </c>
      <c r="G3204" s="5" t="s">
        <v>6421</v>
      </c>
    </row>
    <row r="3205" spans="1:7">
      <c r="A3205" s="5" t="s">
        <v>7</v>
      </c>
      <c r="B3205" s="5">
        <v>3277</v>
      </c>
      <c r="C3205" s="5" t="s">
        <v>8</v>
      </c>
      <c r="D3205" s="5" t="s">
        <v>8</v>
      </c>
      <c r="E3205" s="6">
        <v>11001</v>
      </c>
      <c r="F3205" s="5" t="s">
        <v>6422</v>
      </c>
      <c r="G3205" s="5" t="s">
        <v>6423</v>
      </c>
    </row>
    <row r="3206" spans="1:7">
      <c r="A3206" s="5" t="s">
        <v>7</v>
      </c>
      <c r="B3206" s="5">
        <v>3278</v>
      </c>
      <c r="C3206" s="5" t="s">
        <v>8</v>
      </c>
      <c r="D3206" s="5" t="s">
        <v>8</v>
      </c>
      <c r="E3206" s="6">
        <v>11001</v>
      </c>
      <c r="F3206" s="5" t="s">
        <v>6424</v>
      </c>
      <c r="G3206" s="5" t="s">
        <v>6425</v>
      </c>
    </row>
    <row r="3207" spans="1:7">
      <c r="A3207" s="5" t="s">
        <v>7</v>
      </c>
      <c r="B3207" s="5">
        <v>3279</v>
      </c>
      <c r="C3207" s="5" t="s">
        <v>8</v>
      </c>
      <c r="D3207" s="5" t="s">
        <v>8</v>
      </c>
      <c r="E3207" s="6">
        <v>11001</v>
      </c>
      <c r="F3207" s="5" t="s">
        <v>6426</v>
      </c>
      <c r="G3207" s="5" t="s">
        <v>6427</v>
      </c>
    </row>
    <row r="3208" spans="1:7">
      <c r="A3208" s="5" t="s">
        <v>7</v>
      </c>
      <c r="B3208" s="5">
        <v>3280</v>
      </c>
      <c r="C3208" s="5" t="s">
        <v>8</v>
      </c>
      <c r="D3208" s="5" t="s">
        <v>8</v>
      </c>
      <c r="E3208" s="6">
        <v>11001</v>
      </c>
      <c r="F3208" s="5" t="s">
        <v>6428</v>
      </c>
      <c r="G3208" s="5" t="s">
        <v>6429</v>
      </c>
    </row>
    <row r="3209" spans="1:7">
      <c r="A3209" s="5" t="s">
        <v>7</v>
      </c>
      <c r="B3209" s="5">
        <v>3281</v>
      </c>
      <c r="C3209" s="5" t="s">
        <v>8</v>
      </c>
      <c r="D3209" s="5" t="s">
        <v>8</v>
      </c>
      <c r="E3209" s="6">
        <v>11001</v>
      </c>
      <c r="F3209" s="5" t="s">
        <v>6430</v>
      </c>
      <c r="G3209" s="5" t="s">
        <v>6431</v>
      </c>
    </row>
    <row r="3210" spans="1:7">
      <c r="A3210" s="5" t="s">
        <v>7</v>
      </c>
      <c r="B3210" s="5">
        <v>3282</v>
      </c>
      <c r="C3210" s="5" t="s">
        <v>8</v>
      </c>
      <c r="D3210" s="5" t="s">
        <v>8</v>
      </c>
      <c r="E3210" s="6">
        <v>11001</v>
      </c>
      <c r="F3210" s="5" t="s">
        <v>6432</v>
      </c>
      <c r="G3210" s="5" t="s">
        <v>6433</v>
      </c>
    </row>
    <row r="3211" spans="1:7">
      <c r="A3211" s="5" t="s">
        <v>7</v>
      </c>
      <c r="B3211" s="5">
        <v>3283</v>
      </c>
      <c r="C3211" s="5" t="s">
        <v>8</v>
      </c>
      <c r="D3211" s="5" t="s">
        <v>8</v>
      </c>
      <c r="E3211" s="6">
        <v>11001</v>
      </c>
      <c r="F3211" s="5" t="s">
        <v>6434</v>
      </c>
      <c r="G3211" s="5" t="s">
        <v>6435</v>
      </c>
    </row>
    <row r="3212" spans="1:7">
      <c r="A3212" s="5" t="s">
        <v>7</v>
      </c>
      <c r="B3212" s="5">
        <v>3284</v>
      </c>
      <c r="C3212" s="5" t="s">
        <v>8</v>
      </c>
      <c r="D3212" s="5" t="s">
        <v>8</v>
      </c>
      <c r="E3212" s="6">
        <v>11001</v>
      </c>
      <c r="F3212" s="5" t="s">
        <v>6436</v>
      </c>
      <c r="G3212" s="5" t="s">
        <v>6437</v>
      </c>
    </row>
    <row r="3213" spans="1:7">
      <c r="A3213" s="5" t="s">
        <v>7</v>
      </c>
      <c r="B3213" s="5">
        <v>3285</v>
      </c>
      <c r="C3213" s="5" t="s">
        <v>8</v>
      </c>
      <c r="D3213" s="5" t="s">
        <v>8</v>
      </c>
      <c r="E3213" s="6">
        <v>11001</v>
      </c>
      <c r="F3213" s="5" t="s">
        <v>6438</v>
      </c>
      <c r="G3213" s="5" t="s">
        <v>6439</v>
      </c>
    </row>
    <row r="3214" spans="1:7">
      <c r="A3214" s="5" t="s">
        <v>7</v>
      </c>
      <c r="B3214" s="5">
        <v>3286</v>
      </c>
      <c r="C3214" s="5" t="s">
        <v>8</v>
      </c>
      <c r="D3214" s="5" t="s">
        <v>8</v>
      </c>
      <c r="E3214" s="6">
        <v>11001</v>
      </c>
      <c r="F3214" s="5" t="s">
        <v>6440</v>
      </c>
      <c r="G3214" s="5" t="s">
        <v>6441</v>
      </c>
    </row>
    <row r="3215" spans="1:7">
      <c r="A3215" s="5" t="s">
        <v>7</v>
      </c>
      <c r="B3215" s="5">
        <v>3287</v>
      </c>
      <c r="C3215" s="5" t="s">
        <v>8</v>
      </c>
      <c r="D3215" s="5" t="s">
        <v>8</v>
      </c>
      <c r="E3215" s="6">
        <v>11001</v>
      </c>
      <c r="F3215" s="5" t="s">
        <v>6442</v>
      </c>
      <c r="G3215" s="5" t="s">
        <v>6443</v>
      </c>
    </row>
    <row r="3216" spans="1:7">
      <c r="A3216" s="5" t="s">
        <v>7</v>
      </c>
      <c r="B3216" s="5">
        <v>3288</v>
      </c>
      <c r="C3216" s="5" t="s">
        <v>8</v>
      </c>
      <c r="D3216" s="5" t="s">
        <v>8</v>
      </c>
      <c r="E3216" s="6">
        <v>11001</v>
      </c>
      <c r="F3216" s="5" t="s">
        <v>6444</v>
      </c>
      <c r="G3216" s="5" t="s">
        <v>6445</v>
      </c>
    </row>
    <row r="3217" spans="1:7">
      <c r="A3217" s="5" t="s">
        <v>7</v>
      </c>
      <c r="B3217" s="5">
        <v>3289</v>
      </c>
      <c r="C3217" s="5" t="s">
        <v>8</v>
      </c>
      <c r="D3217" s="5" t="s">
        <v>8</v>
      </c>
      <c r="E3217" s="6">
        <v>11001</v>
      </c>
      <c r="F3217" s="5" t="s">
        <v>6446</v>
      </c>
      <c r="G3217" s="5" t="s">
        <v>6447</v>
      </c>
    </row>
    <row r="3218" spans="1:7">
      <c r="A3218" s="5" t="s">
        <v>7</v>
      </c>
      <c r="B3218" s="5">
        <v>3290</v>
      </c>
      <c r="C3218" s="5" t="s">
        <v>8</v>
      </c>
      <c r="D3218" s="5" t="s">
        <v>8</v>
      </c>
      <c r="E3218" s="6">
        <v>11001</v>
      </c>
      <c r="F3218" s="5" t="s">
        <v>6448</v>
      </c>
      <c r="G3218" s="5" t="s">
        <v>6449</v>
      </c>
    </row>
    <row r="3219" spans="1:7">
      <c r="A3219" s="5" t="s">
        <v>7</v>
      </c>
      <c r="B3219" s="5">
        <v>3291</v>
      </c>
      <c r="C3219" s="5" t="s">
        <v>8</v>
      </c>
      <c r="D3219" s="5" t="s">
        <v>8</v>
      </c>
      <c r="E3219" s="6">
        <v>11001</v>
      </c>
      <c r="F3219" s="5" t="s">
        <v>6450</v>
      </c>
      <c r="G3219" s="5" t="s">
        <v>6451</v>
      </c>
    </row>
    <row r="3220" spans="1:7">
      <c r="A3220" s="5" t="s">
        <v>7</v>
      </c>
      <c r="B3220" s="5">
        <v>3292</v>
      </c>
      <c r="C3220" s="5" t="s">
        <v>8</v>
      </c>
      <c r="D3220" s="5" t="s">
        <v>8</v>
      </c>
      <c r="E3220" s="6">
        <v>11001</v>
      </c>
      <c r="F3220" s="5" t="s">
        <v>6452</v>
      </c>
      <c r="G3220" s="5" t="s">
        <v>6453</v>
      </c>
    </row>
    <row r="3221" spans="1:7">
      <c r="A3221" s="5" t="s">
        <v>7</v>
      </c>
      <c r="B3221" s="5">
        <v>3293</v>
      </c>
      <c r="C3221" s="5" t="s">
        <v>8</v>
      </c>
      <c r="D3221" s="5" t="s">
        <v>8</v>
      </c>
      <c r="E3221" s="6">
        <v>11001</v>
      </c>
      <c r="F3221" s="5" t="s">
        <v>6454</v>
      </c>
      <c r="G3221" s="5" t="s">
        <v>6455</v>
      </c>
    </row>
    <row r="3222" spans="1:7">
      <c r="A3222" s="5" t="s">
        <v>7</v>
      </c>
      <c r="B3222" s="5">
        <v>3294</v>
      </c>
      <c r="C3222" s="5" t="s">
        <v>8</v>
      </c>
      <c r="D3222" s="5" t="s">
        <v>8</v>
      </c>
      <c r="E3222" s="6">
        <v>11001</v>
      </c>
      <c r="F3222" s="5" t="s">
        <v>6456</v>
      </c>
      <c r="G3222" s="5" t="s">
        <v>6457</v>
      </c>
    </row>
    <row r="3223" spans="1:7">
      <c r="A3223" s="5" t="s">
        <v>7</v>
      </c>
      <c r="B3223" s="5">
        <v>3295</v>
      </c>
      <c r="C3223" s="5" t="s">
        <v>8</v>
      </c>
      <c r="D3223" s="5" t="s">
        <v>8</v>
      </c>
      <c r="E3223" s="6">
        <v>11001</v>
      </c>
      <c r="F3223" s="5" t="s">
        <v>6458</v>
      </c>
      <c r="G3223" s="5" t="s">
        <v>6459</v>
      </c>
    </row>
    <row r="3224" spans="1:7">
      <c r="A3224" s="5" t="s">
        <v>7</v>
      </c>
      <c r="B3224" s="5">
        <v>3296</v>
      </c>
      <c r="C3224" s="5" t="s">
        <v>8</v>
      </c>
      <c r="D3224" s="5" t="s">
        <v>8</v>
      </c>
      <c r="E3224" s="6">
        <v>11001</v>
      </c>
      <c r="F3224" s="5" t="s">
        <v>6460</v>
      </c>
      <c r="G3224" s="5" t="s">
        <v>6461</v>
      </c>
    </row>
    <row r="3225" spans="1:7">
      <c r="A3225" s="5" t="s">
        <v>7</v>
      </c>
      <c r="B3225" s="5">
        <v>3297</v>
      </c>
      <c r="C3225" s="5" t="s">
        <v>2891</v>
      </c>
      <c r="D3225" s="5" t="s">
        <v>2892</v>
      </c>
      <c r="E3225" s="6">
        <v>13001</v>
      </c>
      <c r="F3225" s="5" t="s">
        <v>6462</v>
      </c>
      <c r="G3225" s="5" t="s">
        <v>6463</v>
      </c>
    </row>
    <row r="3226" spans="1:7">
      <c r="A3226" s="5" t="s">
        <v>7</v>
      </c>
      <c r="B3226" s="5">
        <v>3298</v>
      </c>
      <c r="C3226" s="5" t="s">
        <v>8</v>
      </c>
      <c r="D3226" s="5" t="s">
        <v>8</v>
      </c>
      <c r="E3226" s="6">
        <v>11001</v>
      </c>
      <c r="F3226" s="5" t="s">
        <v>6464</v>
      </c>
      <c r="G3226" s="5" t="s">
        <v>6465</v>
      </c>
    </row>
    <row r="3227" spans="1:7">
      <c r="A3227" s="5" t="s">
        <v>7</v>
      </c>
      <c r="B3227" s="5">
        <v>3299</v>
      </c>
      <c r="C3227" s="5" t="s">
        <v>813</v>
      </c>
      <c r="D3227" s="5" t="s">
        <v>6466</v>
      </c>
      <c r="E3227" s="6">
        <v>25491</v>
      </c>
      <c r="F3227" s="5" t="s">
        <v>6467</v>
      </c>
      <c r="G3227" s="5" t="s">
        <v>6468</v>
      </c>
    </row>
    <row r="3228" spans="1:7">
      <c r="A3228" s="5" t="s">
        <v>7</v>
      </c>
      <c r="B3228" s="5">
        <v>3300</v>
      </c>
      <c r="C3228" s="5" t="s">
        <v>8</v>
      </c>
      <c r="D3228" s="5" t="s">
        <v>8</v>
      </c>
      <c r="E3228" s="6">
        <v>11001</v>
      </c>
      <c r="F3228" s="5" t="s">
        <v>6469</v>
      </c>
      <c r="G3228" s="5" t="s">
        <v>6470</v>
      </c>
    </row>
    <row r="3229" spans="1:7">
      <c r="A3229" s="5" t="s">
        <v>7</v>
      </c>
      <c r="B3229" s="5">
        <v>3301</v>
      </c>
      <c r="C3229" s="5" t="s">
        <v>8</v>
      </c>
      <c r="D3229" s="5" t="s">
        <v>8</v>
      </c>
      <c r="E3229" s="6">
        <v>11001</v>
      </c>
      <c r="F3229" s="5" t="s">
        <v>6471</v>
      </c>
      <c r="G3229" s="5" t="s">
        <v>6472</v>
      </c>
    </row>
    <row r="3230" spans="1:7">
      <c r="A3230" s="5" t="s">
        <v>7</v>
      </c>
      <c r="B3230" s="5">
        <v>3302</v>
      </c>
      <c r="C3230" s="5" t="s">
        <v>4035</v>
      </c>
      <c r="D3230" s="5" t="s">
        <v>6473</v>
      </c>
      <c r="E3230" s="6">
        <v>18753</v>
      </c>
      <c r="F3230" s="5" t="s">
        <v>6474</v>
      </c>
      <c r="G3230" s="5" t="s">
        <v>6475</v>
      </c>
    </row>
    <row r="3231" spans="1:7">
      <c r="A3231" s="5" t="s">
        <v>7</v>
      </c>
      <c r="B3231" s="5">
        <v>3303</v>
      </c>
      <c r="C3231" s="5" t="s">
        <v>8</v>
      </c>
      <c r="D3231" s="5" t="s">
        <v>8</v>
      </c>
      <c r="E3231" s="6">
        <v>11001</v>
      </c>
      <c r="F3231" s="5" t="s">
        <v>6476</v>
      </c>
      <c r="G3231" s="5" t="s">
        <v>6477</v>
      </c>
    </row>
    <row r="3232" spans="1:7">
      <c r="A3232" s="5" t="s">
        <v>7</v>
      </c>
      <c r="B3232" s="5">
        <v>3304</v>
      </c>
      <c r="C3232" s="5" t="s">
        <v>8</v>
      </c>
      <c r="D3232" s="5" t="s">
        <v>8</v>
      </c>
      <c r="E3232" s="6">
        <v>11001</v>
      </c>
      <c r="F3232" s="5" t="s">
        <v>6478</v>
      </c>
      <c r="G3232" s="5" t="s">
        <v>6479</v>
      </c>
    </row>
    <row r="3233" spans="1:7">
      <c r="A3233" s="5" t="s">
        <v>7</v>
      </c>
      <c r="B3233" s="5">
        <v>3305</v>
      </c>
      <c r="C3233" s="5" t="s">
        <v>2781</v>
      </c>
      <c r="D3233" s="5" t="s">
        <v>2782</v>
      </c>
      <c r="E3233" s="6">
        <v>23001</v>
      </c>
      <c r="F3233" s="5" t="s">
        <v>6480</v>
      </c>
      <c r="G3233" s="5" t="s">
        <v>6481</v>
      </c>
    </row>
    <row r="3234" spans="1:7">
      <c r="A3234" s="5" t="s">
        <v>7</v>
      </c>
      <c r="B3234" s="5">
        <v>3306</v>
      </c>
      <c r="C3234" s="5" t="s">
        <v>3306</v>
      </c>
      <c r="D3234" s="5" t="s">
        <v>5845</v>
      </c>
      <c r="E3234" s="6">
        <v>50001</v>
      </c>
      <c r="F3234" s="5" t="s">
        <v>6482</v>
      </c>
      <c r="G3234" s="5" t="s">
        <v>6483</v>
      </c>
    </row>
    <row r="3235" spans="1:7">
      <c r="A3235" s="5" t="s">
        <v>7</v>
      </c>
      <c r="B3235" s="5">
        <v>3307</v>
      </c>
      <c r="C3235" s="5" t="s">
        <v>2891</v>
      </c>
      <c r="D3235" s="5" t="s">
        <v>2892</v>
      </c>
      <c r="E3235" s="6">
        <v>13001</v>
      </c>
      <c r="F3235" s="5" t="s">
        <v>6484</v>
      </c>
      <c r="G3235" s="5" t="s">
        <v>6485</v>
      </c>
    </row>
    <row r="3236" spans="1:7">
      <c r="A3236" s="5" t="s">
        <v>7</v>
      </c>
      <c r="B3236" s="5">
        <v>3308</v>
      </c>
      <c r="C3236" s="5" t="s">
        <v>2891</v>
      </c>
      <c r="D3236" s="5" t="s">
        <v>2892</v>
      </c>
      <c r="E3236" s="6">
        <v>13001</v>
      </c>
      <c r="F3236" s="5" t="s">
        <v>6486</v>
      </c>
      <c r="G3236" s="5" t="s">
        <v>6487</v>
      </c>
    </row>
    <row r="3237" spans="1:7">
      <c r="A3237" s="5" t="s">
        <v>7</v>
      </c>
      <c r="B3237" s="5">
        <v>3309</v>
      </c>
      <c r="C3237" s="5" t="s">
        <v>8</v>
      </c>
      <c r="D3237" s="5" t="s">
        <v>8</v>
      </c>
      <c r="E3237" s="6">
        <v>11001</v>
      </c>
      <c r="F3237" s="5" t="s">
        <v>6488</v>
      </c>
      <c r="G3237" s="5" t="s">
        <v>6489</v>
      </c>
    </row>
    <row r="3238" spans="1:7">
      <c r="A3238" s="5" t="s">
        <v>7</v>
      </c>
      <c r="B3238" s="5">
        <v>3310</v>
      </c>
      <c r="C3238" s="5" t="s">
        <v>8</v>
      </c>
      <c r="D3238" s="5" t="s">
        <v>8</v>
      </c>
      <c r="E3238" s="6">
        <v>11001</v>
      </c>
      <c r="F3238" s="5" t="s">
        <v>6490</v>
      </c>
      <c r="G3238" s="5" t="s">
        <v>6491</v>
      </c>
    </row>
    <row r="3239" spans="1:7">
      <c r="A3239" s="5" t="s">
        <v>7</v>
      </c>
      <c r="B3239" s="5">
        <v>3311</v>
      </c>
      <c r="C3239" s="5" t="s">
        <v>813</v>
      </c>
      <c r="D3239" s="5" t="s">
        <v>6492</v>
      </c>
      <c r="E3239" s="6">
        <v>25001</v>
      </c>
      <c r="F3239" s="5" t="s">
        <v>6493</v>
      </c>
      <c r="G3239" s="5" t="s">
        <v>6494</v>
      </c>
    </row>
    <row r="3240" spans="1:7">
      <c r="A3240" s="5" t="s">
        <v>7</v>
      </c>
      <c r="B3240" s="5">
        <v>3312</v>
      </c>
      <c r="C3240" s="5" t="s">
        <v>8</v>
      </c>
      <c r="D3240" s="5" t="s">
        <v>8</v>
      </c>
      <c r="E3240" s="6">
        <v>11001</v>
      </c>
      <c r="F3240" s="5" t="s">
        <v>6495</v>
      </c>
      <c r="G3240" s="5" t="s">
        <v>4633</v>
      </c>
    </row>
    <row r="3241" spans="1:7">
      <c r="A3241" s="5" t="s">
        <v>7</v>
      </c>
      <c r="B3241" s="5">
        <v>3313</v>
      </c>
      <c r="C3241" s="5" t="s">
        <v>8</v>
      </c>
      <c r="D3241" s="5" t="s">
        <v>8</v>
      </c>
      <c r="E3241" s="6">
        <v>11001</v>
      </c>
      <c r="F3241" s="5" t="s">
        <v>6496</v>
      </c>
      <c r="G3241" s="5" t="s">
        <v>6497</v>
      </c>
    </row>
    <row r="3242" spans="1:7">
      <c r="A3242" s="5" t="s">
        <v>7</v>
      </c>
      <c r="B3242" s="5">
        <v>3314</v>
      </c>
      <c r="C3242" s="5" t="s">
        <v>8</v>
      </c>
      <c r="D3242" s="5" t="s">
        <v>8</v>
      </c>
      <c r="E3242" s="6">
        <v>11001</v>
      </c>
      <c r="F3242" s="5" t="s">
        <v>6498</v>
      </c>
      <c r="G3242" s="5" t="s">
        <v>6499</v>
      </c>
    </row>
    <row r="3243" spans="1:7">
      <c r="A3243" s="5" t="s">
        <v>7</v>
      </c>
      <c r="B3243" s="5">
        <v>3315</v>
      </c>
      <c r="C3243" s="5" t="s">
        <v>8</v>
      </c>
      <c r="D3243" s="5" t="s">
        <v>8</v>
      </c>
      <c r="E3243" s="6">
        <v>11001</v>
      </c>
      <c r="F3243" s="5" t="s">
        <v>6500</v>
      </c>
      <c r="G3243" s="5" t="s">
        <v>6501</v>
      </c>
    </row>
    <row r="3244" spans="1:7">
      <c r="A3244" s="5" t="s">
        <v>7</v>
      </c>
      <c r="B3244" s="5">
        <v>3316</v>
      </c>
      <c r="C3244" s="5" t="s">
        <v>8</v>
      </c>
      <c r="D3244" s="5" t="s">
        <v>8</v>
      </c>
      <c r="E3244" s="6">
        <v>11001</v>
      </c>
      <c r="F3244" s="5" t="s">
        <v>6502</v>
      </c>
      <c r="G3244" s="5" t="s">
        <v>6503</v>
      </c>
    </row>
    <row r="3245" spans="1:7">
      <c r="A3245" s="5" t="s">
        <v>7</v>
      </c>
      <c r="B3245" s="5">
        <v>3317</v>
      </c>
      <c r="C3245" s="5" t="s">
        <v>8</v>
      </c>
      <c r="D3245" s="5" t="s">
        <v>8</v>
      </c>
      <c r="E3245" s="6">
        <v>11001</v>
      </c>
      <c r="F3245" s="5" t="s">
        <v>6504</v>
      </c>
      <c r="G3245" s="5" t="s">
        <v>6505</v>
      </c>
    </row>
    <row r="3246" spans="1:7">
      <c r="A3246" s="5" t="s">
        <v>7</v>
      </c>
      <c r="B3246" s="5">
        <v>3318</v>
      </c>
      <c r="C3246" s="5" t="s">
        <v>8</v>
      </c>
      <c r="D3246" s="5" t="s">
        <v>8</v>
      </c>
      <c r="E3246" s="6">
        <v>11001</v>
      </c>
      <c r="F3246" s="5" t="s">
        <v>6506</v>
      </c>
      <c r="G3246" s="5" t="s">
        <v>6507</v>
      </c>
    </row>
    <row r="3247" spans="1:7">
      <c r="A3247" s="5" t="s">
        <v>7</v>
      </c>
      <c r="B3247" s="5">
        <v>3319</v>
      </c>
      <c r="C3247" s="5" t="s">
        <v>2891</v>
      </c>
      <c r="D3247" s="5" t="s">
        <v>2892</v>
      </c>
      <c r="E3247" s="6">
        <v>13001</v>
      </c>
      <c r="F3247" s="5" t="s">
        <v>6508</v>
      </c>
      <c r="G3247" s="5" t="s">
        <v>6509</v>
      </c>
    </row>
    <row r="3248" spans="1:7">
      <c r="A3248" s="5" t="s">
        <v>7</v>
      </c>
      <c r="B3248" s="5">
        <v>3320</v>
      </c>
      <c r="C3248" s="5" t="s">
        <v>8</v>
      </c>
      <c r="D3248" s="5" t="s">
        <v>8</v>
      </c>
      <c r="E3248" s="6">
        <v>11001</v>
      </c>
      <c r="F3248" s="5" t="s">
        <v>6510</v>
      </c>
      <c r="G3248" s="5" t="s">
        <v>6511</v>
      </c>
    </row>
    <row r="3249" spans="1:7">
      <c r="A3249" s="5" t="s">
        <v>7</v>
      </c>
      <c r="B3249" s="5">
        <v>3321</v>
      </c>
      <c r="C3249" s="5" t="s">
        <v>2891</v>
      </c>
      <c r="D3249" s="5" t="s">
        <v>2892</v>
      </c>
      <c r="E3249" s="6">
        <v>13001</v>
      </c>
      <c r="F3249" s="5" t="s">
        <v>6512</v>
      </c>
      <c r="G3249" s="5" t="s">
        <v>6513</v>
      </c>
    </row>
    <row r="3250" spans="1:7">
      <c r="A3250" s="5" t="s">
        <v>7</v>
      </c>
      <c r="B3250" s="5">
        <v>3322</v>
      </c>
      <c r="C3250" s="5" t="s">
        <v>813</v>
      </c>
      <c r="D3250" s="5" t="s">
        <v>814</v>
      </c>
      <c r="E3250" s="6">
        <v>25754</v>
      </c>
      <c r="F3250" s="5" t="s">
        <v>6514</v>
      </c>
      <c r="G3250" s="5" t="s">
        <v>6515</v>
      </c>
    </row>
    <row r="3251" spans="1:7">
      <c r="A3251" s="5" t="s">
        <v>7</v>
      </c>
      <c r="B3251" s="5">
        <v>3323</v>
      </c>
      <c r="C3251" s="5" t="s">
        <v>8</v>
      </c>
      <c r="D3251" s="5" t="s">
        <v>8</v>
      </c>
      <c r="E3251" s="6">
        <v>11001</v>
      </c>
      <c r="F3251" s="5" t="s">
        <v>6516</v>
      </c>
      <c r="G3251" s="5" t="s">
        <v>6517</v>
      </c>
    </row>
    <row r="3252" spans="1:7">
      <c r="A3252" s="5" t="s">
        <v>7</v>
      </c>
      <c r="B3252" s="5">
        <v>3324</v>
      </c>
      <c r="C3252" s="5" t="s">
        <v>8</v>
      </c>
      <c r="D3252" s="5" t="s">
        <v>8</v>
      </c>
      <c r="E3252" s="6">
        <v>11001</v>
      </c>
      <c r="F3252" s="5" t="s">
        <v>6518</v>
      </c>
      <c r="G3252" s="5" t="s">
        <v>6519</v>
      </c>
    </row>
    <row r="3253" spans="1:7">
      <c r="A3253" s="5" t="s">
        <v>7</v>
      </c>
      <c r="B3253" s="5">
        <v>3325</v>
      </c>
      <c r="C3253" s="5" t="s">
        <v>8</v>
      </c>
      <c r="D3253" s="5" t="s">
        <v>8</v>
      </c>
      <c r="E3253" s="6">
        <v>11001</v>
      </c>
      <c r="F3253" s="5" t="s">
        <v>6520</v>
      </c>
      <c r="G3253" s="5" t="s">
        <v>6521</v>
      </c>
    </row>
    <row r="3254" spans="1:7">
      <c r="A3254" s="5" t="s">
        <v>7</v>
      </c>
      <c r="B3254" s="5">
        <v>3326</v>
      </c>
      <c r="C3254" s="5" t="s">
        <v>8</v>
      </c>
      <c r="D3254" s="5" t="s">
        <v>8</v>
      </c>
      <c r="E3254" s="6">
        <v>11001</v>
      </c>
      <c r="F3254" s="5" t="s">
        <v>6522</v>
      </c>
      <c r="G3254" s="5" t="s">
        <v>6523</v>
      </c>
    </row>
    <row r="3255" spans="1:7">
      <c r="A3255" s="5" t="s">
        <v>7</v>
      </c>
      <c r="B3255" s="5">
        <v>3327</v>
      </c>
      <c r="C3255" s="5" t="s">
        <v>2891</v>
      </c>
      <c r="D3255" s="5" t="s">
        <v>2892</v>
      </c>
      <c r="E3255" s="6">
        <v>13001</v>
      </c>
      <c r="F3255" s="5" t="s">
        <v>6524</v>
      </c>
      <c r="G3255" s="5" t="s">
        <v>6525</v>
      </c>
    </row>
    <row r="3256" spans="1:7">
      <c r="A3256" s="5" t="s">
        <v>7</v>
      </c>
      <c r="B3256" s="5">
        <v>3328</v>
      </c>
      <c r="C3256" s="5" t="s">
        <v>8</v>
      </c>
      <c r="D3256" s="5" t="s">
        <v>8</v>
      </c>
      <c r="E3256" s="6">
        <v>11001</v>
      </c>
      <c r="F3256" s="5" t="s">
        <v>6526</v>
      </c>
      <c r="G3256" s="5" t="s">
        <v>6527</v>
      </c>
    </row>
    <row r="3257" spans="1:7">
      <c r="A3257" s="5" t="s">
        <v>7</v>
      </c>
      <c r="B3257" s="5">
        <v>3329</v>
      </c>
      <c r="C3257" s="5" t="s">
        <v>3733</v>
      </c>
      <c r="D3257" s="5" t="s">
        <v>6528</v>
      </c>
      <c r="E3257" s="6">
        <v>47001</v>
      </c>
      <c r="F3257" s="5" t="s">
        <v>6529</v>
      </c>
      <c r="G3257" s="5" t="s">
        <v>6530</v>
      </c>
    </row>
    <row r="3258" spans="1:7">
      <c r="A3258" s="5" t="s">
        <v>7</v>
      </c>
      <c r="B3258" s="5">
        <v>3330</v>
      </c>
      <c r="C3258" s="5" t="s">
        <v>8</v>
      </c>
      <c r="D3258" s="5" t="s">
        <v>8</v>
      </c>
      <c r="E3258" s="6">
        <v>11001</v>
      </c>
      <c r="F3258" s="5" t="s">
        <v>6531</v>
      </c>
      <c r="G3258" s="5" t="s">
        <v>640</v>
      </c>
    </row>
    <row r="3259" spans="1:7">
      <c r="A3259" s="5" t="s">
        <v>7</v>
      </c>
      <c r="B3259" s="5">
        <v>3331</v>
      </c>
      <c r="C3259" s="5" t="s">
        <v>8</v>
      </c>
      <c r="D3259" s="5" t="s">
        <v>8</v>
      </c>
      <c r="E3259" s="6">
        <v>11001</v>
      </c>
      <c r="F3259" s="5" t="s">
        <v>6532</v>
      </c>
      <c r="G3259" s="5" t="s">
        <v>6533</v>
      </c>
    </row>
    <row r="3260" spans="1:7">
      <c r="A3260" s="5" t="s">
        <v>7</v>
      </c>
      <c r="B3260" s="5">
        <v>3332</v>
      </c>
      <c r="C3260" s="5" t="s">
        <v>8</v>
      </c>
      <c r="D3260" s="5" t="s">
        <v>8</v>
      </c>
      <c r="E3260" s="6">
        <v>11001</v>
      </c>
      <c r="F3260" s="5" t="s">
        <v>6534</v>
      </c>
      <c r="G3260" s="5" t="s">
        <v>6535</v>
      </c>
    </row>
    <row r="3261" spans="1:7">
      <c r="A3261" s="5" t="s">
        <v>7</v>
      </c>
      <c r="B3261" s="5">
        <v>3333</v>
      </c>
      <c r="C3261" s="5" t="s">
        <v>8</v>
      </c>
      <c r="D3261" s="5" t="s">
        <v>8</v>
      </c>
      <c r="E3261" s="6">
        <v>11001</v>
      </c>
      <c r="F3261" s="5" t="s">
        <v>6536</v>
      </c>
      <c r="G3261" s="5" t="s">
        <v>6537</v>
      </c>
    </row>
    <row r="3262" spans="1:7">
      <c r="A3262" s="5" t="s">
        <v>7</v>
      </c>
      <c r="B3262" s="5">
        <v>3334</v>
      </c>
      <c r="C3262" s="5" t="s">
        <v>8</v>
      </c>
      <c r="D3262" s="5" t="s">
        <v>8</v>
      </c>
      <c r="E3262" s="6">
        <v>11001</v>
      </c>
      <c r="F3262" s="5" t="s">
        <v>6538</v>
      </c>
      <c r="G3262" s="5" t="s">
        <v>6539</v>
      </c>
    </row>
    <row r="3263" spans="1:7">
      <c r="A3263" s="5" t="s">
        <v>7</v>
      </c>
      <c r="B3263" s="5">
        <v>3335</v>
      </c>
      <c r="C3263" s="5" t="s">
        <v>8</v>
      </c>
      <c r="D3263" s="5" t="s">
        <v>8</v>
      </c>
      <c r="E3263" s="6">
        <v>11001</v>
      </c>
      <c r="F3263" s="5" t="s">
        <v>6540</v>
      </c>
      <c r="G3263" s="5" t="s">
        <v>6541</v>
      </c>
    </row>
    <row r="3264" spans="1:7">
      <c r="A3264" s="5" t="s">
        <v>7</v>
      </c>
      <c r="B3264" s="5">
        <v>3336</v>
      </c>
      <c r="C3264" s="5" t="s">
        <v>8</v>
      </c>
      <c r="D3264" s="5" t="s">
        <v>8</v>
      </c>
      <c r="E3264" s="6">
        <v>11001</v>
      </c>
      <c r="F3264" s="5" t="s">
        <v>6542</v>
      </c>
      <c r="G3264" s="5" t="s">
        <v>6543</v>
      </c>
    </row>
    <row r="3265" spans="1:7">
      <c r="A3265" s="5" t="s">
        <v>7</v>
      </c>
      <c r="B3265" s="5">
        <v>3337</v>
      </c>
      <c r="C3265" s="5" t="s">
        <v>8</v>
      </c>
      <c r="D3265" s="5" t="s">
        <v>8</v>
      </c>
      <c r="E3265" s="6">
        <v>11001</v>
      </c>
      <c r="F3265" s="5" t="s">
        <v>6544</v>
      </c>
      <c r="G3265" s="5" t="s">
        <v>6545</v>
      </c>
    </row>
    <row r="3266" spans="1:7">
      <c r="A3266" s="5" t="s">
        <v>7</v>
      </c>
      <c r="B3266" s="5">
        <v>3338</v>
      </c>
      <c r="C3266" s="5" t="s">
        <v>2891</v>
      </c>
      <c r="D3266" s="5" t="s">
        <v>2892</v>
      </c>
      <c r="E3266" s="6">
        <v>13001</v>
      </c>
      <c r="F3266" s="5" t="s">
        <v>6546</v>
      </c>
      <c r="G3266" s="5" t="s">
        <v>6547</v>
      </c>
    </row>
    <row r="3267" spans="1:7">
      <c r="A3267" s="5" t="s">
        <v>7</v>
      </c>
      <c r="B3267" s="5">
        <v>3339</v>
      </c>
      <c r="C3267" s="5" t="s">
        <v>2891</v>
      </c>
      <c r="D3267" s="5" t="s">
        <v>2892</v>
      </c>
      <c r="E3267" s="6">
        <v>13001</v>
      </c>
      <c r="F3267" s="5" t="s">
        <v>6548</v>
      </c>
      <c r="G3267" s="5" t="s">
        <v>6549</v>
      </c>
    </row>
    <row r="3268" spans="1:7">
      <c r="A3268" s="5" t="s">
        <v>7</v>
      </c>
      <c r="B3268" s="5">
        <v>3340</v>
      </c>
      <c r="C3268" s="5" t="s">
        <v>8</v>
      </c>
      <c r="D3268" s="5" t="s">
        <v>8</v>
      </c>
      <c r="E3268" s="6">
        <v>11001</v>
      </c>
      <c r="F3268" s="5" t="s">
        <v>6550</v>
      </c>
      <c r="G3268" s="5" t="s">
        <v>6551</v>
      </c>
    </row>
    <row r="3269" spans="1:7">
      <c r="A3269" s="5" t="s">
        <v>7</v>
      </c>
      <c r="B3269" s="5">
        <v>3341</v>
      </c>
      <c r="C3269" s="5" t="s">
        <v>8</v>
      </c>
      <c r="D3269" s="5" t="s">
        <v>8</v>
      </c>
      <c r="E3269" s="6">
        <v>11001</v>
      </c>
      <c r="F3269" s="5" t="s">
        <v>6552</v>
      </c>
      <c r="G3269" s="5" t="s">
        <v>6553</v>
      </c>
    </row>
    <row r="3270" spans="1:7">
      <c r="A3270" s="5" t="s">
        <v>7</v>
      </c>
      <c r="B3270" s="5">
        <v>3342</v>
      </c>
      <c r="C3270" s="5" t="s">
        <v>8</v>
      </c>
      <c r="D3270" s="5" t="s">
        <v>8</v>
      </c>
      <c r="E3270" s="6">
        <v>11001</v>
      </c>
      <c r="F3270" s="5" t="s">
        <v>6554</v>
      </c>
      <c r="G3270" s="5" t="s">
        <v>6555</v>
      </c>
    </row>
    <row r="3271" spans="1:7">
      <c r="A3271" s="5" t="s">
        <v>7</v>
      </c>
      <c r="B3271" s="5">
        <v>3343</v>
      </c>
      <c r="C3271" s="5" t="s">
        <v>2891</v>
      </c>
      <c r="D3271" s="5" t="s">
        <v>2892</v>
      </c>
      <c r="E3271" s="6">
        <v>13001</v>
      </c>
      <c r="F3271" s="5" t="s">
        <v>6556</v>
      </c>
      <c r="G3271" s="5" t="s">
        <v>6557</v>
      </c>
    </row>
    <row r="3272" spans="1:7">
      <c r="A3272" s="5" t="s">
        <v>7</v>
      </c>
      <c r="B3272" s="5">
        <v>3344</v>
      </c>
      <c r="C3272" s="5" t="s">
        <v>2891</v>
      </c>
      <c r="D3272" s="5" t="s">
        <v>2892</v>
      </c>
      <c r="E3272" s="6">
        <v>13001</v>
      </c>
      <c r="F3272" s="5" t="s">
        <v>6558</v>
      </c>
      <c r="G3272" s="5" t="s">
        <v>6559</v>
      </c>
    </row>
    <row r="3273" spans="1:7">
      <c r="A3273" s="5" t="s">
        <v>7</v>
      </c>
      <c r="B3273" s="5">
        <v>3345</v>
      </c>
      <c r="C3273" s="5" t="s">
        <v>2891</v>
      </c>
      <c r="D3273" s="5" t="s">
        <v>2892</v>
      </c>
      <c r="E3273" s="6">
        <v>13001</v>
      </c>
      <c r="F3273" s="5" t="s">
        <v>6560</v>
      </c>
      <c r="G3273" s="5" t="s">
        <v>6561</v>
      </c>
    </row>
    <row r="3274" spans="1:7">
      <c r="A3274" s="5" t="s">
        <v>7</v>
      </c>
      <c r="B3274" s="5">
        <v>3346</v>
      </c>
      <c r="C3274" s="5" t="s">
        <v>8</v>
      </c>
      <c r="D3274" s="5" t="s">
        <v>8</v>
      </c>
      <c r="E3274" s="6">
        <v>11001</v>
      </c>
      <c r="F3274" s="5" t="s">
        <v>6562</v>
      </c>
      <c r="G3274" s="5" t="s">
        <v>6563</v>
      </c>
    </row>
    <row r="3275" spans="1:7">
      <c r="A3275" s="5" t="s">
        <v>7</v>
      </c>
      <c r="B3275" s="5">
        <v>3347</v>
      </c>
      <c r="C3275" s="5" t="s">
        <v>8</v>
      </c>
      <c r="D3275" s="5" t="s">
        <v>8</v>
      </c>
      <c r="E3275" s="6">
        <v>11001</v>
      </c>
      <c r="F3275" s="5" t="s">
        <v>6564</v>
      </c>
      <c r="G3275" s="5" t="s">
        <v>6565</v>
      </c>
    </row>
    <row r="3276" spans="1:7">
      <c r="A3276" s="5" t="s">
        <v>7</v>
      </c>
      <c r="B3276" s="5">
        <v>3348</v>
      </c>
      <c r="C3276" s="5" t="s">
        <v>8</v>
      </c>
      <c r="D3276" s="5" t="s">
        <v>8</v>
      </c>
      <c r="E3276" s="6">
        <v>11001</v>
      </c>
      <c r="F3276" s="5" t="s">
        <v>6566</v>
      </c>
      <c r="G3276" s="5" t="s">
        <v>6567</v>
      </c>
    </row>
    <row r="3277" spans="1:7">
      <c r="A3277" s="5" t="s">
        <v>7</v>
      </c>
      <c r="B3277" s="5">
        <v>3349</v>
      </c>
      <c r="C3277" s="5" t="s">
        <v>8</v>
      </c>
      <c r="D3277" s="5" t="s">
        <v>8</v>
      </c>
      <c r="E3277" s="6">
        <v>11001</v>
      </c>
      <c r="F3277" s="5" t="s">
        <v>6568</v>
      </c>
      <c r="G3277" s="5" t="s">
        <v>6569</v>
      </c>
    </row>
    <row r="3278" spans="1:7">
      <c r="A3278" s="5" t="s">
        <v>7</v>
      </c>
      <c r="B3278" s="5">
        <v>3350</v>
      </c>
      <c r="C3278" s="5" t="s">
        <v>2891</v>
      </c>
      <c r="D3278" s="5" t="s">
        <v>2892</v>
      </c>
      <c r="E3278" s="6">
        <v>13001</v>
      </c>
      <c r="F3278" s="5" t="s">
        <v>6570</v>
      </c>
      <c r="G3278" s="5" t="s">
        <v>6571</v>
      </c>
    </row>
    <row r="3279" spans="1:7">
      <c r="A3279" s="5" t="s">
        <v>7</v>
      </c>
      <c r="B3279" s="5">
        <v>3351</v>
      </c>
      <c r="C3279" s="5" t="s">
        <v>813</v>
      </c>
      <c r="D3279" s="5" t="s">
        <v>814</v>
      </c>
      <c r="E3279" s="6">
        <v>25754</v>
      </c>
      <c r="F3279" s="5" t="s">
        <v>6572</v>
      </c>
      <c r="G3279" s="5" t="s">
        <v>6573</v>
      </c>
    </row>
    <row r="3280" spans="1:7">
      <c r="A3280" s="5" t="s">
        <v>7</v>
      </c>
      <c r="B3280" s="5">
        <v>3352</v>
      </c>
      <c r="C3280" s="5" t="s">
        <v>2891</v>
      </c>
      <c r="D3280" s="5" t="s">
        <v>2892</v>
      </c>
      <c r="E3280" s="6">
        <v>13001</v>
      </c>
      <c r="F3280" s="5" t="s">
        <v>6574</v>
      </c>
      <c r="G3280" s="5" t="s">
        <v>6575</v>
      </c>
    </row>
    <row r="3281" spans="1:7">
      <c r="A3281" s="5" t="s">
        <v>7</v>
      </c>
      <c r="B3281" s="5">
        <v>3353</v>
      </c>
      <c r="C3281" s="5" t="s">
        <v>8</v>
      </c>
      <c r="D3281" s="5" t="s">
        <v>8</v>
      </c>
      <c r="E3281" s="6">
        <v>11001</v>
      </c>
      <c r="F3281" s="5" t="s">
        <v>6576</v>
      </c>
      <c r="G3281" s="5" t="s">
        <v>6577</v>
      </c>
    </row>
    <row r="3282" spans="1:7">
      <c r="A3282" s="5" t="s">
        <v>7</v>
      </c>
      <c r="B3282" s="5">
        <v>3354</v>
      </c>
      <c r="C3282" s="5" t="s">
        <v>8</v>
      </c>
      <c r="D3282" s="5" t="s">
        <v>8</v>
      </c>
      <c r="E3282" s="6">
        <v>11001</v>
      </c>
      <c r="F3282" s="5" t="s">
        <v>6578</v>
      </c>
      <c r="G3282" s="5" t="s">
        <v>6579</v>
      </c>
    </row>
    <row r="3283" spans="1:7">
      <c r="A3283" s="5" t="s">
        <v>7</v>
      </c>
      <c r="B3283" s="5">
        <v>3355</v>
      </c>
      <c r="C3283" s="5" t="s">
        <v>8</v>
      </c>
      <c r="D3283" s="5" t="s">
        <v>8</v>
      </c>
      <c r="E3283" s="6">
        <v>11001</v>
      </c>
      <c r="F3283" s="5" t="s">
        <v>6580</v>
      </c>
      <c r="G3283" s="5" t="s">
        <v>6581</v>
      </c>
    </row>
    <row r="3284" spans="1:7">
      <c r="A3284" s="5" t="s">
        <v>7</v>
      </c>
      <c r="B3284" s="5">
        <v>3356</v>
      </c>
      <c r="C3284" s="5" t="s">
        <v>813</v>
      </c>
      <c r="D3284" s="5" t="s">
        <v>814</v>
      </c>
      <c r="E3284" s="6">
        <v>25754</v>
      </c>
      <c r="F3284" s="5" t="s">
        <v>6582</v>
      </c>
      <c r="G3284" s="5" t="s">
        <v>6583</v>
      </c>
    </row>
    <row r="3285" spans="1:7">
      <c r="A3285" s="5" t="s">
        <v>7</v>
      </c>
      <c r="B3285" s="5">
        <v>3357</v>
      </c>
      <c r="C3285" s="5" t="s">
        <v>8</v>
      </c>
      <c r="D3285" s="5" t="s">
        <v>8</v>
      </c>
      <c r="E3285" s="6">
        <v>11001</v>
      </c>
      <c r="F3285" s="5" t="s">
        <v>6584</v>
      </c>
      <c r="G3285" s="5" t="s">
        <v>6585</v>
      </c>
    </row>
    <row r="3286" spans="1:7">
      <c r="A3286" s="5" t="s">
        <v>7</v>
      </c>
      <c r="B3286" s="5">
        <v>3358</v>
      </c>
      <c r="C3286" s="5" t="s">
        <v>8</v>
      </c>
      <c r="D3286" s="5" t="s">
        <v>8</v>
      </c>
      <c r="E3286" s="6">
        <v>11001</v>
      </c>
      <c r="F3286" s="5" t="s">
        <v>6586</v>
      </c>
      <c r="G3286" s="5" t="s">
        <v>6587</v>
      </c>
    </row>
    <row r="3287" spans="1:7">
      <c r="A3287" s="5" t="s">
        <v>7</v>
      </c>
      <c r="B3287" s="5">
        <v>3359</v>
      </c>
      <c r="C3287" s="5" t="s">
        <v>8</v>
      </c>
      <c r="D3287" s="5" t="s">
        <v>8</v>
      </c>
      <c r="E3287" s="6">
        <v>11001</v>
      </c>
      <c r="F3287" s="5" t="s">
        <v>6588</v>
      </c>
      <c r="G3287" s="5" t="s">
        <v>6589</v>
      </c>
    </row>
    <row r="3288" spans="1:7">
      <c r="A3288" s="5" t="s">
        <v>7</v>
      </c>
      <c r="B3288" s="5">
        <v>3360</v>
      </c>
      <c r="C3288" s="5" t="s">
        <v>2891</v>
      </c>
      <c r="D3288" s="5" t="s">
        <v>2892</v>
      </c>
      <c r="E3288" s="6">
        <v>13001</v>
      </c>
      <c r="F3288" s="5" t="s">
        <v>6590</v>
      </c>
      <c r="G3288" s="5" t="s">
        <v>6591</v>
      </c>
    </row>
    <row r="3289" spans="1:7">
      <c r="A3289" s="5" t="s">
        <v>7</v>
      </c>
      <c r="B3289" s="5">
        <v>3361</v>
      </c>
      <c r="C3289" s="5" t="s">
        <v>8</v>
      </c>
      <c r="D3289" s="5" t="s">
        <v>8</v>
      </c>
      <c r="E3289" s="6">
        <v>11001</v>
      </c>
      <c r="F3289" s="5" t="s">
        <v>6592</v>
      </c>
      <c r="G3289" s="5" t="s">
        <v>2370</v>
      </c>
    </row>
    <row r="3290" spans="1:7">
      <c r="A3290" s="5" t="s">
        <v>7</v>
      </c>
      <c r="B3290" s="5">
        <v>3362</v>
      </c>
      <c r="C3290" s="5" t="s">
        <v>8</v>
      </c>
      <c r="D3290" s="5" t="s">
        <v>8</v>
      </c>
      <c r="E3290" s="6">
        <v>11001</v>
      </c>
      <c r="F3290" s="5" t="s">
        <v>6593</v>
      </c>
      <c r="G3290" s="5" t="s">
        <v>394</v>
      </c>
    </row>
    <row r="3291" spans="1:7">
      <c r="A3291" s="5" t="s">
        <v>7</v>
      </c>
      <c r="B3291" s="5">
        <v>3363</v>
      </c>
      <c r="C3291" s="5" t="s">
        <v>2542</v>
      </c>
      <c r="D3291" s="5" t="s">
        <v>2543</v>
      </c>
      <c r="E3291" s="6">
        <v>8001</v>
      </c>
      <c r="F3291" s="5" t="s">
        <v>6594</v>
      </c>
      <c r="G3291" s="5" t="s">
        <v>6595</v>
      </c>
    </row>
    <row r="3292" spans="1:7">
      <c r="A3292" s="5" t="s">
        <v>7</v>
      </c>
      <c r="B3292" s="5">
        <v>3364</v>
      </c>
      <c r="C3292" s="5" t="s">
        <v>8</v>
      </c>
      <c r="D3292" s="5" t="s">
        <v>8</v>
      </c>
      <c r="E3292" s="6">
        <v>11001</v>
      </c>
      <c r="F3292" s="5" t="s">
        <v>6596</v>
      </c>
      <c r="G3292" s="5" t="s">
        <v>6597</v>
      </c>
    </row>
    <row r="3293" spans="1:7">
      <c r="A3293" s="5" t="s">
        <v>7</v>
      </c>
      <c r="B3293" s="5">
        <v>3365</v>
      </c>
      <c r="C3293" s="5" t="s">
        <v>8</v>
      </c>
      <c r="D3293" s="5" t="s">
        <v>8</v>
      </c>
      <c r="E3293" s="6">
        <v>11001</v>
      </c>
      <c r="F3293" s="5" t="s">
        <v>6598</v>
      </c>
      <c r="G3293" s="5" t="s">
        <v>6599</v>
      </c>
    </row>
    <row r="3294" spans="1:7">
      <c r="A3294" s="5" t="s">
        <v>7</v>
      </c>
      <c r="B3294" s="5">
        <v>3366</v>
      </c>
      <c r="C3294" s="5" t="s">
        <v>8</v>
      </c>
      <c r="D3294" s="5" t="s">
        <v>8</v>
      </c>
      <c r="E3294" s="6">
        <v>11001</v>
      </c>
      <c r="F3294" s="5" t="s">
        <v>6600</v>
      </c>
      <c r="G3294" s="5" t="s">
        <v>6601</v>
      </c>
    </row>
    <row r="3295" spans="1:7">
      <c r="A3295" s="5" t="s">
        <v>7</v>
      </c>
      <c r="B3295" s="5">
        <v>3367</v>
      </c>
      <c r="C3295" s="5" t="s">
        <v>8</v>
      </c>
      <c r="D3295" s="5" t="s">
        <v>8</v>
      </c>
      <c r="E3295" s="6">
        <v>11001</v>
      </c>
      <c r="F3295" s="5" t="s">
        <v>6602</v>
      </c>
      <c r="G3295" s="5" t="s">
        <v>6603</v>
      </c>
    </row>
    <row r="3296" spans="1:7">
      <c r="A3296" s="5" t="s">
        <v>7</v>
      </c>
      <c r="B3296" s="5">
        <v>3368</v>
      </c>
      <c r="C3296" s="5" t="s">
        <v>813</v>
      </c>
      <c r="D3296" s="5" t="s">
        <v>5819</v>
      </c>
      <c r="E3296" s="6">
        <v>25200</v>
      </c>
      <c r="F3296" s="5" t="s">
        <v>6604</v>
      </c>
      <c r="G3296" s="5" t="s">
        <v>6605</v>
      </c>
    </row>
    <row r="3297" spans="1:7">
      <c r="A3297" s="5" t="s">
        <v>7</v>
      </c>
      <c r="B3297" s="5">
        <v>3369</v>
      </c>
      <c r="C3297" s="5" t="s">
        <v>8</v>
      </c>
      <c r="D3297" s="5" t="s">
        <v>8</v>
      </c>
      <c r="E3297" s="6">
        <v>11001</v>
      </c>
      <c r="F3297" s="5" t="s">
        <v>6606</v>
      </c>
      <c r="G3297" s="5" t="s">
        <v>6607</v>
      </c>
    </row>
    <row r="3298" spans="1:7">
      <c r="A3298" s="5" t="s">
        <v>7</v>
      </c>
      <c r="B3298" s="5">
        <v>3370</v>
      </c>
      <c r="C3298" s="5" t="s">
        <v>8</v>
      </c>
      <c r="D3298" s="5" t="s">
        <v>8</v>
      </c>
      <c r="E3298" s="6">
        <v>11001</v>
      </c>
      <c r="F3298" s="5" t="s">
        <v>5196</v>
      </c>
      <c r="G3298" s="5" t="s">
        <v>6608</v>
      </c>
    </row>
    <row r="3299" spans="1:7">
      <c r="A3299" s="5" t="s">
        <v>7</v>
      </c>
      <c r="B3299" s="5">
        <v>3371</v>
      </c>
      <c r="C3299" s="5" t="s">
        <v>8</v>
      </c>
      <c r="D3299" s="5" t="s">
        <v>8</v>
      </c>
      <c r="E3299" s="6">
        <v>11001</v>
      </c>
      <c r="F3299" s="5" t="s">
        <v>6609</v>
      </c>
      <c r="G3299" s="5" t="s">
        <v>6610</v>
      </c>
    </row>
    <row r="3300" spans="1:7">
      <c r="A3300" s="5" t="s">
        <v>7</v>
      </c>
      <c r="B3300" s="5">
        <v>3372</v>
      </c>
      <c r="C3300" s="5" t="s">
        <v>2777</v>
      </c>
      <c r="D3300" s="5" t="s">
        <v>2778</v>
      </c>
      <c r="E3300" s="6">
        <v>70001</v>
      </c>
      <c r="F3300" s="5" t="s">
        <v>6611</v>
      </c>
      <c r="G3300" s="5" t="s">
        <v>6612</v>
      </c>
    </row>
    <row r="3301" spans="1:7">
      <c r="A3301" s="5" t="s">
        <v>7</v>
      </c>
      <c r="B3301" s="5">
        <v>3373</v>
      </c>
      <c r="C3301" s="5" t="s">
        <v>8</v>
      </c>
      <c r="D3301" s="5" t="s">
        <v>8</v>
      </c>
      <c r="E3301" s="6">
        <v>11001</v>
      </c>
      <c r="F3301" s="5" t="s">
        <v>6613</v>
      </c>
      <c r="G3301" s="5" t="s">
        <v>6614</v>
      </c>
    </row>
    <row r="3302" spans="1:7">
      <c r="A3302" s="5" t="s">
        <v>7</v>
      </c>
      <c r="B3302" s="5">
        <v>3374</v>
      </c>
      <c r="C3302" s="5" t="s">
        <v>8</v>
      </c>
      <c r="D3302" s="5" t="s">
        <v>8</v>
      </c>
      <c r="E3302" s="6">
        <v>11001</v>
      </c>
      <c r="F3302" s="5" t="s">
        <v>6615</v>
      </c>
      <c r="G3302" s="5" t="s">
        <v>6616</v>
      </c>
    </row>
    <row r="3303" spans="1:7">
      <c r="A3303" s="5" t="s">
        <v>7</v>
      </c>
      <c r="B3303" s="5">
        <v>3375</v>
      </c>
      <c r="C3303" s="5" t="s">
        <v>8</v>
      </c>
      <c r="D3303" s="5" t="s">
        <v>8</v>
      </c>
      <c r="E3303" s="6">
        <v>11001</v>
      </c>
      <c r="F3303" s="5" t="s">
        <v>6617</v>
      </c>
      <c r="G3303" s="5" t="s">
        <v>6618</v>
      </c>
    </row>
    <row r="3304" spans="1:7">
      <c r="A3304" s="5" t="s">
        <v>7</v>
      </c>
      <c r="B3304" s="5">
        <v>3376</v>
      </c>
      <c r="C3304" s="5" t="s">
        <v>8</v>
      </c>
      <c r="D3304" s="5" t="s">
        <v>8</v>
      </c>
      <c r="E3304" s="6">
        <v>11001</v>
      </c>
      <c r="F3304" s="5" t="s">
        <v>6619</v>
      </c>
      <c r="G3304" s="5" t="s">
        <v>6620</v>
      </c>
    </row>
    <row r="3305" spans="1:7">
      <c r="A3305" s="5" t="s">
        <v>7</v>
      </c>
      <c r="B3305" s="5">
        <v>3377</v>
      </c>
      <c r="C3305" s="5" t="s">
        <v>2542</v>
      </c>
      <c r="D3305" s="5" t="s">
        <v>2543</v>
      </c>
      <c r="E3305" s="6">
        <v>8001</v>
      </c>
      <c r="F3305" s="5" t="s">
        <v>6621</v>
      </c>
      <c r="G3305" s="5" t="s">
        <v>6622</v>
      </c>
    </row>
    <row r="3306" spans="1:7">
      <c r="A3306" s="5" t="s">
        <v>7</v>
      </c>
      <c r="B3306" s="5">
        <v>3378</v>
      </c>
      <c r="C3306" s="5" t="s">
        <v>8</v>
      </c>
      <c r="D3306" s="5" t="s">
        <v>8</v>
      </c>
      <c r="E3306" s="6">
        <v>11001</v>
      </c>
      <c r="F3306" s="5" t="s">
        <v>6623</v>
      </c>
      <c r="G3306" s="5" t="s">
        <v>6624</v>
      </c>
    </row>
    <row r="3307" spans="1:7">
      <c r="A3307" s="5" t="s">
        <v>7</v>
      </c>
      <c r="B3307" s="5">
        <v>3379</v>
      </c>
      <c r="C3307" s="5" t="s">
        <v>2542</v>
      </c>
      <c r="D3307" s="5" t="s">
        <v>2543</v>
      </c>
      <c r="E3307" s="6">
        <v>8001</v>
      </c>
      <c r="F3307" s="5" t="s">
        <v>6625</v>
      </c>
      <c r="G3307" s="5" t="s">
        <v>6626</v>
      </c>
    </row>
    <row r="3308" spans="1:7">
      <c r="A3308" s="5" t="s">
        <v>7</v>
      </c>
      <c r="B3308" s="5">
        <v>3380</v>
      </c>
      <c r="C3308" s="5" t="s">
        <v>8</v>
      </c>
      <c r="D3308" s="5" t="s">
        <v>8</v>
      </c>
      <c r="E3308" s="6">
        <v>11001</v>
      </c>
      <c r="F3308" s="5" t="s">
        <v>6627</v>
      </c>
      <c r="G3308" s="5" t="s">
        <v>6628</v>
      </c>
    </row>
    <row r="3309" spans="1:7">
      <c r="A3309" s="5" t="s">
        <v>7</v>
      </c>
      <c r="B3309" s="5">
        <v>3381</v>
      </c>
      <c r="C3309" s="5" t="s">
        <v>2891</v>
      </c>
      <c r="D3309" s="5" t="s">
        <v>2892</v>
      </c>
      <c r="E3309" s="6">
        <v>13001</v>
      </c>
      <c r="F3309" s="5" t="s">
        <v>6629</v>
      </c>
      <c r="G3309" s="5" t="s">
        <v>6630</v>
      </c>
    </row>
    <row r="3310" spans="1:7">
      <c r="A3310" s="5" t="s">
        <v>7</v>
      </c>
      <c r="B3310" s="5">
        <v>3382</v>
      </c>
      <c r="C3310" s="5" t="s">
        <v>2891</v>
      </c>
      <c r="D3310" s="5" t="s">
        <v>2892</v>
      </c>
      <c r="E3310" s="6">
        <v>13001</v>
      </c>
      <c r="F3310" s="5" t="s">
        <v>6631</v>
      </c>
      <c r="G3310" s="5" t="s">
        <v>6632</v>
      </c>
    </row>
    <row r="3311" spans="1:7">
      <c r="A3311" s="5" t="s">
        <v>7</v>
      </c>
      <c r="B3311" s="5">
        <v>3383</v>
      </c>
      <c r="C3311" s="5" t="s">
        <v>8</v>
      </c>
      <c r="D3311" s="5" t="s">
        <v>8</v>
      </c>
      <c r="E3311" s="6">
        <v>11001</v>
      </c>
      <c r="F3311" s="5" t="s">
        <v>6633</v>
      </c>
      <c r="G3311" s="5" t="s">
        <v>6634</v>
      </c>
    </row>
    <row r="3312" spans="1:7">
      <c r="A3312" s="5" t="s">
        <v>7</v>
      </c>
      <c r="B3312" s="5">
        <v>3384</v>
      </c>
      <c r="C3312" s="5" t="s">
        <v>8</v>
      </c>
      <c r="D3312" s="5" t="s">
        <v>8</v>
      </c>
      <c r="E3312" s="6">
        <v>11001</v>
      </c>
      <c r="F3312" s="5" t="s">
        <v>6635</v>
      </c>
      <c r="G3312" s="5" t="s">
        <v>6636</v>
      </c>
    </row>
    <row r="3313" spans="1:7">
      <c r="A3313" s="5" t="s">
        <v>7</v>
      </c>
      <c r="B3313" s="5">
        <v>3385</v>
      </c>
      <c r="C3313" s="5" t="s">
        <v>8</v>
      </c>
      <c r="D3313" s="5" t="s">
        <v>8</v>
      </c>
      <c r="E3313" s="6">
        <v>11001</v>
      </c>
      <c r="F3313" s="5" t="s">
        <v>6637</v>
      </c>
      <c r="G3313" s="5" t="s">
        <v>6638</v>
      </c>
    </row>
    <row r="3314" spans="1:7">
      <c r="A3314" s="5" t="s">
        <v>7</v>
      </c>
      <c r="B3314" s="5">
        <v>3386</v>
      </c>
      <c r="C3314" s="5" t="s">
        <v>8</v>
      </c>
      <c r="D3314" s="5" t="s">
        <v>8</v>
      </c>
      <c r="E3314" s="6">
        <v>11001</v>
      </c>
      <c r="F3314" s="5" t="s">
        <v>6639</v>
      </c>
      <c r="G3314" s="5" t="s">
        <v>6640</v>
      </c>
    </row>
    <row r="3315" spans="1:7">
      <c r="A3315" s="5" t="s">
        <v>7</v>
      </c>
      <c r="B3315" s="5">
        <v>3387</v>
      </c>
      <c r="C3315" s="5" t="s">
        <v>8</v>
      </c>
      <c r="D3315" s="5" t="s">
        <v>8</v>
      </c>
      <c r="E3315" s="6">
        <v>11001</v>
      </c>
      <c r="F3315" s="5" t="s">
        <v>6641</v>
      </c>
      <c r="G3315" s="5" t="s">
        <v>6642</v>
      </c>
    </row>
    <row r="3316" spans="1:7">
      <c r="A3316" s="5" t="s">
        <v>7</v>
      </c>
      <c r="B3316" s="5">
        <v>3388</v>
      </c>
      <c r="C3316" s="5" t="s">
        <v>8</v>
      </c>
      <c r="D3316" s="5" t="s">
        <v>8</v>
      </c>
      <c r="E3316" s="6">
        <v>11001</v>
      </c>
      <c r="F3316" s="5" t="s">
        <v>6643</v>
      </c>
      <c r="G3316" s="5" t="s">
        <v>6644</v>
      </c>
    </row>
    <row r="3317" spans="1:7">
      <c r="A3317" s="5" t="s">
        <v>7</v>
      </c>
      <c r="B3317" s="5">
        <v>3389</v>
      </c>
      <c r="C3317" s="5" t="s">
        <v>8</v>
      </c>
      <c r="D3317" s="5" t="s">
        <v>8</v>
      </c>
      <c r="E3317" s="6">
        <v>11001</v>
      </c>
      <c r="F3317" s="5" t="s">
        <v>6645</v>
      </c>
      <c r="G3317" s="5" t="s">
        <v>6646</v>
      </c>
    </row>
    <row r="3318" spans="1:7">
      <c r="A3318" s="5" t="s">
        <v>7</v>
      </c>
      <c r="B3318" s="5">
        <v>3390</v>
      </c>
      <c r="C3318" s="5" t="s">
        <v>8</v>
      </c>
      <c r="D3318" s="5" t="s">
        <v>8</v>
      </c>
      <c r="E3318" s="6">
        <v>11001</v>
      </c>
      <c r="F3318" s="5" t="s">
        <v>6647</v>
      </c>
      <c r="G3318" s="5" t="s">
        <v>6648</v>
      </c>
    </row>
    <row r="3319" spans="1:7">
      <c r="A3319" s="5" t="s">
        <v>7</v>
      </c>
      <c r="B3319" s="5">
        <v>3391</v>
      </c>
      <c r="C3319" s="5" t="s">
        <v>8</v>
      </c>
      <c r="D3319" s="5" t="s">
        <v>8</v>
      </c>
      <c r="E3319" s="6">
        <v>11001</v>
      </c>
      <c r="F3319" s="5" t="s">
        <v>6649</v>
      </c>
      <c r="G3319" s="5" t="s">
        <v>6650</v>
      </c>
    </row>
    <row r="3320" spans="1:7">
      <c r="A3320" s="5" t="s">
        <v>7</v>
      </c>
      <c r="B3320" s="5">
        <v>3392</v>
      </c>
      <c r="C3320" s="5" t="s">
        <v>8</v>
      </c>
      <c r="D3320" s="5" t="s">
        <v>8</v>
      </c>
      <c r="E3320" s="6">
        <v>11001</v>
      </c>
      <c r="F3320" s="5" t="s">
        <v>6651</v>
      </c>
      <c r="G3320" s="5" t="s">
        <v>6652</v>
      </c>
    </row>
    <row r="3321" spans="1:7">
      <c r="A3321" s="5" t="s">
        <v>7</v>
      </c>
      <c r="B3321" s="5">
        <v>3393</v>
      </c>
      <c r="C3321" s="5" t="s">
        <v>8</v>
      </c>
      <c r="D3321" s="5" t="s">
        <v>8</v>
      </c>
      <c r="E3321" s="6">
        <v>11001</v>
      </c>
      <c r="F3321" s="5" t="s">
        <v>6653</v>
      </c>
      <c r="G3321" s="5" t="s">
        <v>6654</v>
      </c>
    </row>
    <row r="3322" spans="1:7">
      <c r="A3322" s="5" t="s">
        <v>7</v>
      </c>
      <c r="B3322" s="5">
        <v>3394</v>
      </c>
      <c r="C3322" s="5" t="s">
        <v>2891</v>
      </c>
      <c r="D3322" s="5" t="s">
        <v>2892</v>
      </c>
      <c r="E3322" s="6">
        <v>13001</v>
      </c>
      <c r="F3322" s="5" t="s">
        <v>6655</v>
      </c>
      <c r="G3322" s="5" t="s">
        <v>6656</v>
      </c>
    </row>
    <row r="3323" spans="1:7">
      <c r="A3323" s="5" t="s">
        <v>7</v>
      </c>
      <c r="B3323" s="5">
        <v>3395</v>
      </c>
      <c r="C3323" s="5" t="s">
        <v>5559</v>
      </c>
      <c r="D3323" s="5" t="s">
        <v>6657</v>
      </c>
      <c r="E3323" s="6">
        <v>19533</v>
      </c>
      <c r="F3323" s="5" t="s">
        <v>6658</v>
      </c>
      <c r="G3323" s="5" t="s">
        <v>6659</v>
      </c>
    </row>
    <row r="3324" spans="1:7">
      <c r="A3324" s="5" t="s">
        <v>7</v>
      </c>
      <c r="B3324" s="5">
        <v>3396</v>
      </c>
      <c r="C3324" s="5" t="s">
        <v>813</v>
      </c>
      <c r="D3324" s="5" t="s">
        <v>814</v>
      </c>
      <c r="E3324" s="6">
        <v>25754</v>
      </c>
      <c r="F3324" s="5" t="s">
        <v>6660</v>
      </c>
      <c r="G3324" s="5" t="s">
        <v>6661</v>
      </c>
    </row>
    <row r="3325" spans="1:7">
      <c r="A3325" s="5" t="s">
        <v>7</v>
      </c>
      <c r="B3325" s="5">
        <v>3397</v>
      </c>
      <c r="C3325" s="5" t="s">
        <v>2891</v>
      </c>
      <c r="D3325" s="5" t="s">
        <v>6662</v>
      </c>
      <c r="E3325" s="6">
        <v>13836</v>
      </c>
      <c r="F3325" s="5" t="s">
        <v>3173</v>
      </c>
      <c r="G3325" s="5" t="s">
        <v>6663</v>
      </c>
    </row>
    <row r="3326" spans="1:7">
      <c r="A3326" s="5" t="s">
        <v>7</v>
      </c>
      <c r="B3326" s="5">
        <v>3398</v>
      </c>
      <c r="C3326" s="5" t="s">
        <v>8</v>
      </c>
      <c r="D3326" s="5" t="s">
        <v>8</v>
      </c>
      <c r="E3326" s="6">
        <v>11001</v>
      </c>
      <c r="F3326" s="5" t="s">
        <v>6664</v>
      </c>
      <c r="G3326" s="5" t="s">
        <v>6665</v>
      </c>
    </row>
    <row r="3327" spans="1:7">
      <c r="A3327" s="5" t="s">
        <v>7</v>
      </c>
      <c r="B3327" s="5">
        <v>3399</v>
      </c>
      <c r="C3327" s="5" t="s">
        <v>8</v>
      </c>
      <c r="D3327" s="5" t="s">
        <v>8</v>
      </c>
      <c r="E3327" s="6">
        <v>11001</v>
      </c>
      <c r="F3327" s="5" t="s">
        <v>6666</v>
      </c>
      <c r="G3327" s="5" t="s">
        <v>6667</v>
      </c>
    </row>
    <row r="3328" spans="1:7">
      <c r="A3328" s="5" t="s">
        <v>7</v>
      </c>
      <c r="B3328" s="5">
        <v>3400</v>
      </c>
      <c r="C3328" s="5" t="s">
        <v>8</v>
      </c>
      <c r="D3328" s="5" t="s">
        <v>8</v>
      </c>
      <c r="E3328" s="6">
        <v>11001</v>
      </c>
      <c r="F3328" s="5" t="s">
        <v>6668</v>
      </c>
      <c r="G3328" s="5" t="s">
        <v>6669</v>
      </c>
    </row>
    <row r="3329" spans="1:7">
      <c r="A3329" s="5" t="s">
        <v>7</v>
      </c>
      <c r="B3329" s="5">
        <v>3401</v>
      </c>
      <c r="C3329" s="5" t="s">
        <v>8</v>
      </c>
      <c r="D3329" s="5" t="s">
        <v>8</v>
      </c>
      <c r="E3329" s="6">
        <v>11001</v>
      </c>
      <c r="F3329" s="5" t="s">
        <v>6670</v>
      </c>
      <c r="G3329" s="5" t="s">
        <v>6671</v>
      </c>
    </row>
    <row r="3330" spans="1:7">
      <c r="A3330" s="5" t="s">
        <v>7</v>
      </c>
      <c r="B3330" s="5">
        <v>3402</v>
      </c>
      <c r="C3330" s="5" t="s">
        <v>2542</v>
      </c>
      <c r="D3330" s="5" t="s">
        <v>2543</v>
      </c>
      <c r="E3330" s="6">
        <v>8001</v>
      </c>
      <c r="F3330" s="5" t="s">
        <v>6672</v>
      </c>
      <c r="G3330" s="5" t="s">
        <v>6673</v>
      </c>
    </row>
    <row r="3331" spans="1:7">
      <c r="A3331" s="5" t="s">
        <v>7</v>
      </c>
      <c r="B3331" s="5">
        <v>3403</v>
      </c>
      <c r="C3331" s="5" t="s">
        <v>8</v>
      </c>
      <c r="D3331" s="5" t="s">
        <v>8</v>
      </c>
      <c r="E3331" s="6">
        <v>11001</v>
      </c>
      <c r="F3331" s="5" t="s">
        <v>845</v>
      </c>
      <c r="G3331" s="5" t="s">
        <v>6674</v>
      </c>
    </row>
    <row r="3332" spans="1:7">
      <c r="A3332" s="5" t="s">
        <v>7</v>
      </c>
      <c r="B3332" s="5">
        <v>3404</v>
      </c>
      <c r="C3332" s="5" t="s">
        <v>8</v>
      </c>
      <c r="D3332" s="5" t="s">
        <v>8</v>
      </c>
      <c r="E3332" s="6">
        <v>11001</v>
      </c>
      <c r="F3332" s="5" t="s">
        <v>6675</v>
      </c>
      <c r="G3332" s="5" t="s">
        <v>6676</v>
      </c>
    </row>
    <row r="3333" spans="1:7">
      <c r="A3333" s="5" t="s">
        <v>7</v>
      </c>
      <c r="B3333" s="5">
        <v>3405</v>
      </c>
      <c r="C3333" s="5" t="s">
        <v>8</v>
      </c>
      <c r="D3333" s="5" t="s">
        <v>8</v>
      </c>
      <c r="E3333" s="6">
        <v>11001</v>
      </c>
      <c r="F3333" s="5" t="s">
        <v>6677</v>
      </c>
      <c r="G3333" s="5" t="s">
        <v>6678</v>
      </c>
    </row>
    <row r="3334" spans="1:7">
      <c r="A3334" s="5" t="s">
        <v>7</v>
      </c>
      <c r="B3334" s="5">
        <v>3406</v>
      </c>
      <c r="C3334" s="5" t="s">
        <v>8</v>
      </c>
      <c r="D3334" s="5" t="s">
        <v>8</v>
      </c>
      <c r="E3334" s="6">
        <v>11001</v>
      </c>
      <c r="F3334" s="5" t="s">
        <v>6679</v>
      </c>
      <c r="G3334" s="5" t="s">
        <v>6680</v>
      </c>
    </row>
    <row r="3335" spans="1:7">
      <c r="A3335" s="5" t="s">
        <v>7</v>
      </c>
      <c r="B3335" s="5">
        <v>3407</v>
      </c>
      <c r="C3335" s="5" t="s">
        <v>8</v>
      </c>
      <c r="D3335" s="5" t="s">
        <v>8</v>
      </c>
      <c r="E3335" s="6">
        <v>11001</v>
      </c>
      <c r="F3335" s="5" t="s">
        <v>6681</v>
      </c>
      <c r="G3335" s="5" t="s">
        <v>6682</v>
      </c>
    </row>
    <row r="3336" spans="1:7">
      <c r="A3336" s="5" t="s">
        <v>7</v>
      </c>
      <c r="B3336" s="5">
        <v>3408</v>
      </c>
      <c r="C3336" s="5" t="s">
        <v>8</v>
      </c>
      <c r="D3336" s="5" t="s">
        <v>8</v>
      </c>
      <c r="E3336" s="6">
        <v>11001</v>
      </c>
      <c r="F3336" s="5" t="s">
        <v>6683</v>
      </c>
      <c r="G3336" s="5" t="s">
        <v>6684</v>
      </c>
    </row>
    <row r="3337" spans="1:7">
      <c r="A3337" s="5" t="s">
        <v>7</v>
      </c>
      <c r="B3337" s="5">
        <v>3409</v>
      </c>
      <c r="C3337" s="5" t="s">
        <v>8</v>
      </c>
      <c r="D3337" s="5" t="s">
        <v>8</v>
      </c>
      <c r="E3337" s="6">
        <v>11001</v>
      </c>
      <c r="F3337" s="5" t="s">
        <v>6685</v>
      </c>
      <c r="G3337" s="5" t="s">
        <v>6686</v>
      </c>
    </row>
    <row r="3338" spans="1:7">
      <c r="A3338" s="5" t="s">
        <v>7</v>
      </c>
      <c r="B3338" s="5">
        <v>3410</v>
      </c>
      <c r="C3338" s="5" t="s">
        <v>8</v>
      </c>
      <c r="D3338" s="5" t="s">
        <v>8</v>
      </c>
      <c r="E3338" s="6">
        <v>11001</v>
      </c>
      <c r="F3338" s="5" t="s">
        <v>6687</v>
      </c>
      <c r="G3338" s="5" t="s">
        <v>6688</v>
      </c>
    </row>
    <row r="3339" spans="1:7">
      <c r="A3339" s="5" t="s">
        <v>7</v>
      </c>
      <c r="B3339" s="5">
        <v>3411</v>
      </c>
      <c r="C3339" s="5" t="s">
        <v>8</v>
      </c>
      <c r="D3339" s="5" t="s">
        <v>8</v>
      </c>
      <c r="E3339" s="6">
        <v>11001</v>
      </c>
      <c r="F3339" s="5" t="s">
        <v>6689</v>
      </c>
      <c r="G3339" s="5" t="s">
        <v>6690</v>
      </c>
    </row>
    <row r="3340" spans="1:7">
      <c r="A3340" s="5" t="s">
        <v>7</v>
      </c>
      <c r="B3340" s="5">
        <v>3412</v>
      </c>
      <c r="C3340" s="5" t="s">
        <v>813</v>
      </c>
      <c r="D3340" s="5" t="s">
        <v>2237</v>
      </c>
      <c r="E3340" s="6">
        <v>25290</v>
      </c>
      <c r="F3340" s="5" t="s">
        <v>6691</v>
      </c>
      <c r="G3340" s="5" t="s">
        <v>6692</v>
      </c>
    </row>
    <row r="3341" spans="1:7">
      <c r="A3341" s="5" t="s">
        <v>7</v>
      </c>
      <c r="B3341" s="5">
        <v>3413</v>
      </c>
      <c r="C3341" s="5" t="s">
        <v>813</v>
      </c>
      <c r="D3341" s="5" t="s">
        <v>6693</v>
      </c>
      <c r="E3341" s="6">
        <v>25320</v>
      </c>
      <c r="F3341" s="5" t="s">
        <v>6694</v>
      </c>
      <c r="G3341" s="5" t="s">
        <v>6695</v>
      </c>
    </row>
    <row r="3342" spans="1:7">
      <c r="A3342" s="5" t="s">
        <v>7</v>
      </c>
      <c r="B3342" s="5">
        <v>3414</v>
      </c>
      <c r="C3342" s="5" t="s">
        <v>813</v>
      </c>
      <c r="D3342" s="5" t="s">
        <v>4501</v>
      </c>
      <c r="E3342" s="6">
        <v>25599</v>
      </c>
      <c r="F3342" s="5" t="s">
        <v>6696</v>
      </c>
      <c r="G3342" s="5" t="s">
        <v>6697</v>
      </c>
    </row>
    <row r="3343" spans="1:7">
      <c r="A3343" s="5" t="s">
        <v>7</v>
      </c>
      <c r="B3343" s="5">
        <v>3415</v>
      </c>
      <c r="C3343" s="5" t="s">
        <v>8</v>
      </c>
      <c r="D3343" s="5" t="s">
        <v>8</v>
      </c>
      <c r="E3343" s="6">
        <v>11001</v>
      </c>
      <c r="F3343" s="5" t="s">
        <v>6698</v>
      </c>
      <c r="G3343" s="5" t="s">
        <v>6699</v>
      </c>
    </row>
    <row r="3344" spans="1:7">
      <c r="A3344" s="5" t="s">
        <v>7</v>
      </c>
      <c r="B3344" s="5">
        <v>3416</v>
      </c>
      <c r="C3344" s="5" t="s">
        <v>813</v>
      </c>
      <c r="D3344" s="5" t="s">
        <v>2842</v>
      </c>
      <c r="E3344" s="6">
        <v>25899</v>
      </c>
      <c r="F3344" s="5" t="s">
        <v>6700</v>
      </c>
      <c r="G3344" s="5" t="s">
        <v>6701</v>
      </c>
    </row>
    <row r="3345" spans="1:7">
      <c r="A3345" s="5" t="s">
        <v>7</v>
      </c>
      <c r="B3345" s="5">
        <v>3417</v>
      </c>
      <c r="C3345" s="5" t="s">
        <v>813</v>
      </c>
      <c r="D3345" s="5" t="s">
        <v>814</v>
      </c>
      <c r="E3345" s="6">
        <v>25754</v>
      </c>
      <c r="F3345" s="5" t="s">
        <v>6702</v>
      </c>
      <c r="G3345" s="5" t="s">
        <v>6703</v>
      </c>
    </row>
    <row r="3346" spans="1:7">
      <c r="A3346" s="5" t="s">
        <v>7</v>
      </c>
      <c r="B3346" s="5">
        <v>3418</v>
      </c>
      <c r="C3346" s="5" t="s">
        <v>2891</v>
      </c>
      <c r="D3346" s="5" t="s">
        <v>2892</v>
      </c>
      <c r="E3346" s="6">
        <v>13001</v>
      </c>
      <c r="F3346" s="5" t="s">
        <v>6704</v>
      </c>
      <c r="G3346" s="5" t="s">
        <v>6705</v>
      </c>
    </row>
    <row r="3347" spans="1:7">
      <c r="A3347" s="5" t="s">
        <v>7</v>
      </c>
      <c r="B3347" s="5">
        <v>3419</v>
      </c>
      <c r="C3347" s="5" t="s">
        <v>2891</v>
      </c>
      <c r="D3347" s="5" t="s">
        <v>2892</v>
      </c>
      <c r="E3347" s="6">
        <v>13001</v>
      </c>
      <c r="F3347" s="5" t="s">
        <v>6706</v>
      </c>
      <c r="G3347" s="5" t="s">
        <v>6707</v>
      </c>
    </row>
    <row r="3348" spans="1:7">
      <c r="A3348" s="5" t="s">
        <v>7</v>
      </c>
      <c r="B3348" s="5">
        <v>3420</v>
      </c>
      <c r="C3348" s="5" t="s">
        <v>8</v>
      </c>
      <c r="D3348" s="5" t="s">
        <v>8</v>
      </c>
      <c r="E3348" s="6">
        <v>11001</v>
      </c>
      <c r="F3348" s="5" t="s">
        <v>6708</v>
      </c>
      <c r="G3348" s="5" t="s">
        <v>6709</v>
      </c>
    </row>
    <row r="3349" spans="1:7">
      <c r="A3349" s="5" t="s">
        <v>7</v>
      </c>
      <c r="B3349" s="5">
        <v>3421</v>
      </c>
      <c r="C3349" s="5" t="s">
        <v>8</v>
      </c>
      <c r="D3349" s="5" t="s">
        <v>8</v>
      </c>
      <c r="E3349" s="6">
        <v>11001</v>
      </c>
      <c r="F3349" s="5" t="s">
        <v>6710</v>
      </c>
      <c r="G3349" s="5" t="s">
        <v>6711</v>
      </c>
    </row>
    <row r="3350" spans="1:7">
      <c r="A3350" s="5" t="s">
        <v>7</v>
      </c>
      <c r="B3350" s="5">
        <v>3422</v>
      </c>
      <c r="C3350" s="5" t="s">
        <v>8</v>
      </c>
      <c r="D3350" s="5" t="s">
        <v>8</v>
      </c>
      <c r="E3350" s="6">
        <v>11001</v>
      </c>
      <c r="F3350" s="5" t="s">
        <v>6712</v>
      </c>
      <c r="G3350" s="5" t="s">
        <v>6713</v>
      </c>
    </row>
    <row r="3351" spans="1:7">
      <c r="A3351" s="5" t="s">
        <v>7</v>
      </c>
      <c r="B3351" s="5">
        <v>3423</v>
      </c>
      <c r="C3351" s="5" t="s">
        <v>8</v>
      </c>
      <c r="D3351" s="5" t="s">
        <v>8</v>
      </c>
      <c r="E3351" s="6">
        <v>11001</v>
      </c>
      <c r="F3351" s="5" t="s">
        <v>6714</v>
      </c>
      <c r="G3351" s="5" t="s">
        <v>6715</v>
      </c>
    </row>
    <row r="3352" spans="1:7">
      <c r="A3352" s="5" t="s">
        <v>7</v>
      </c>
      <c r="B3352" s="5">
        <v>3424</v>
      </c>
      <c r="C3352" s="5" t="s">
        <v>8</v>
      </c>
      <c r="D3352" s="5" t="s">
        <v>8</v>
      </c>
      <c r="E3352" s="6">
        <v>11001</v>
      </c>
      <c r="F3352" s="5" t="s">
        <v>6716</v>
      </c>
      <c r="G3352" s="5" t="s">
        <v>6717</v>
      </c>
    </row>
    <row r="3353" spans="1:7">
      <c r="A3353" s="5" t="s">
        <v>7</v>
      </c>
      <c r="B3353" s="5">
        <v>3425</v>
      </c>
      <c r="C3353" s="5" t="s">
        <v>813</v>
      </c>
      <c r="D3353" s="5" t="s">
        <v>814</v>
      </c>
      <c r="E3353" s="6">
        <v>25754</v>
      </c>
      <c r="F3353" s="5" t="s">
        <v>6718</v>
      </c>
      <c r="G3353" s="5" t="s">
        <v>6719</v>
      </c>
    </row>
    <row r="3354" spans="1:7">
      <c r="A3354" s="5" t="s">
        <v>7</v>
      </c>
      <c r="B3354" s="5">
        <v>3426</v>
      </c>
      <c r="C3354" s="5" t="s">
        <v>8</v>
      </c>
      <c r="D3354" s="5" t="s">
        <v>8</v>
      </c>
      <c r="E3354" s="6">
        <v>11001</v>
      </c>
      <c r="F3354" s="5" t="s">
        <v>6720</v>
      </c>
      <c r="G3354" s="5" t="s">
        <v>6721</v>
      </c>
    </row>
    <row r="3355" spans="1:7">
      <c r="A3355" s="5" t="s">
        <v>7</v>
      </c>
      <c r="B3355" s="5">
        <v>3427</v>
      </c>
      <c r="C3355" s="5" t="s">
        <v>8</v>
      </c>
      <c r="D3355" s="5" t="s">
        <v>8</v>
      </c>
      <c r="E3355" s="6">
        <v>11001</v>
      </c>
      <c r="F3355" s="5" t="s">
        <v>6722</v>
      </c>
      <c r="G3355" s="5" t="s">
        <v>6723</v>
      </c>
    </row>
    <row r="3356" spans="1:7">
      <c r="A3356" s="5" t="s">
        <v>7</v>
      </c>
      <c r="B3356" s="5">
        <v>3428</v>
      </c>
      <c r="C3356" s="5" t="s">
        <v>813</v>
      </c>
      <c r="D3356" s="5" t="s">
        <v>814</v>
      </c>
      <c r="E3356" s="6">
        <v>25754</v>
      </c>
      <c r="F3356" s="5" t="s">
        <v>6724</v>
      </c>
      <c r="G3356" s="5" t="s">
        <v>6725</v>
      </c>
    </row>
    <row r="3357" spans="1:7">
      <c r="A3357" s="5" t="s">
        <v>7</v>
      </c>
      <c r="B3357" s="5">
        <v>3429</v>
      </c>
      <c r="C3357" s="5" t="s">
        <v>8</v>
      </c>
      <c r="D3357" s="5" t="s">
        <v>8</v>
      </c>
      <c r="E3357" s="6">
        <v>11001</v>
      </c>
      <c r="F3357" s="5" t="s">
        <v>6726</v>
      </c>
      <c r="G3357" s="5" t="s">
        <v>6727</v>
      </c>
    </row>
    <row r="3358" spans="1:7">
      <c r="A3358" s="5" t="s">
        <v>7</v>
      </c>
      <c r="B3358" s="5">
        <v>3430</v>
      </c>
      <c r="C3358" s="5" t="s">
        <v>8</v>
      </c>
      <c r="D3358" s="5" t="s">
        <v>8</v>
      </c>
      <c r="E3358" s="6">
        <v>11001</v>
      </c>
      <c r="F3358" s="5" t="s">
        <v>6728</v>
      </c>
      <c r="G3358" s="5" t="s">
        <v>6729</v>
      </c>
    </row>
    <row r="3359" spans="1:7">
      <c r="A3359" s="5" t="s">
        <v>7</v>
      </c>
      <c r="B3359" s="5">
        <v>3431</v>
      </c>
      <c r="C3359" s="5" t="s">
        <v>8</v>
      </c>
      <c r="D3359" s="5" t="s">
        <v>8</v>
      </c>
      <c r="E3359" s="6">
        <v>11001</v>
      </c>
      <c r="F3359" s="5" t="s">
        <v>6730</v>
      </c>
      <c r="G3359" s="5" t="s">
        <v>6731</v>
      </c>
    </row>
    <row r="3360" spans="1:7">
      <c r="A3360" s="5" t="s">
        <v>7</v>
      </c>
      <c r="B3360" s="5">
        <v>3432</v>
      </c>
      <c r="C3360" s="5" t="s">
        <v>8</v>
      </c>
      <c r="D3360" s="5" t="s">
        <v>8</v>
      </c>
      <c r="E3360" s="6">
        <v>11001</v>
      </c>
      <c r="F3360" s="5" t="s">
        <v>6732</v>
      </c>
      <c r="G3360" s="5" t="s">
        <v>6733</v>
      </c>
    </row>
    <row r="3361" spans="1:7">
      <c r="A3361" s="5" t="s">
        <v>7</v>
      </c>
      <c r="B3361" s="5">
        <v>3433</v>
      </c>
      <c r="C3361" s="5" t="s">
        <v>8</v>
      </c>
      <c r="D3361" s="5" t="s">
        <v>8</v>
      </c>
      <c r="E3361" s="6">
        <v>11001</v>
      </c>
      <c r="F3361" s="5" t="s">
        <v>6734</v>
      </c>
      <c r="G3361" s="5" t="s">
        <v>6735</v>
      </c>
    </row>
    <row r="3362" spans="1:7">
      <c r="A3362" s="5" t="s">
        <v>7</v>
      </c>
      <c r="B3362" s="5">
        <v>3434</v>
      </c>
      <c r="C3362" s="5" t="s">
        <v>2542</v>
      </c>
      <c r="D3362" s="5" t="s">
        <v>2543</v>
      </c>
      <c r="E3362" s="6">
        <v>8001</v>
      </c>
      <c r="F3362" s="5" t="s">
        <v>6736</v>
      </c>
      <c r="G3362" s="5" t="s">
        <v>6737</v>
      </c>
    </row>
    <row r="3363" spans="1:7">
      <c r="A3363" s="5" t="s">
        <v>7</v>
      </c>
      <c r="B3363" s="5">
        <v>3435</v>
      </c>
      <c r="C3363" s="5" t="s">
        <v>8</v>
      </c>
      <c r="D3363" s="5" t="s">
        <v>8</v>
      </c>
      <c r="E3363" s="6">
        <v>11001</v>
      </c>
      <c r="F3363" s="5" t="s">
        <v>6738</v>
      </c>
      <c r="G3363" s="5" t="s">
        <v>6739</v>
      </c>
    </row>
    <row r="3364" spans="1:7">
      <c r="A3364" s="5" t="s">
        <v>7</v>
      </c>
      <c r="B3364" s="5">
        <v>3436</v>
      </c>
      <c r="C3364" s="5" t="s">
        <v>8</v>
      </c>
      <c r="D3364" s="5" t="s">
        <v>8</v>
      </c>
      <c r="E3364" s="6">
        <v>11001</v>
      </c>
      <c r="F3364" s="5" t="s">
        <v>6740</v>
      </c>
      <c r="G3364" s="5" t="s">
        <v>6741</v>
      </c>
    </row>
    <row r="3365" spans="1:7">
      <c r="A3365" s="5" t="s">
        <v>7</v>
      </c>
      <c r="B3365" s="5">
        <v>3437</v>
      </c>
      <c r="C3365" s="5" t="s">
        <v>8</v>
      </c>
      <c r="D3365" s="5" t="s">
        <v>8</v>
      </c>
      <c r="E3365" s="6">
        <v>11001</v>
      </c>
      <c r="F3365" s="5" t="s">
        <v>6742</v>
      </c>
      <c r="G3365" s="5" t="s">
        <v>6743</v>
      </c>
    </row>
    <row r="3366" spans="1:7">
      <c r="A3366" s="5" t="s">
        <v>7</v>
      </c>
      <c r="B3366" s="5">
        <v>3438</v>
      </c>
      <c r="C3366" s="5" t="s">
        <v>8</v>
      </c>
      <c r="D3366" s="5" t="s">
        <v>8</v>
      </c>
      <c r="E3366" s="6">
        <v>11001</v>
      </c>
      <c r="F3366" s="5" t="s">
        <v>6744</v>
      </c>
      <c r="G3366" s="5" t="s">
        <v>6745</v>
      </c>
    </row>
    <row r="3367" spans="1:7">
      <c r="A3367" s="5" t="s">
        <v>7</v>
      </c>
      <c r="B3367" s="5">
        <v>3439</v>
      </c>
      <c r="C3367" s="5" t="s">
        <v>4368</v>
      </c>
      <c r="D3367" s="5" t="s">
        <v>6746</v>
      </c>
      <c r="E3367" s="6">
        <v>15646</v>
      </c>
      <c r="F3367" s="5" t="s">
        <v>6747</v>
      </c>
      <c r="G3367" s="5" t="s">
        <v>6748</v>
      </c>
    </row>
    <row r="3368" spans="1:7">
      <c r="A3368" s="5" t="s">
        <v>7</v>
      </c>
      <c r="B3368" s="5">
        <v>3440</v>
      </c>
      <c r="C3368" s="5" t="s">
        <v>4368</v>
      </c>
      <c r="D3368" s="5" t="s">
        <v>6749</v>
      </c>
      <c r="E3368" s="6">
        <v>15469</v>
      </c>
      <c r="F3368" s="5" t="s">
        <v>6750</v>
      </c>
      <c r="G3368" s="5" t="s">
        <v>6751</v>
      </c>
    </row>
    <row r="3369" spans="1:7">
      <c r="A3369" s="5" t="s">
        <v>7</v>
      </c>
      <c r="B3369" s="5">
        <v>3441</v>
      </c>
      <c r="C3369" s="5" t="s">
        <v>4368</v>
      </c>
      <c r="D3369" s="5" t="s">
        <v>6749</v>
      </c>
      <c r="E3369" s="6">
        <v>15469</v>
      </c>
      <c r="F3369" s="5" t="s">
        <v>6752</v>
      </c>
      <c r="G3369" s="5" t="s">
        <v>6753</v>
      </c>
    </row>
    <row r="3370" spans="1:7">
      <c r="A3370" s="5" t="s">
        <v>7</v>
      </c>
      <c r="B3370" s="5">
        <v>3442</v>
      </c>
      <c r="C3370" s="5" t="s">
        <v>813</v>
      </c>
      <c r="D3370" s="5" t="s">
        <v>814</v>
      </c>
      <c r="E3370" s="6">
        <v>25754</v>
      </c>
      <c r="F3370" s="5" t="s">
        <v>6754</v>
      </c>
      <c r="G3370" s="5" t="s">
        <v>6755</v>
      </c>
    </row>
    <row r="3371" spans="1:7">
      <c r="A3371" s="5" t="s">
        <v>7</v>
      </c>
      <c r="B3371" s="5">
        <v>3443</v>
      </c>
      <c r="C3371" s="5" t="s">
        <v>813</v>
      </c>
      <c r="D3371" s="5" t="s">
        <v>2793</v>
      </c>
      <c r="E3371" s="6">
        <v>25269</v>
      </c>
      <c r="F3371" s="5" t="s">
        <v>6756</v>
      </c>
      <c r="G3371" s="5" t="s">
        <v>6757</v>
      </c>
    </row>
    <row r="3372" spans="1:7">
      <c r="A3372" s="5" t="s">
        <v>7</v>
      </c>
      <c r="B3372" s="5">
        <v>3444</v>
      </c>
      <c r="C3372" s="5" t="s">
        <v>813</v>
      </c>
      <c r="D3372" s="5" t="s">
        <v>6758</v>
      </c>
      <c r="E3372" s="6">
        <v>25658</v>
      </c>
      <c r="F3372" s="5" t="s">
        <v>6759</v>
      </c>
      <c r="G3372" s="5" t="s">
        <v>6760</v>
      </c>
    </row>
    <row r="3373" spans="1:7">
      <c r="A3373" s="5" t="s">
        <v>7</v>
      </c>
      <c r="B3373" s="5">
        <v>3445</v>
      </c>
      <c r="C3373" s="5" t="s">
        <v>8</v>
      </c>
      <c r="D3373" s="5" t="s">
        <v>8</v>
      </c>
      <c r="E3373" s="6">
        <v>11001</v>
      </c>
      <c r="F3373" s="5" t="s">
        <v>6761</v>
      </c>
      <c r="G3373" s="5" t="s">
        <v>6762</v>
      </c>
    </row>
    <row r="3374" spans="1:7">
      <c r="A3374" s="5" t="s">
        <v>7</v>
      </c>
      <c r="B3374" s="5">
        <v>3446</v>
      </c>
      <c r="C3374" s="5" t="s">
        <v>813</v>
      </c>
      <c r="D3374" s="5" t="s">
        <v>814</v>
      </c>
      <c r="E3374" s="6">
        <v>25754</v>
      </c>
      <c r="F3374" s="5" t="s">
        <v>6763</v>
      </c>
      <c r="G3374" s="5" t="s">
        <v>6764</v>
      </c>
    </row>
    <row r="3375" spans="1:7">
      <c r="A3375" s="5" t="s">
        <v>7</v>
      </c>
      <c r="B3375" s="5">
        <v>3447</v>
      </c>
      <c r="C3375" s="5" t="s">
        <v>8</v>
      </c>
      <c r="D3375" s="5" t="s">
        <v>8</v>
      </c>
      <c r="E3375" s="6">
        <v>11001</v>
      </c>
      <c r="F3375" s="5" t="s">
        <v>6765</v>
      </c>
      <c r="G3375" s="5" t="s">
        <v>6766</v>
      </c>
    </row>
    <row r="3376" spans="1:7">
      <c r="A3376" s="5" t="s">
        <v>7</v>
      </c>
      <c r="B3376" s="5">
        <v>3448</v>
      </c>
      <c r="C3376" s="5" t="s">
        <v>8</v>
      </c>
      <c r="D3376" s="5" t="s">
        <v>8</v>
      </c>
      <c r="E3376" s="6">
        <v>11001</v>
      </c>
      <c r="F3376" s="5" t="s">
        <v>6767</v>
      </c>
      <c r="G3376" s="5" t="s">
        <v>6768</v>
      </c>
    </row>
    <row r="3377" spans="1:7">
      <c r="A3377" s="5" t="s">
        <v>7</v>
      </c>
      <c r="B3377" s="5">
        <v>3449</v>
      </c>
      <c r="C3377" s="5" t="s">
        <v>8</v>
      </c>
      <c r="D3377" s="5" t="s">
        <v>8</v>
      </c>
      <c r="E3377" s="6">
        <v>11001</v>
      </c>
      <c r="F3377" s="5" t="s">
        <v>6769</v>
      </c>
      <c r="G3377" s="5" t="s">
        <v>6770</v>
      </c>
    </row>
    <row r="3378" spans="1:7">
      <c r="A3378" s="5" t="s">
        <v>7</v>
      </c>
      <c r="B3378" s="5">
        <v>3450</v>
      </c>
      <c r="C3378" s="5" t="s">
        <v>8</v>
      </c>
      <c r="D3378" s="5" t="s">
        <v>8</v>
      </c>
      <c r="E3378" s="6">
        <v>11001</v>
      </c>
      <c r="F3378" s="5" t="s">
        <v>6771</v>
      </c>
      <c r="G3378" s="5" t="s">
        <v>6772</v>
      </c>
    </row>
    <row r="3379" spans="1:7">
      <c r="A3379" s="5" t="s">
        <v>7</v>
      </c>
      <c r="B3379" s="5">
        <v>3451</v>
      </c>
      <c r="C3379" s="5" t="s">
        <v>8</v>
      </c>
      <c r="D3379" s="5" t="s">
        <v>8</v>
      </c>
      <c r="E3379" s="6">
        <v>11001</v>
      </c>
      <c r="F3379" s="5" t="s">
        <v>6773</v>
      </c>
      <c r="G3379" s="5" t="s">
        <v>6774</v>
      </c>
    </row>
    <row r="3380" spans="1:7">
      <c r="A3380" s="5" t="s">
        <v>7</v>
      </c>
      <c r="B3380" s="5">
        <v>3452</v>
      </c>
      <c r="C3380" s="5" t="s">
        <v>813</v>
      </c>
      <c r="D3380" s="5" t="s">
        <v>814</v>
      </c>
      <c r="E3380" s="6">
        <v>25754</v>
      </c>
      <c r="F3380" s="5" t="s">
        <v>1620</v>
      </c>
      <c r="G3380" s="5" t="s">
        <v>6775</v>
      </c>
    </row>
    <row r="3381" spans="1:7">
      <c r="A3381" s="5" t="s">
        <v>7</v>
      </c>
      <c r="B3381" s="5">
        <v>3453</v>
      </c>
      <c r="C3381" s="5" t="s">
        <v>8</v>
      </c>
      <c r="D3381" s="5" t="s">
        <v>8</v>
      </c>
      <c r="E3381" s="6">
        <v>11001</v>
      </c>
      <c r="F3381" s="5" t="s">
        <v>6776</v>
      </c>
      <c r="G3381" s="5" t="s">
        <v>6777</v>
      </c>
    </row>
    <row r="3382" spans="1:7">
      <c r="A3382" s="5" t="s">
        <v>7</v>
      </c>
      <c r="B3382" s="5">
        <v>3454</v>
      </c>
      <c r="C3382" s="5" t="s">
        <v>8</v>
      </c>
      <c r="D3382" s="5" t="s">
        <v>8</v>
      </c>
      <c r="E3382" s="6">
        <v>11001</v>
      </c>
      <c r="F3382" s="5" t="s">
        <v>6778</v>
      </c>
      <c r="G3382" s="5" t="s">
        <v>6779</v>
      </c>
    </row>
    <row r="3383" spans="1:7">
      <c r="A3383" s="5" t="s">
        <v>7</v>
      </c>
      <c r="B3383" s="5">
        <v>3455</v>
      </c>
      <c r="C3383" s="5" t="s">
        <v>2891</v>
      </c>
      <c r="D3383" s="5" t="s">
        <v>2892</v>
      </c>
      <c r="E3383" s="6">
        <v>13001</v>
      </c>
      <c r="F3383" s="5" t="s">
        <v>6780</v>
      </c>
      <c r="G3383" s="5" t="s">
        <v>6781</v>
      </c>
    </row>
    <row r="3384" spans="1:7">
      <c r="A3384" s="5" t="s">
        <v>7</v>
      </c>
      <c r="B3384" s="5">
        <v>3456</v>
      </c>
      <c r="C3384" s="5" t="s">
        <v>8</v>
      </c>
      <c r="D3384" s="5" t="s">
        <v>8</v>
      </c>
      <c r="E3384" s="6">
        <v>11001</v>
      </c>
      <c r="F3384" s="5" t="s">
        <v>6782</v>
      </c>
      <c r="G3384" s="5" t="s">
        <v>6783</v>
      </c>
    </row>
    <row r="3385" spans="1:7">
      <c r="A3385" s="5" t="s">
        <v>7</v>
      </c>
      <c r="B3385" s="5">
        <v>3457</v>
      </c>
      <c r="C3385" s="5" t="s">
        <v>8</v>
      </c>
      <c r="D3385" s="5" t="s">
        <v>8</v>
      </c>
      <c r="E3385" s="6">
        <v>11001</v>
      </c>
      <c r="F3385" s="5" t="s">
        <v>6784</v>
      </c>
      <c r="G3385" s="5" t="s">
        <v>6785</v>
      </c>
    </row>
    <row r="3386" spans="1:7">
      <c r="A3386" s="5" t="s">
        <v>7</v>
      </c>
      <c r="B3386" s="5">
        <v>3458</v>
      </c>
      <c r="C3386" s="5" t="s">
        <v>8</v>
      </c>
      <c r="D3386" s="5" t="s">
        <v>8</v>
      </c>
      <c r="E3386" s="6">
        <v>11001</v>
      </c>
      <c r="F3386" s="5" t="s">
        <v>6786</v>
      </c>
      <c r="G3386" s="5" t="s">
        <v>6787</v>
      </c>
    </row>
    <row r="3387" spans="1:7">
      <c r="A3387" s="5" t="s">
        <v>7</v>
      </c>
      <c r="B3387" s="5">
        <v>3459</v>
      </c>
      <c r="C3387" s="5" t="s">
        <v>8</v>
      </c>
      <c r="D3387" s="5" t="s">
        <v>8</v>
      </c>
      <c r="E3387" s="6">
        <v>11001</v>
      </c>
      <c r="F3387" s="5" t="s">
        <v>6788</v>
      </c>
      <c r="G3387" s="5" t="s">
        <v>6789</v>
      </c>
    </row>
    <row r="3388" spans="1:7">
      <c r="A3388" s="5" t="s">
        <v>7</v>
      </c>
      <c r="B3388" s="5">
        <v>3460</v>
      </c>
      <c r="C3388" s="5" t="s">
        <v>813</v>
      </c>
      <c r="D3388" s="5" t="s">
        <v>814</v>
      </c>
      <c r="E3388" s="6">
        <v>25754</v>
      </c>
      <c r="F3388" s="5" t="s">
        <v>6790</v>
      </c>
      <c r="G3388" s="5" t="s">
        <v>6791</v>
      </c>
    </row>
    <row r="3389" spans="1:7">
      <c r="A3389" s="5" t="s">
        <v>7</v>
      </c>
      <c r="B3389" s="5">
        <v>3461</v>
      </c>
      <c r="C3389" s="5" t="s">
        <v>8</v>
      </c>
      <c r="D3389" s="5" t="s">
        <v>8</v>
      </c>
      <c r="E3389" s="6">
        <v>11001</v>
      </c>
      <c r="F3389" s="5" t="s">
        <v>6792</v>
      </c>
      <c r="G3389" s="5" t="s">
        <v>6793</v>
      </c>
    </row>
    <row r="3390" spans="1:7">
      <c r="A3390" s="5" t="s">
        <v>7</v>
      </c>
      <c r="B3390" s="5">
        <v>3462</v>
      </c>
      <c r="C3390" s="5" t="s">
        <v>8</v>
      </c>
      <c r="D3390" s="5" t="s">
        <v>8</v>
      </c>
      <c r="E3390" s="6">
        <v>11001</v>
      </c>
      <c r="F3390" s="5" t="s">
        <v>6794</v>
      </c>
      <c r="G3390" s="5" t="s">
        <v>6795</v>
      </c>
    </row>
    <row r="3391" spans="1:7">
      <c r="A3391" s="5" t="s">
        <v>7</v>
      </c>
      <c r="B3391" s="5">
        <v>3463</v>
      </c>
      <c r="C3391" s="5" t="s">
        <v>8</v>
      </c>
      <c r="D3391" s="5" t="s">
        <v>8</v>
      </c>
      <c r="E3391" s="6">
        <v>11001</v>
      </c>
      <c r="F3391" s="5" t="s">
        <v>6796</v>
      </c>
      <c r="G3391" s="5" t="s">
        <v>6797</v>
      </c>
    </row>
    <row r="3392" spans="1:7">
      <c r="A3392" s="5" t="s">
        <v>7</v>
      </c>
      <c r="B3392" s="5">
        <v>3464</v>
      </c>
      <c r="C3392" s="5" t="s">
        <v>2891</v>
      </c>
      <c r="D3392" s="5" t="s">
        <v>2892</v>
      </c>
      <c r="E3392" s="6">
        <v>13001</v>
      </c>
      <c r="F3392" s="5" t="s">
        <v>6798</v>
      </c>
      <c r="G3392" s="5" t="s">
        <v>6799</v>
      </c>
    </row>
    <row r="3393" spans="1:7">
      <c r="A3393" s="5" t="s">
        <v>7</v>
      </c>
      <c r="B3393" s="5">
        <v>3465</v>
      </c>
      <c r="C3393" s="5" t="s">
        <v>8</v>
      </c>
      <c r="D3393" s="5" t="s">
        <v>8</v>
      </c>
      <c r="E3393" s="6">
        <v>11001</v>
      </c>
      <c r="F3393" s="5" t="s">
        <v>6800</v>
      </c>
      <c r="G3393" s="5" t="s">
        <v>6801</v>
      </c>
    </row>
    <row r="3394" spans="1:7">
      <c r="A3394" s="5" t="s">
        <v>7</v>
      </c>
      <c r="B3394" s="5">
        <v>3466</v>
      </c>
      <c r="C3394" s="5" t="s">
        <v>8</v>
      </c>
      <c r="D3394" s="5" t="s">
        <v>8</v>
      </c>
      <c r="E3394" s="6">
        <v>11001</v>
      </c>
      <c r="F3394" s="5" t="s">
        <v>6802</v>
      </c>
      <c r="G3394" s="5" t="s">
        <v>6803</v>
      </c>
    </row>
    <row r="3395" spans="1:7">
      <c r="A3395" s="5" t="s">
        <v>7</v>
      </c>
      <c r="B3395" s="5">
        <v>3467</v>
      </c>
      <c r="C3395" s="5" t="s">
        <v>8</v>
      </c>
      <c r="D3395" s="5" t="s">
        <v>8</v>
      </c>
      <c r="E3395" s="6">
        <v>11001</v>
      </c>
      <c r="F3395" s="5" t="s">
        <v>6804</v>
      </c>
      <c r="G3395" s="5" t="s">
        <v>2637</v>
      </c>
    </row>
    <row r="3396" spans="1:7">
      <c r="A3396" s="5" t="s">
        <v>7</v>
      </c>
      <c r="B3396" s="5">
        <v>3468</v>
      </c>
      <c r="C3396" s="5" t="s">
        <v>8</v>
      </c>
      <c r="D3396" s="5" t="s">
        <v>8</v>
      </c>
      <c r="E3396" s="6">
        <v>11001</v>
      </c>
      <c r="F3396" s="5" t="s">
        <v>6805</v>
      </c>
      <c r="G3396" s="5" t="s">
        <v>6806</v>
      </c>
    </row>
    <row r="3397" spans="1:7">
      <c r="A3397" s="5" t="s">
        <v>7</v>
      </c>
      <c r="B3397" s="5">
        <v>3469</v>
      </c>
      <c r="C3397" s="5" t="s">
        <v>8</v>
      </c>
      <c r="D3397" s="5" t="s">
        <v>8</v>
      </c>
      <c r="E3397" s="6">
        <v>11001</v>
      </c>
      <c r="F3397" s="5" t="s">
        <v>6807</v>
      </c>
      <c r="G3397" s="5" t="s">
        <v>6808</v>
      </c>
    </row>
    <row r="3398" spans="1:7">
      <c r="A3398" s="5" t="s">
        <v>7</v>
      </c>
      <c r="B3398" s="5">
        <v>3470</v>
      </c>
      <c r="C3398" s="5" t="s">
        <v>8</v>
      </c>
      <c r="D3398" s="5" t="s">
        <v>8</v>
      </c>
      <c r="E3398" s="6">
        <v>11001</v>
      </c>
      <c r="F3398" s="5" t="s">
        <v>6809</v>
      </c>
      <c r="G3398" s="5" t="s">
        <v>6810</v>
      </c>
    </row>
    <row r="3399" spans="1:7">
      <c r="A3399" s="5" t="s">
        <v>7</v>
      </c>
      <c r="B3399" s="5">
        <v>3471</v>
      </c>
      <c r="C3399" s="5" t="s">
        <v>8</v>
      </c>
      <c r="D3399" s="5" t="s">
        <v>8</v>
      </c>
      <c r="E3399" s="6">
        <v>11001</v>
      </c>
      <c r="F3399" s="5" t="s">
        <v>6811</v>
      </c>
      <c r="G3399" s="5" t="s">
        <v>6812</v>
      </c>
    </row>
    <row r="3400" spans="1:7">
      <c r="A3400" s="5" t="s">
        <v>7</v>
      </c>
      <c r="B3400" s="5">
        <v>3472</v>
      </c>
      <c r="C3400" s="5" t="s">
        <v>8</v>
      </c>
      <c r="D3400" s="5" t="s">
        <v>8</v>
      </c>
      <c r="E3400" s="6">
        <v>11001</v>
      </c>
      <c r="F3400" s="5" t="s">
        <v>6813</v>
      </c>
      <c r="G3400" s="5" t="s">
        <v>6814</v>
      </c>
    </row>
    <row r="3401" spans="1:7">
      <c r="A3401" s="5" t="s">
        <v>7</v>
      </c>
      <c r="B3401" s="5">
        <v>3473</v>
      </c>
      <c r="C3401" s="5" t="s">
        <v>8</v>
      </c>
      <c r="D3401" s="5" t="s">
        <v>8</v>
      </c>
      <c r="E3401" s="6">
        <v>11001</v>
      </c>
      <c r="F3401" s="5" t="s">
        <v>6815</v>
      </c>
      <c r="G3401" s="5" t="s">
        <v>6816</v>
      </c>
    </row>
    <row r="3402" spans="1:7">
      <c r="A3402" s="5" t="s">
        <v>7</v>
      </c>
      <c r="B3402" s="5">
        <v>3474</v>
      </c>
      <c r="C3402" s="5" t="s">
        <v>8</v>
      </c>
      <c r="D3402" s="5" t="s">
        <v>8</v>
      </c>
      <c r="E3402" s="6">
        <v>11001</v>
      </c>
      <c r="F3402" s="5" t="s">
        <v>6817</v>
      </c>
      <c r="G3402" s="5" t="s">
        <v>6818</v>
      </c>
    </row>
    <row r="3403" spans="1:7">
      <c r="A3403" s="5" t="s">
        <v>7</v>
      </c>
      <c r="B3403" s="5">
        <v>3475</v>
      </c>
      <c r="C3403" s="5" t="s">
        <v>8</v>
      </c>
      <c r="D3403" s="5" t="s">
        <v>8</v>
      </c>
      <c r="E3403" s="6">
        <v>11001</v>
      </c>
      <c r="F3403" s="5" t="s">
        <v>6819</v>
      </c>
      <c r="G3403" s="5" t="s">
        <v>6820</v>
      </c>
    </row>
    <row r="3404" spans="1:7">
      <c r="A3404" s="5" t="s">
        <v>7</v>
      </c>
      <c r="B3404" s="5">
        <v>3476</v>
      </c>
      <c r="C3404" s="5" t="s">
        <v>4368</v>
      </c>
      <c r="D3404" s="5" t="s">
        <v>5909</v>
      </c>
      <c r="E3404" s="6">
        <v>15001</v>
      </c>
      <c r="F3404" s="5" t="s">
        <v>6821</v>
      </c>
      <c r="G3404" s="5" t="s">
        <v>6822</v>
      </c>
    </row>
    <row r="3405" spans="1:7">
      <c r="A3405" s="5" t="s">
        <v>7</v>
      </c>
      <c r="B3405" s="5">
        <v>3477</v>
      </c>
      <c r="C3405" s="5" t="s">
        <v>8</v>
      </c>
      <c r="D3405" s="5" t="s">
        <v>8</v>
      </c>
      <c r="E3405" s="6">
        <v>11001</v>
      </c>
      <c r="F3405" s="5" t="s">
        <v>6823</v>
      </c>
      <c r="G3405" s="5" t="s">
        <v>6824</v>
      </c>
    </row>
    <row r="3406" spans="1:7">
      <c r="A3406" s="5" t="s">
        <v>7</v>
      </c>
      <c r="B3406" s="5">
        <v>3478</v>
      </c>
      <c r="C3406" s="5" t="s">
        <v>3971</v>
      </c>
      <c r="D3406" s="5" t="s">
        <v>5363</v>
      </c>
      <c r="E3406" s="6">
        <v>52399</v>
      </c>
      <c r="F3406" s="5" t="s">
        <v>6825</v>
      </c>
      <c r="G3406" s="5" t="s">
        <v>6826</v>
      </c>
    </row>
    <row r="3407" spans="1:7">
      <c r="A3407" s="5" t="s">
        <v>7</v>
      </c>
      <c r="B3407" s="5">
        <v>3479</v>
      </c>
      <c r="C3407" s="5" t="s">
        <v>8</v>
      </c>
      <c r="D3407" s="5" t="s">
        <v>8</v>
      </c>
      <c r="E3407" s="6">
        <v>11001</v>
      </c>
      <c r="F3407" s="5" t="s">
        <v>6827</v>
      </c>
      <c r="G3407" s="5" t="s">
        <v>6828</v>
      </c>
    </row>
    <row r="3408" spans="1:7">
      <c r="A3408" s="5" t="s">
        <v>7</v>
      </c>
      <c r="B3408" s="5">
        <v>3480</v>
      </c>
      <c r="C3408" s="5" t="s">
        <v>8</v>
      </c>
      <c r="D3408" s="5" t="s">
        <v>8</v>
      </c>
      <c r="E3408" s="6">
        <v>11001</v>
      </c>
      <c r="F3408" s="5" t="s">
        <v>6829</v>
      </c>
      <c r="G3408" s="5" t="s">
        <v>6830</v>
      </c>
    </row>
    <row r="3409" spans="1:7">
      <c r="A3409" s="5" t="s">
        <v>7</v>
      </c>
      <c r="B3409" s="5">
        <v>3481</v>
      </c>
      <c r="C3409" s="5" t="s">
        <v>8</v>
      </c>
      <c r="D3409" s="5" t="s">
        <v>8</v>
      </c>
      <c r="E3409" s="6">
        <v>11001</v>
      </c>
      <c r="F3409" s="5" t="s">
        <v>6831</v>
      </c>
      <c r="G3409" s="5" t="s">
        <v>6832</v>
      </c>
    </row>
    <row r="3410" spans="1:7">
      <c r="A3410" s="5" t="s">
        <v>7</v>
      </c>
      <c r="B3410" s="5">
        <v>3482</v>
      </c>
      <c r="C3410" s="5" t="s">
        <v>8</v>
      </c>
      <c r="D3410" s="5" t="s">
        <v>8</v>
      </c>
      <c r="E3410" s="6">
        <v>11001</v>
      </c>
      <c r="F3410" s="5" t="s">
        <v>6833</v>
      </c>
      <c r="G3410" s="5" t="s">
        <v>6834</v>
      </c>
    </row>
    <row r="3411" spans="1:7">
      <c r="A3411" s="5" t="s">
        <v>7</v>
      </c>
      <c r="B3411" s="5">
        <v>3483</v>
      </c>
      <c r="C3411" s="5" t="s">
        <v>8</v>
      </c>
      <c r="D3411" s="5" t="s">
        <v>8</v>
      </c>
      <c r="E3411" s="6">
        <v>11001</v>
      </c>
      <c r="F3411" s="5" t="s">
        <v>6835</v>
      </c>
      <c r="G3411" s="5" t="s">
        <v>6836</v>
      </c>
    </row>
    <row r="3412" spans="1:7">
      <c r="A3412" s="5" t="s">
        <v>7</v>
      </c>
      <c r="B3412" s="5">
        <v>3484</v>
      </c>
      <c r="C3412" s="5" t="s">
        <v>813</v>
      </c>
      <c r="D3412" s="5" t="s">
        <v>2237</v>
      </c>
      <c r="E3412" s="6">
        <v>25290</v>
      </c>
      <c r="F3412" s="5" t="s">
        <v>6837</v>
      </c>
      <c r="G3412" s="5" t="s">
        <v>6838</v>
      </c>
    </row>
    <row r="3413" spans="1:7">
      <c r="A3413" s="5" t="s">
        <v>7</v>
      </c>
      <c r="B3413" s="5">
        <v>3485</v>
      </c>
      <c r="C3413" s="5" t="s">
        <v>8</v>
      </c>
      <c r="D3413" s="5" t="s">
        <v>8</v>
      </c>
      <c r="E3413" s="6">
        <v>11001</v>
      </c>
      <c r="F3413" s="5" t="s">
        <v>6839</v>
      </c>
      <c r="G3413" s="5" t="s">
        <v>6840</v>
      </c>
    </row>
    <row r="3414" spans="1:7">
      <c r="A3414" s="5" t="s">
        <v>7</v>
      </c>
      <c r="B3414" s="5">
        <v>3486</v>
      </c>
      <c r="C3414" s="5" t="s">
        <v>8</v>
      </c>
      <c r="D3414" s="5" t="s">
        <v>8</v>
      </c>
      <c r="E3414" s="6">
        <v>11001</v>
      </c>
      <c r="F3414" s="5" t="s">
        <v>6841</v>
      </c>
      <c r="G3414" s="5" t="s">
        <v>6842</v>
      </c>
    </row>
    <row r="3415" spans="1:7">
      <c r="A3415" s="5" t="s">
        <v>7</v>
      </c>
      <c r="B3415" s="5">
        <v>3487</v>
      </c>
      <c r="C3415" s="5" t="s">
        <v>2891</v>
      </c>
      <c r="D3415" s="5" t="s">
        <v>2892</v>
      </c>
      <c r="E3415" s="6">
        <v>13001</v>
      </c>
      <c r="F3415" s="5" t="s">
        <v>6843</v>
      </c>
      <c r="G3415" s="5" t="s">
        <v>6844</v>
      </c>
    </row>
    <row r="3416" spans="1:7">
      <c r="A3416" s="5" t="s">
        <v>7</v>
      </c>
      <c r="B3416" s="5">
        <v>3488</v>
      </c>
      <c r="C3416" s="5" t="s">
        <v>2891</v>
      </c>
      <c r="D3416" s="5" t="s">
        <v>2892</v>
      </c>
      <c r="E3416" s="6">
        <v>13001</v>
      </c>
      <c r="F3416" s="5" t="s">
        <v>6845</v>
      </c>
      <c r="G3416" s="5" t="s">
        <v>6846</v>
      </c>
    </row>
    <row r="3417" spans="1:7">
      <c r="A3417" s="5" t="s">
        <v>7</v>
      </c>
      <c r="B3417" s="5">
        <v>3489</v>
      </c>
      <c r="C3417" s="5" t="s">
        <v>813</v>
      </c>
      <c r="D3417" s="5" t="s">
        <v>5434</v>
      </c>
      <c r="E3417" s="6">
        <v>25377</v>
      </c>
      <c r="F3417" s="5" t="s">
        <v>6847</v>
      </c>
      <c r="G3417" s="5" t="s">
        <v>6848</v>
      </c>
    </row>
    <row r="3418" spans="1:7">
      <c r="A3418" s="5" t="s">
        <v>7</v>
      </c>
      <c r="B3418" s="5">
        <v>3490</v>
      </c>
      <c r="C3418" s="5" t="s">
        <v>8</v>
      </c>
      <c r="D3418" s="5" t="s">
        <v>8</v>
      </c>
      <c r="E3418" s="6">
        <v>11001</v>
      </c>
      <c r="F3418" s="5" t="s">
        <v>6849</v>
      </c>
      <c r="G3418" s="5" t="s">
        <v>6850</v>
      </c>
    </row>
    <row r="3419" spans="1:7">
      <c r="A3419" s="5" t="s">
        <v>7</v>
      </c>
      <c r="B3419" s="5">
        <v>3491</v>
      </c>
      <c r="C3419" s="5" t="s">
        <v>8</v>
      </c>
      <c r="D3419" s="5" t="s">
        <v>8</v>
      </c>
      <c r="E3419" s="6">
        <v>11001</v>
      </c>
      <c r="F3419" s="5" t="s">
        <v>6851</v>
      </c>
      <c r="G3419" s="5" t="s">
        <v>6852</v>
      </c>
    </row>
    <row r="3420" spans="1:7">
      <c r="A3420" s="5" t="s">
        <v>7</v>
      </c>
      <c r="B3420" s="5">
        <v>3492</v>
      </c>
      <c r="C3420" s="5" t="s">
        <v>8</v>
      </c>
      <c r="D3420" s="5" t="s">
        <v>8</v>
      </c>
      <c r="E3420" s="6">
        <v>11001</v>
      </c>
      <c r="F3420" s="5" t="s">
        <v>6853</v>
      </c>
      <c r="G3420" s="5" t="s">
        <v>6854</v>
      </c>
    </row>
    <row r="3421" spans="1:7">
      <c r="A3421" s="5" t="s">
        <v>7</v>
      </c>
      <c r="B3421" s="5">
        <v>3493</v>
      </c>
      <c r="C3421" s="5" t="s">
        <v>8</v>
      </c>
      <c r="D3421" s="5" t="s">
        <v>8</v>
      </c>
      <c r="E3421" s="6">
        <v>11001</v>
      </c>
      <c r="F3421" s="5" t="s">
        <v>6855</v>
      </c>
      <c r="G3421" s="5" t="s">
        <v>6856</v>
      </c>
    </row>
    <row r="3422" spans="1:7">
      <c r="A3422" s="5" t="s">
        <v>7</v>
      </c>
      <c r="B3422" s="5">
        <v>3494</v>
      </c>
      <c r="C3422" s="5" t="s">
        <v>8</v>
      </c>
      <c r="D3422" s="5" t="s">
        <v>8</v>
      </c>
      <c r="E3422" s="6">
        <v>11001</v>
      </c>
      <c r="F3422" s="5" t="s">
        <v>6857</v>
      </c>
      <c r="G3422" s="5" t="s">
        <v>6858</v>
      </c>
    </row>
    <row r="3423" spans="1:7">
      <c r="A3423" s="5" t="s">
        <v>7</v>
      </c>
      <c r="B3423" s="5">
        <v>3495</v>
      </c>
      <c r="C3423" s="5" t="s">
        <v>8</v>
      </c>
      <c r="D3423" s="5" t="s">
        <v>8</v>
      </c>
      <c r="E3423" s="6">
        <v>11001</v>
      </c>
      <c r="F3423" s="5" t="s">
        <v>6859</v>
      </c>
      <c r="G3423" s="5" t="s">
        <v>6860</v>
      </c>
    </row>
    <row r="3424" spans="1:7">
      <c r="A3424" s="5" t="s">
        <v>7</v>
      </c>
      <c r="B3424" s="5">
        <v>3496</v>
      </c>
      <c r="C3424" s="5" t="s">
        <v>2891</v>
      </c>
      <c r="D3424" s="5" t="s">
        <v>2892</v>
      </c>
      <c r="E3424" s="6">
        <v>13001</v>
      </c>
      <c r="F3424" s="5" t="s">
        <v>6861</v>
      </c>
      <c r="G3424" s="5" t="s">
        <v>6862</v>
      </c>
    </row>
    <row r="3425" spans="1:7">
      <c r="A3425" s="5" t="s">
        <v>7</v>
      </c>
      <c r="B3425" s="5">
        <v>3497</v>
      </c>
      <c r="C3425" s="5" t="s">
        <v>8</v>
      </c>
      <c r="D3425" s="5" t="s">
        <v>8</v>
      </c>
      <c r="E3425" s="6">
        <v>11001</v>
      </c>
      <c r="F3425" s="5" t="s">
        <v>6863</v>
      </c>
      <c r="G3425" s="5" t="s">
        <v>6864</v>
      </c>
    </row>
    <row r="3426" spans="1:7">
      <c r="A3426" s="5" t="s">
        <v>7</v>
      </c>
      <c r="B3426" s="5">
        <v>3498</v>
      </c>
      <c r="C3426" s="5" t="s">
        <v>8</v>
      </c>
      <c r="D3426" s="5" t="s">
        <v>8</v>
      </c>
      <c r="E3426" s="6">
        <v>11001</v>
      </c>
      <c r="F3426" s="5" t="s">
        <v>6865</v>
      </c>
      <c r="G3426" s="5" t="s">
        <v>6866</v>
      </c>
    </row>
    <row r="3427" spans="1:7">
      <c r="A3427" s="5" t="s">
        <v>7</v>
      </c>
      <c r="B3427" s="5">
        <v>3499</v>
      </c>
      <c r="C3427" s="5" t="s">
        <v>3011</v>
      </c>
      <c r="D3427" s="5" t="s">
        <v>6867</v>
      </c>
      <c r="E3427" s="6">
        <v>5129</v>
      </c>
      <c r="F3427" s="5" t="s">
        <v>6868</v>
      </c>
      <c r="G3427" s="5" t="s">
        <v>6869</v>
      </c>
    </row>
    <row r="3428" spans="1:7">
      <c r="A3428" s="5" t="s">
        <v>7</v>
      </c>
      <c r="B3428" s="5">
        <v>3500</v>
      </c>
      <c r="C3428" s="5" t="s">
        <v>4368</v>
      </c>
      <c r="D3428" s="5" t="s">
        <v>5909</v>
      </c>
      <c r="E3428" s="6">
        <v>15001</v>
      </c>
      <c r="F3428" s="5" t="s">
        <v>6870</v>
      </c>
      <c r="G3428" s="5" t="s">
        <v>6871</v>
      </c>
    </row>
    <row r="3429" spans="1:7">
      <c r="A3429" s="5" t="s">
        <v>7</v>
      </c>
      <c r="B3429" s="5">
        <v>3501</v>
      </c>
      <c r="C3429" s="5" t="s">
        <v>4368</v>
      </c>
      <c r="D3429" s="5" t="s">
        <v>5909</v>
      </c>
      <c r="E3429" s="6">
        <v>15001</v>
      </c>
      <c r="F3429" s="5" t="s">
        <v>6872</v>
      </c>
      <c r="G3429" s="5" t="s">
        <v>6873</v>
      </c>
    </row>
    <row r="3430" spans="1:7">
      <c r="A3430" s="5" t="s">
        <v>7</v>
      </c>
      <c r="B3430" s="5">
        <v>3502</v>
      </c>
      <c r="C3430" s="5" t="s">
        <v>8</v>
      </c>
      <c r="D3430" s="5" t="s">
        <v>8</v>
      </c>
      <c r="E3430" s="6">
        <v>11001</v>
      </c>
      <c r="F3430" s="5" t="s">
        <v>6874</v>
      </c>
      <c r="G3430" s="5" t="s">
        <v>6875</v>
      </c>
    </row>
    <row r="3431" spans="1:7">
      <c r="A3431" s="5" t="s">
        <v>7</v>
      </c>
      <c r="B3431" s="5">
        <v>3504</v>
      </c>
      <c r="C3431" s="5" t="s">
        <v>8</v>
      </c>
      <c r="D3431" s="5" t="s">
        <v>8</v>
      </c>
      <c r="E3431" s="6">
        <v>11001</v>
      </c>
      <c r="F3431" s="5" t="s">
        <v>6874</v>
      </c>
      <c r="G3431" s="5" t="s">
        <v>6875</v>
      </c>
    </row>
    <row r="3432" spans="1:7">
      <c r="A3432" s="5" t="s">
        <v>7</v>
      </c>
      <c r="B3432" s="5">
        <v>3505</v>
      </c>
      <c r="C3432" s="5" t="s">
        <v>8</v>
      </c>
      <c r="D3432" s="5" t="s">
        <v>8</v>
      </c>
      <c r="E3432" s="6">
        <v>11001</v>
      </c>
      <c r="F3432" s="5" t="s">
        <v>6876</v>
      </c>
      <c r="G3432" s="5" t="s">
        <v>6877</v>
      </c>
    </row>
    <row r="3433" spans="1:7">
      <c r="A3433" s="5" t="s">
        <v>7</v>
      </c>
      <c r="B3433" s="5">
        <v>3506</v>
      </c>
      <c r="C3433" s="5" t="s">
        <v>3926</v>
      </c>
      <c r="D3433" s="5" t="s">
        <v>6878</v>
      </c>
      <c r="E3433" s="6">
        <v>41378</v>
      </c>
      <c r="F3433" s="5" t="s">
        <v>6879</v>
      </c>
      <c r="G3433" s="5" t="s">
        <v>6880</v>
      </c>
    </row>
    <row r="3434" spans="1:7">
      <c r="A3434" s="5" t="s">
        <v>7</v>
      </c>
      <c r="B3434" s="5">
        <v>3507</v>
      </c>
      <c r="C3434" s="5" t="s">
        <v>4368</v>
      </c>
      <c r="D3434" s="5" t="s">
        <v>5909</v>
      </c>
      <c r="E3434" s="6">
        <v>15001</v>
      </c>
      <c r="F3434" s="5" t="s">
        <v>6881</v>
      </c>
      <c r="G3434" s="5" t="s">
        <v>6882</v>
      </c>
    </row>
    <row r="3435" spans="1:7">
      <c r="A3435" s="5" t="s">
        <v>7</v>
      </c>
      <c r="B3435" s="5">
        <v>3508</v>
      </c>
      <c r="C3435" s="5" t="s">
        <v>4368</v>
      </c>
      <c r="D3435" s="5" t="s">
        <v>5909</v>
      </c>
      <c r="E3435" s="6">
        <v>15001</v>
      </c>
      <c r="F3435" s="5" t="s">
        <v>6883</v>
      </c>
      <c r="G3435" s="5" t="s">
        <v>6884</v>
      </c>
    </row>
    <row r="3436" spans="1:7">
      <c r="A3436" s="5" t="s">
        <v>7</v>
      </c>
      <c r="B3436" s="5">
        <v>3509</v>
      </c>
      <c r="C3436" s="5" t="s">
        <v>4368</v>
      </c>
      <c r="D3436" s="5" t="s">
        <v>5909</v>
      </c>
      <c r="E3436" s="6">
        <v>15001</v>
      </c>
      <c r="F3436" s="5" t="s">
        <v>6885</v>
      </c>
      <c r="G3436" s="5" t="s">
        <v>6886</v>
      </c>
    </row>
    <row r="3437" spans="1:7">
      <c r="A3437" s="5" t="s">
        <v>7</v>
      </c>
      <c r="B3437" s="5">
        <v>3510</v>
      </c>
      <c r="C3437" s="5" t="s">
        <v>3926</v>
      </c>
      <c r="D3437" s="5" t="s">
        <v>3927</v>
      </c>
      <c r="E3437" s="6">
        <v>41001</v>
      </c>
      <c r="F3437" s="5" t="s">
        <v>6887</v>
      </c>
      <c r="G3437" s="5" t="s">
        <v>6888</v>
      </c>
    </row>
    <row r="3438" spans="1:7">
      <c r="A3438" s="5" t="s">
        <v>7</v>
      </c>
      <c r="B3438" s="5">
        <v>3511</v>
      </c>
      <c r="C3438" s="5" t="s">
        <v>4368</v>
      </c>
      <c r="D3438" s="5" t="s">
        <v>5909</v>
      </c>
      <c r="E3438" s="6">
        <v>15001</v>
      </c>
      <c r="F3438" s="5" t="s">
        <v>6889</v>
      </c>
      <c r="G3438" s="5" t="s">
        <v>6890</v>
      </c>
    </row>
    <row r="3439" spans="1:7">
      <c r="A3439" s="5" t="s">
        <v>7</v>
      </c>
      <c r="B3439" s="5">
        <v>3512</v>
      </c>
      <c r="C3439" s="5" t="s">
        <v>4368</v>
      </c>
      <c r="D3439" s="5" t="s">
        <v>5909</v>
      </c>
      <c r="E3439" s="6">
        <v>15001</v>
      </c>
      <c r="F3439" s="5" t="s">
        <v>6891</v>
      </c>
      <c r="G3439" s="5" t="s">
        <v>6892</v>
      </c>
    </row>
    <row r="3440" spans="1:7">
      <c r="A3440" s="5" t="s">
        <v>7</v>
      </c>
      <c r="B3440" s="5">
        <v>3513</v>
      </c>
      <c r="C3440" s="5" t="s">
        <v>4368</v>
      </c>
      <c r="D3440" s="5" t="s">
        <v>5909</v>
      </c>
      <c r="E3440" s="6">
        <v>15001</v>
      </c>
      <c r="F3440" s="5" t="s">
        <v>6893</v>
      </c>
      <c r="G3440" s="5" t="s">
        <v>6894</v>
      </c>
    </row>
    <row r="3441" spans="1:7">
      <c r="A3441" s="5" t="s">
        <v>7</v>
      </c>
      <c r="B3441" s="5">
        <v>3514</v>
      </c>
      <c r="C3441" s="5" t="s">
        <v>2542</v>
      </c>
      <c r="D3441" s="5" t="s">
        <v>2543</v>
      </c>
      <c r="E3441" s="6">
        <v>8001</v>
      </c>
      <c r="F3441" s="5" t="s">
        <v>6895</v>
      </c>
      <c r="G3441" s="5" t="s">
        <v>6896</v>
      </c>
    </row>
    <row r="3442" spans="1:7">
      <c r="A3442" s="5" t="s">
        <v>7</v>
      </c>
      <c r="B3442" s="5">
        <v>3515</v>
      </c>
      <c r="C3442" s="5" t="s">
        <v>8</v>
      </c>
      <c r="D3442" s="5" t="s">
        <v>8</v>
      </c>
      <c r="E3442" s="6">
        <v>11001</v>
      </c>
      <c r="F3442" s="5" t="s">
        <v>6897</v>
      </c>
      <c r="G3442" s="5" t="s">
        <v>6898</v>
      </c>
    </row>
    <row r="3443" spans="1:7">
      <c r="A3443" s="5" t="s">
        <v>7</v>
      </c>
      <c r="B3443" s="5">
        <v>3516</v>
      </c>
      <c r="C3443" s="5" t="s">
        <v>8</v>
      </c>
      <c r="D3443" s="5" t="s">
        <v>8</v>
      </c>
      <c r="E3443" s="6">
        <v>11001</v>
      </c>
      <c r="F3443" s="5" t="s">
        <v>6899</v>
      </c>
      <c r="G3443" s="5" t="s">
        <v>6900</v>
      </c>
    </row>
    <row r="3444" spans="1:7">
      <c r="A3444" s="5" t="s">
        <v>7</v>
      </c>
      <c r="B3444" s="5">
        <v>3517</v>
      </c>
      <c r="C3444" s="5" t="s">
        <v>2891</v>
      </c>
      <c r="D3444" s="5" t="s">
        <v>2892</v>
      </c>
      <c r="E3444" s="6">
        <v>13001</v>
      </c>
      <c r="F3444" s="5" t="s">
        <v>6901</v>
      </c>
      <c r="G3444" s="5" t="s">
        <v>6902</v>
      </c>
    </row>
    <row r="3445" spans="1:7">
      <c r="A3445" s="5" t="s">
        <v>7</v>
      </c>
      <c r="B3445" s="5">
        <v>3518</v>
      </c>
      <c r="C3445" s="5" t="s">
        <v>2891</v>
      </c>
      <c r="D3445" s="5" t="s">
        <v>2892</v>
      </c>
      <c r="E3445" s="6">
        <v>13001</v>
      </c>
      <c r="F3445" s="5" t="s">
        <v>6903</v>
      </c>
      <c r="G3445" s="5" t="s">
        <v>6904</v>
      </c>
    </row>
    <row r="3446" spans="1:7">
      <c r="A3446" s="5" t="s">
        <v>7</v>
      </c>
      <c r="B3446" s="5">
        <v>3519</v>
      </c>
      <c r="C3446" s="5" t="s">
        <v>8</v>
      </c>
      <c r="D3446" s="5" t="s">
        <v>8</v>
      </c>
      <c r="E3446" s="6">
        <v>11001</v>
      </c>
      <c r="F3446" s="5" t="s">
        <v>6905</v>
      </c>
      <c r="G3446" s="5" t="s">
        <v>6906</v>
      </c>
    </row>
    <row r="3447" spans="1:7">
      <c r="A3447" s="5" t="s">
        <v>7</v>
      </c>
      <c r="B3447" s="5">
        <v>3520</v>
      </c>
      <c r="C3447" s="5" t="s">
        <v>8</v>
      </c>
      <c r="D3447" s="5" t="s">
        <v>8</v>
      </c>
      <c r="E3447" s="6">
        <v>11001</v>
      </c>
      <c r="F3447" s="5" t="s">
        <v>6907</v>
      </c>
      <c r="G3447" s="5" t="s">
        <v>6908</v>
      </c>
    </row>
    <row r="3448" spans="1:7">
      <c r="A3448" s="5" t="s">
        <v>7</v>
      </c>
      <c r="B3448" s="5">
        <v>3521</v>
      </c>
      <c r="C3448" s="5" t="s">
        <v>2891</v>
      </c>
      <c r="D3448" s="5" t="s">
        <v>2892</v>
      </c>
      <c r="E3448" s="6">
        <v>13001</v>
      </c>
      <c r="F3448" s="5" t="s">
        <v>6909</v>
      </c>
      <c r="G3448" s="5" t="s">
        <v>6910</v>
      </c>
    </row>
    <row r="3449" spans="1:7">
      <c r="A3449" s="5" t="s">
        <v>7</v>
      </c>
      <c r="B3449" s="5">
        <v>3522</v>
      </c>
      <c r="C3449" s="5" t="s">
        <v>2891</v>
      </c>
      <c r="D3449" s="5" t="s">
        <v>2892</v>
      </c>
      <c r="E3449" s="6">
        <v>13001</v>
      </c>
      <c r="F3449" s="5" t="s">
        <v>6911</v>
      </c>
      <c r="G3449" s="5" t="s">
        <v>6912</v>
      </c>
    </row>
    <row r="3450" spans="1:7">
      <c r="A3450" s="5" t="s">
        <v>7</v>
      </c>
      <c r="B3450" s="5">
        <v>3523</v>
      </c>
      <c r="C3450" s="5" t="s">
        <v>8</v>
      </c>
      <c r="D3450" s="5" t="s">
        <v>8</v>
      </c>
      <c r="E3450" s="6">
        <v>11001</v>
      </c>
      <c r="F3450" s="5" t="s">
        <v>6913</v>
      </c>
      <c r="G3450" s="5" t="s">
        <v>6914</v>
      </c>
    </row>
    <row r="3451" spans="1:7">
      <c r="A3451" s="5" t="s">
        <v>7</v>
      </c>
      <c r="B3451" s="5">
        <v>3524</v>
      </c>
      <c r="C3451" s="5" t="s">
        <v>8</v>
      </c>
      <c r="D3451" s="5" t="s">
        <v>8</v>
      </c>
      <c r="E3451" s="6">
        <v>11001</v>
      </c>
      <c r="F3451" s="5" t="s">
        <v>6915</v>
      </c>
      <c r="G3451" s="5" t="s">
        <v>6916</v>
      </c>
    </row>
    <row r="3452" spans="1:7">
      <c r="A3452" s="5" t="s">
        <v>7</v>
      </c>
      <c r="B3452" s="5">
        <v>3525</v>
      </c>
      <c r="C3452" s="5" t="s">
        <v>8</v>
      </c>
      <c r="D3452" s="5" t="s">
        <v>8</v>
      </c>
      <c r="E3452" s="6">
        <v>11001</v>
      </c>
      <c r="F3452" s="5" t="s">
        <v>6917</v>
      </c>
      <c r="G3452" s="5" t="s">
        <v>6918</v>
      </c>
    </row>
    <row r="3453" spans="1:7">
      <c r="A3453" s="5" t="s">
        <v>7</v>
      </c>
      <c r="B3453" s="5">
        <v>3526</v>
      </c>
      <c r="C3453" s="5" t="s">
        <v>8</v>
      </c>
      <c r="D3453" s="5" t="s">
        <v>8</v>
      </c>
      <c r="E3453" s="6">
        <v>11001</v>
      </c>
      <c r="F3453" s="5" t="s">
        <v>6919</v>
      </c>
      <c r="G3453" s="5" t="s">
        <v>6920</v>
      </c>
    </row>
    <row r="3454" spans="1:7">
      <c r="A3454" s="5" t="s">
        <v>7</v>
      </c>
      <c r="B3454" s="5">
        <v>3527</v>
      </c>
      <c r="C3454" s="5" t="s">
        <v>8</v>
      </c>
      <c r="D3454" s="5" t="s">
        <v>8</v>
      </c>
      <c r="E3454" s="6">
        <v>11001</v>
      </c>
      <c r="F3454" s="5" t="s">
        <v>6921</v>
      </c>
      <c r="G3454" s="5" t="s">
        <v>6922</v>
      </c>
    </row>
    <row r="3455" spans="1:7">
      <c r="A3455" s="5" t="s">
        <v>7</v>
      </c>
      <c r="B3455" s="5">
        <v>3528</v>
      </c>
      <c r="C3455" s="5" t="s">
        <v>8</v>
      </c>
      <c r="D3455" s="5" t="s">
        <v>8</v>
      </c>
      <c r="E3455" s="6">
        <v>11001</v>
      </c>
      <c r="F3455" s="5" t="s">
        <v>6923</v>
      </c>
      <c r="G3455" s="5" t="s">
        <v>6924</v>
      </c>
    </row>
    <row r="3456" spans="1:7">
      <c r="A3456" s="5" t="s">
        <v>7</v>
      </c>
      <c r="B3456" s="5">
        <v>3529</v>
      </c>
      <c r="C3456" s="5" t="s">
        <v>8</v>
      </c>
      <c r="D3456" s="5" t="s">
        <v>8</v>
      </c>
      <c r="E3456" s="6">
        <v>11001</v>
      </c>
      <c r="F3456" s="5" t="s">
        <v>6925</v>
      </c>
      <c r="G3456" s="5" t="s">
        <v>6926</v>
      </c>
    </row>
    <row r="3457" spans="1:7">
      <c r="A3457" s="5" t="s">
        <v>7</v>
      </c>
      <c r="B3457" s="5">
        <v>3530</v>
      </c>
      <c r="C3457" s="5" t="s">
        <v>8</v>
      </c>
      <c r="D3457" s="5" t="s">
        <v>8</v>
      </c>
      <c r="E3457" s="6">
        <v>11001</v>
      </c>
      <c r="F3457" s="5" t="s">
        <v>6927</v>
      </c>
      <c r="G3457" s="5" t="s">
        <v>6928</v>
      </c>
    </row>
    <row r="3458" spans="1:7">
      <c r="A3458" s="5" t="s">
        <v>7</v>
      </c>
      <c r="B3458" s="5">
        <v>3531</v>
      </c>
      <c r="C3458" s="5" t="s">
        <v>8</v>
      </c>
      <c r="D3458" s="5" t="s">
        <v>8</v>
      </c>
      <c r="E3458" s="6">
        <v>11001</v>
      </c>
      <c r="F3458" s="5" t="s">
        <v>6929</v>
      </c>
      <c r="G3458" s="5" t="s">
        <v>6930</v>
      </c>
    </row>
    <row r="3459" spans="1:7">
      <c r="A3459" s="5" t="s">
        <v>7</v>
      </c>
      <c r="B3459" s="5">
        <v>3532</v>
      </c>
      <c r="C3459" s="5" t="s">
        <v>8</v>
      </c>
      <c r="D3459" s="5" t="s">
        <v>8</v>
      </c>
      <c r="E3459" s="6">
        <v>11001</v>
      </c>
      <c r="F3459" s="5" t="s">
        <v>6931</v>
      </c>
      <c r="G3459" s="5" t="s">
        <v>6932</v>
      </c>
    </row>
    <row r="3460" spans="1:7">
      <c r="A3460" s="5" t="s">
        <v>7</v>
      </c>
      <c r="B3460" s="5">
        <v>3533</v>
      </c>
      <c r="C3460" s="5" t="s">
        <v>8</v>
      </c>
      <c r="D3460" s="5" t="s">
        <v>8</v>
      </c>
      <c r="E3460" s="6">
        <v>11001</v>
      </c>
      <c r="F3460" s="5" t="s">
        <v>6933</v>
      </c>
      <c r="G3460" s="5" t="s">
        <v>6934</v>
      </c>
    </row>
    <row r="3461" spans="1:7">
      <c r="A3461" s="5" t="s">
        <v>7</v>
      </c>
      <c r="B3461" s="5">
        <v>3534</v>
      </c>
      <c r="C3461" s="5" t="s">
        <v>4368</v>
      </c>
      <c r="D3461" s="5" t="s">
        <v>5909</v>
      </c>
      <c r="E3461" s="6">
        <v>15001</v>
      </c>
      <c r="F3461" s="5" t="s">
        <v>6935</v>
      </c>
      <c r="G3461" s="5" t="s">
        <v>6936</v>
      </c>
    </row>
    <row r="3462" spans="1:7">
      <c r="A3462" s="5" t="s">
        <v>7</v>
      </c>
      <c r="B3462" s="5">
        <v>3535</v>
      </c>
      <c r="C3462" s="5" t="s">
        <v>8</v>
      </c>
      <c r="D3462" s="5" t="s">
        <v>8</v>
      </c>
      <c r="E3462" s="6">
        <v>11001</v>
      </c>
      <c r="F3462" s="5" t="s">
        <v>6937</v>
      </c>
      <c r="G3462" s="5" t="s">
        <v>6938</v>
      </c>
    </row>
    <row r="3463" spans="1:7">
      <c r="A3463" s="5" t="s">
        <v>7</v>
      </c>
      <c r="B3463" s="5">
        <v>3536</v>
      </c>
      <c r="C3463" s="5" t="s">
        <v>4368</v>
      </c>
      <c r="D3463" s="5" t="s">
        <v>5909</v>
      </c>
      <c r="E3463" s="6">
        <v>15001</v>
      </c>
      <c r="F3463" s="5" t="s">
        <v>6939</v>
      </c>
      <c r="G3463" s="5" t="s">
        <v>6940</v>
      </c>
    </row>
    <row r="3464" spans="1:7">
      <c r="A3464" s="5" t="s">
        <v>7</v>
      </c>
      <c r="B3464" s="5">
        <v>3537</v>
      </c>
      <c r="C3464" s="5" t="s">
        <v>8</v>
      </c>
      <c r="D3464" s="5" t="s">
        <v>8</v>
      </c>
      <c r="E3464" s="6">
        <v>11001</v>
      </c>
      <c r="F3464" s="5" t="s">
        <v>6941</v>
      </c>
      <c r="G3464" s="5" t="s">
        <v>6942</v>
      </c>
    </row>
    <row r="3465" spans="1:7">
      <c r="A3465" s="5" t="s">
        <v>7</v>
      </c>
      <c r="B3465" s="5">
        <v>3538</v>
      </c>
      <c r="C3465" s="5" t="s">
        <v>8</v>
      </c>
      <c r="D3465" s="5" t="s">
        <v>8</v>
      </c>
      <c r="E3465" s="6">
        <v>11001</v>
      </c>
      <c r="F3465" s="5" t="s">
        <v>6943</v>
      </c>
      <c r="G3465" s="5" t="s">
        <v>6944</v>
      </c>
    </row>
    <row r="3466" spans="1:7">
      <c r="A3466" s="5" t="s">
        <v>7</v>
      </c>
      <c r="B3466" s="5">
        <v>3539</v>
      </c>
      <c r="C3466" s="5" t="s">
        <v>8</v>
      </c>
      <c r="D3466" s="5" t="s">
        <v>8</v>
      </c>
      <c r="E3466" s="6">
        <v>11001</v>
      </c>
      <c r="F3466" s="5" t="s">
        <v>6945</v>
      </c>
      <c r="G3466" s="5" t="s">
        <v>6946</v>
      </c>
    </row>
    <row r="3467" spans="1:7">
      <c r="A3467" s="5" t="s">
        <v>7</v>
      </c>
      <c r="B3467" s="5">
        <v>3540</v>
      </c>
      <c r="C3467" s="5" t="s">
        <v>8</v>
      </c>
      <c r="D3467" s="5" t="s">
        <v>8</v>
      </c>
      <c r="E3467" s="6">
        <v>11001</v>
      </c>
      <c r="F3467" s="5" t="s">
        <v>5165</v>
      </c>
      <c r="G3467" s="5" t="s">
        <v>6947</v>
      </c>
    </row>
    <row r="3468" spans="1:7">
      <c r="A3468" s="5" t="s">
        <v>7</v>
      </c>
      <c r="B3468" s="5">
        <v>3541</v>
      </c>
      <c r="C3468" s="5" t="s">
        <v>8</v>
      </c>
      <c r="D3468" s="5" t="s">
        <v>8</v>
      </c>
      <c r="E3468" s="6">
        <v>11001</v>
      </c>
      <c r="F3468" s="5" t="s">
        <v>6948</v>
      </c>
      <c r="G3468" s="5" t="s">
        <v>6949</v>
      </c>
    </row>
    <row r="3469" spans="1:7">
      <c r="A3469" s="5" t="s">
        <v>7</v>
      </c>
      <c r="B3469" s="5">
        <v>3542</v>
      </c>
      <c r="C3469" s="5" t="s">
        <v>8</v>
      </c>
      <c r="D3469" s="5" t="s">
        <v>8</v>
      </c>
      <c r="E3469" s="6">
        <v>11001</v>
      </c>
      <c r="F3469" s="5" t="s">
        <v>6950</v>
      </c>
      <c r="G3469" s="5" t="s">
        <v>6951</v>
      </c>
    </row>
    <row r="3470" spans="1:7">
      <c r="A3470" s="5" t="s">
        <v>7</v>
      </c>
      <c r="B3470" s="5">
        <v>3543</v>
      </c>
      <c r="C3470" s="5" t="s">
        <v>813</v>
      </c>
      <c r="D3470" s="5" t="s">
        <v>6952</v>
      </c>
      <c r="E3470" s="6">
        <v>25035</v>
      </c>
      <c r="F3470" s="5" t="s">
        <v>6953</v>
      </c>
      <c r="G3470" s="5" t="s">
        <v>6954</v>
      </c>
    </row>
    <row r="3471" spans="1:7">
      <c r="A3471" s="5" t="s">
        <v>7</v>
      </c>
      <c r="B3471" s="5">
        <v>3544</v>
      </c>
      <c r="C3471" s="5" t="s">
        <v>8</v>
      </c>
      <c r="D3471" s="5" t="s">
        <v>8</v>
      </c>
      <c r="E3471" s="6">
        <v>11001</v>
      </c>
      <c r="F3471" s="5" t="s">
        <v>6955</v>
      </c>
      <c r="G3471" s="5" t="s">
        <v>6956</v>
      </c>
    </row>
    <row r="3472" spans="1:7">
      <c r="A3472" s="5" t="s">
        <v>7</v>
      </c>
      <c r="B3472" s="5">
        <v>3545</v>
      </c>
      <c r="C3472" s="5" t="s">
        <v>3306</v>
      </c>
      <c r="D3472" s="5" t="s">
        <v>4967</v>
      </c>
      <c r="E3472" s="6">
        <v>50313</v>
      </c>
      <c r="F3472" s="5" t="s">
        <v>6957</v>
      </c>
      <c r="G3472" s="5" t="s">
        <v>6958</v>
      </c>
    </row>
    <row r="3473" spans="1:7">
      <c r="A3473" s="5" t="s">
        <v>7</v>
      </c>
      <c r="B3473" s="5">
        <v>3546</v>
      </c>
      <c r="C3473" s="5" t="s">
        <v>8</v>
      </c>
      <c r="D3473" s="5" t="s">
        <v>8</v>
      </c>
      <c r="E3473" s="6">
        <v>11001</v>
      </c>
      <c r="F3473" s="5" t="s">
        <v>6959</v>
      </c>
      <c r="G3473" s="5" t="s">
        <v>6960</v>
      </c>
    </row>
    <row r="3474" spans="1:7">
      <c r="A3474" s="5" t="s">
        <v>7</v>
      </c>
      <c r="B3474" s="5">
        <v>3547</v>
      </c>
      <c r="C3474" s="5" t="s">
        <v>8</v>
      </c>
      <c r="D3474" s="5" t="s">
        <v>8</v>
      </c>
      <c r="E3474" s="6">
        <v>11001</v>
      </c>
      <c r="F3474" s="5" t="s">
        <v>6961</v>
      </c>
      <c r="G3474" s="5" t="s">
        <v>6962</v>
      </c>
    </row>
    <row r="3475" spans="1:7">
      <c r="A3475" s="5" t="s">
        <v>7</v>
      </c>
      <c r="B3475" s="5">
        <v>3548</v>
      </c>
      <c r="C3475" s="5" t="s">
        <v>8</v>
      </c>
      <c r="D3475" s="5" t="s">
        <v>8</v>
      </c>
      <c r="E3475" s="6">
        <v>11001</v>
      </c>
      <c r="F3475" s="5" t="s">
        <v>6963</v>
      </c>
      <c r="G3475" s="5" t="s">
        <v>6964</v>
      </c>
    </row>
    <row r="3476" spans="1:7">
      <c r="A3476" s="5" t="s">
        <v>7</v>
      </c>
      <c r="B3476" s="5">
        <v>3549</v>
      </c>
      <c r="C3476" s="5" t="s">
        <v>8</v>
      </c>
      <c r="D3476" s="5" t="s">
        <v>8</v>
      </c>
      <c r="E3476" s="6">
        <v>11001</v>
      </c>
      <c r="F3476" s="5" t="s">
        <v>6965</v>
      </c>
      <c r="G3476" s="5" t="s">
        <v>6966</v>
      </c>
    </row>
    <row r="3477" spans="1:7">
      <c r="A3477" s="5" t="s">
        <v>7</v>
      </c>
      <c r="B3477" s="5">
        <v>3550</v>
      </c>
      <c r="C3477" s="5" t="s">
        <v>4368</v>
      </c>
      <c r="D3477" s="5" t="s">
        <v>6967</v>
      </c>
      <c r="E3477" s="6">
        <v>15299</v>
      </c>
      <c r="F3477" s="5" t="s">
        <v>6968</v>
      </c>
      <c r="G3477" s="5" t="s">
        <v>6969</v>
      </c>
    </row>
    <row r="3478" spans="1:7">
      <c r="A3478" s="5" t="s">
        <v>7</v>
      </c>
      <c r="B3478" s="5">
        <v>3551</v>
      </c>
      <c r="C3478" s="5" t="s">
        <v>8</v>
      </c>
      <c r="D3478" s="5" t="s">
        <v>8</v>
      </c>
      <c r="E3478" s="6">
        <v>11001</v>
      </c>
      <c r="F3478" s="5" t="s">
        <v>6970</v>
      </c>
      <c r="G3478" s="5" t="s">
        <v>6971</v>
      </c>
    </row>
    <row r="3479" spans="1:7">
      <c r="A3479" s="5" t="s">
        <v>7</v>
      </c>
      <c r="B3479" s="5">
        <v>3552</v>
      </c>
      <c r="C3479" s="5" t="s">
        <v>8</v>
      </c>
      <c r="D3479" s="5" t="s">
        <v>8</v>
      </c>
      <c r="E3479" s="6">
        <v>11001</v>
      </c>
      <c r="F3479" s="5" t="s">
        <v>6972</v>
      </c>
      <c r="G3479" s="5" t="s">
        <v>6973</v>
      </c>
    </row>
    <row r="3480" spans="1:7">
      <c r="A3480" s="5" t="s">
        <v>7</v>
      </c>
      <c r="B3480" s="5">
        <v>3553</v>
      </c>
      <c r="C3480" s="5" t="s">
        <v>8</v>
      </c>
      <c r="D3480" s="5" t="s">
        <v>8</v>
      </c>
      <c r="E3480" s="6">
        <v>11001</v>
      </c>
      <c r="F3480" s="5" t="s">
        <v>6974</v>
      </c>
      <c r="G3480" s="5" t="s">
        <v>6975</v>
      </c>
    </row>
    <row r="3481" spans="1:7">
      <c r="A3481" s="5" t="s">
        <v>7</v>
      </c>
      <c r="B3481" s="5">
        <v>3554</v>
      </c>
      <c r="C3481" s="5" t="s">
        <v>8</v>
      </c>
      <c r="D3481" s="5" t="s">
        <v>8</v>
      </c>
      <c r="E3481" s="6">
        <v>11001</v>
      </c>
      <c r="F3481" s="5" t="s">
        <v>6976</v>
      </c>
      <c r="G3481" s="5" t="s">
        <v>6977</v>
      </c>
    </row>
    <row r="3482" spans="1:7">
      <c r="A3482" s="5" t="s">
        <v>7</v>
      </c>
      <c r="B3482" s="5">
        <v>3555</v>
      </c>
      <c r="C3482" s="5" t="s">
        <v>8</v>
      </c>
      <c r="D3482" s="5" t="s">
        <v>8</v>
      </c>
      <c r="E3482" s="6">
        <v>11001</v>
      </c>
      <c r="F3482" s="5" t="s">
        <v>6978</v>
      </c>
      <c r="G3482" s="5" t="s">
        <v>6979</v>
      </c>
    </row>
    <row r="3483" spans="1:7">
      <c r="A3483" s="5" t="s">
        <v>7</v>
      </c>
      <c r="B3483" s="5">
        <v>3556</v>
      </c>
      <c r="C3483" s="5" t="s">
        <v>813</v>
      </c>
      <c r="D3483" s="5" t="s">
        <v>2755</v>
      </c>
      <c r="E3483" s="6">
        <v>25473</v>
      </c>
      <c r="F3483" s="5" t="s">
        <v>6980</v>
      </c>
      <c r="G3483" s="5" t="s">
        <v>6981</v>
      </c>
    </row>
    <row r="3484" spans="1:7">
      <c r="A3484" s="5" t="s">
        <v>7</v>
      </c>
      <c r="B3484" s="5">
        <v>3557</v>
      </c>
      <c r="C3484" s="5" t="s">
        <v>8</v>
      </c>
      <c r="D3484" s="5" t="s">
        <v>8</v>
      </c>
      <c r="E3484" s="6">
        <v>11001</v>
      </c>
      <c r="F3484" s="5" t="s">
        <v>6982</v>
      </c>
      <c r="G3484" s="5" t="s">
        <v>6983</v>
      </c>
    </row>
    <row r="3485" spans="1:7">
      <c r="A3485" s="5" t="s">
        <v>7</v>
      </c>
      <c r="B3485" s="5">
        <v>3558</v>
      </c>
      <c r="C3485" s="5" t="s">
        <v>8</v>
      </c>
      <c r="D3485" s="5" t="s">
        <v>8</v>
      </c>
      <c r="E3485" s="6">
        <v>11001</v>
      </c>
      <c r="F3485" s="5" t="s">
        <v>6984</v>
      </c>
      <c r="G3485" s="5" t="s">
        <v>6985</v>
      </c>
    </row>
    <row r="3486" spans="1:7">
      <c r="A3486" s="5" t="s">
        <v>7</v>
      </c>
      <c r="B3486" s="5">
        <v>3559</v>
      </c>
      <c r="C3486" s="5" t="s">
        <v>8</v>
      </c>
      <c r="D3486" s="5" t="s">
        <v>8</v>
      </c>
      <c r="E3486" s="6">
        <v>11001</v>
      </c>
      <c r="F3486" s="5" t="s">
        <v>6986</v>
      </c>
      <c r="G3486" s="5" t="s">
        <v>6987</v>
      </c>
    </row>
    <row r="3487" spans="1:7">
      <c r="A3487" s="5" t="s">
        <v>7</v>
      </c>
      <c r="B3487" s="5">
        <v>3560</v>
      </c>
      <c r="C3487" s="5" t="s">
        <v>8</v>
      </c>
      <c r="D3487" s="5" t="s">
        <v>8</v>
      </c>
      <c r="E3487" s="6">
        <v>11001</v>
      </c>
      <c r="F3487" s="5" t="s">
        <v>6988</v>
      </c>
      <c r="G3487" s="5" t="s">
        <v>6989</v>
      </c>
    </row>
    <row r="3488" spans="1:7">
      <c r="A3488" s="5" t="s">
        <v>7</v>
      </c>
      <c r="B3488" s="5">
        <v>3561</v>
      </c>
      <c r="C3488" s="5" t="s">
        <v>8</v>
      </c>
      <c r="D3488" s="5" t="s">
        <v>8</v>
      </c>
      <c r="E3488" s="6">
        <v>11001</v>
      </c>
      <c r="F3488" s="5" t="s">
        <v>6990</v>
      </c>
      <c r="G3488" s="5" t="s">
        <v>6991</v>
      </c>
    </row>
    <row r="3489" spans="1:7">
      <c r="A3489" s="5" t="s">
        <v>7</v>
      </c>
      <c r="B3489" s="5">
        <v>3562</v>
      </c>
      <c r="C3489" s="5" t="s">
        <v>8</v>
      </c>
      <c r="D3489" s="5" t="s">
        <v>8</v>
      </c>
      <c r="E3489" s="6">
        <v>11001</v>
      </c>
      <c r="F3489" s="5" t="s">
        <v>6992</v>
      </c>
      <c r="G3489" s="5" t="s">
        <v>6993</v>
      </c>
    </row>
    <row r="3490" spans="1:7">
      <c r="A3490" s="5" t="s">
        <v>7</v>
      </c>
      <c r="B3490" s="5">
        <v>3563</v>
      </c>
      <c r="C3490" s="5" t="s">
        <v>2891</v>
      </c>
      <c r="D3490" s="5" t="s">
        <v>2892</v>
      </c>
      <c r="E3490" s="6">
        <v>13001</v>
      </c>
      <c r="F3490" s="5" t="s">
        <v>6994</v>
      </c>
      <c r="G3490" s="5" t="s">
        <v>6995</v>
      </c>
    </row>
    <row r="3491" spans="1:7">
      <c r="A3491" s="5" t="s">
        <v>7</v>
      </c>
      <c r="B3491" s="5">
        <v>3564</v>
      </c>
      <c r="C3491" s="5" t="s">
        <v>3306</v>
      </c>
      <c r="D3491" s="5" t="s">
        <v>4967</v>
      </c>
      <c r="E3491" s="6">
        <v>50313</v>
      </c>
      <c r="F3491" s="5" t="s">
        <v>6996</v>
      </c>
      <c r="G3491" s="5" t="s">
        <v>6997</v>
      </c>
    </row>
    <row r="3492" spans="1:7">
      <c r="A3492" s="5" t="s">
        <v>7</v>
      </c>
      <c r="B3492" s="5">
        <v>3565</v>
      </c>
      <c r="C3492" s="5" t="s">
        <v>8</v>
      </c>
      <c r="D3492" s="5" t="s">
        <v>8</v>
      </c>
      <c r="E3492" s="6">
        <v>11001</v>
      </c>
      <c r="F3492" s="5" t="s">
        <v>6998</v>
      </c>
      <c r="G3492" s="5" t="s">
        <v>6999</v>
      </c>
    </row>
    <row r="3493" spans="1:7">
      <c r="A3493" s="5" t="s">
        <v>7</v>
      </c>
      <c r="B3493" s="5">
        <v>3566</v>
      </c>
      <c r="C3493" s="5" t="s">
        <v>8</v>
      </c>
      <c r="D3493" s="5" t="s">
        <v>8</v>
      </c>
      <c r="E3493" s="6">
        <v>11001</v>
      </c>
      <c r="F3493" s="5" t="s">
        <v>2129</v>
      </c>
      <c r="G3493" s="5" t="s">
        <v>7000</v>
      </c>
    </row>
    <row r="3494" spans="1:7">
      <c r="A3494" s="5" t="s">
        <v>7</v>
      </c>
      <c r="B3494" s="5">
        <v>3567</v>
      </c>
      <c r="C3494" s="5" t="s">
        <v>8</v>
      </c>
      <c r="D3494" s="5" t="s">
        <v>8</v>
      </c>
      <c r="E3494" s="6">
        <v>11001</v>
      </c>
      <c r="F3494" s="5" t="s">
        <v>7001</v>
      </c>
      <c r="G3494" s="5" t="s">
        <v>7002</v>
      </c>
    </row>
    <row r="3495" spans="1:7">
      <c r="A3495" s="5" t="s">
        <v>7</v>
      </c>
      <c r="B3495" s="5">
        <v>3568</v>
      </c>
      <c r="C3495" s="5" t="s">
        <v>8</v>
      </c>
      <c r="D3495" s="5" t="s">
        <v>8</v>
      </c>
      <c r="E3495" s="6">
        <v>11001</v>
      </c>
      <c r="F3495" s="5" t="s">
        <v>7003</v>
      </c>
      <c r="G3495" s="5" t="s">
        <v>7004</v>
      </c>
    </row>
    <row r="3496" spans="1:7">
      <c r="A3496" s="5" t="s">
        <v>7</v>
      </c>
      <c r="B3496" s="5">
        <v>3569</v>
      </c>
      <c r="C3496" s="5" t="s">
        <v>8</v>
      </c>
      <c r="D3496" s="5" t="s">
        <v>8</v>
      </c>
      <c r="E3496" s="6">
        <v>11001</v>
      </c>
      <c r="F3496" s="5" t="s">
        <v>7005</v>
      </c>
      <c r="G3496" s="5" t="s">
        <v>7006</v>
      </c>
    </row>
    <row r="3497" spans="1:7">
      <c r="A3497" s="5" t="s">
        <v>7</v>
      </c>
      <c r="B3497" s="5">
        <v>3570</v>
      </c>
      <c r="C3497" s="5" t="s">
        <v>8</v>
      </c>
      <c r="D3497" s="5" t="s">
        <v>8</v>
      </c>
      <c r="E3497" s="6">
        <v>11001</v>
      </c>
      <c r="F3497" s="5" t="s">
        <v>7007</v>
      </c>
      <c r="G3497" s="5" t="s">
        <v>7008</v>
      </c>
    </row>
    <row r="3498" spans="1:7">
      <c r="A3498" s="5" t="s">
        <v>7</v>
      </c>
      <c r="B3498" s="5">
        <v>3571</v>
      </c>
      <c r="C3498" s="5" t="s">
        <v>2891</v>
      </c>
      <c r="D3498" s="5" t="s">
        <v>2892</v>
      </c>
      <c r="E3498" s="6">
        <v>13001</v>
      </c>
      <c r="F3498" s="5" t="s">
        <v>7009</v>
      </c>
      <c r="G3498" s="5" t="s">
        <v>7010</v>
      </c>
    </row>
    <row r="3499" spans="1:7">
      <c r="A3499" s="5" t="s">
        <v>7</v>
      </c>
      <c r="B3499" s="5">
        <v>3572</v>
      </c>
      <c r="C3499" s="5" t="s">
        <v>8</v>
      </c>
      <c r="D3499" s="5" t="s">
        <v>8</v>
      </c>
      <c r="E3499" s="6">
        <v>11001</v>
      </c>
      <c r="F3499" s="5" t="s">
        <v>7011</v>
      </c>
      <c r="G3499" s="5" t="s">
        <v>7012</v>
      </c>
    </row>
    <row r="3500" spans="1:7">
      <c r="A3500" s="5" t="s">
        <v>7</v>
      </c>
      <c r="B3500" s="5">
        <v>3573</v>
      </c>
      <c r="C3500" s="5" t="s">
        <v>8</v>
      </c>
      <c r="D3500" s="5" t="s">
        <v>8</v>
      </c>
      <c r="E3500" s="6">
        <v>11001</v>
      </c>
      <c r="F3500" s="5" t="s">
        <v>7013</v>
      </c>
      <c r="G3500" s="5" t="s">
        <v>7014</v>
      </c>
    </row>
    <row r="3501" spans="1:7">
      <c r="A3501" s="5" t="s">
        <v>7</v>
      </c>
      <c r="B3501" s="5">
        <v>3574</v>
      </c>
      <c r="C3501" s="5" t="s">
        <v>8</v>
      </c>
      <c r="D3501" s="5" t="s">
        <v>8</v>
      </c>
      <c r="E3501" s="6">
        <v>11001</v>
      </c>
      <c r="F3501" s="5" t="s">
        <v>7015</v>
      </c>
      <c r="G3501" s="5" t="s">
        <v>7016</v>
      </c>
    </row>
    <row r="3502" spans="1:7">
      <c r="A3502" s="5" t="s">
        <v>7</v>
      </c>
      <c r="B3502" s="5">
        <v>3575</v>
      </c>
      <c r="C3502" s="5" t="s">
        <v>8</v>
      </c>
      <c r="D3502" s="5" t="s">
        <v>8</v>
      </c>
      <c r="E3502" s="6">
        <v>11001</v>
      </c>
      <c r="F3502" s="5" t="s">
        <v>7017</v>
      </c>
      <c r="G3502" s="5" t="s">
        <v>7018</v>
      </c>
    </row>
    <row r="3503" spans="1:7">
      <c r="A3503" s="5" t="s">
        <v>7</v>
      </c>
      <c r="B3503" s="5">
        <v>3576</v>
      </c>
      <c r="C3503" s="5" t="s">
        <v>8</v>
      </c>
      <c r="D3503" s="5" t="s">
        <v>8</v>
      </c>
      <c r="E3503" s="6">
        <v>11001</v>
      </c>
      <c r="F3503" s="5" t="s">
        <v>7019</v>
      </c>
      <c r="G3503" s="5" t="s">
        <v>7020</v>
      </c>
    </row>
    <row r="3504" spans="1:7">
      <c r="A3504" s="5" t="s">
        <v>7</v>
      </c>
      <c r="B3504" s="5">
        <v>3577</v>
      </c>
      <c r="C3504" s="5" t="s">
        <v>8</v>
      </c>
      <c r="D3504" s="5" t="s">
        <v>8</v>
      </c>
      <c r="E3504" s="6">
        <v>11001</v>
      </c>
      <c r="F3504" s="5" t="s">
        <v>7021</v>
      </c>
      <c r="G3504" s="5" t="s">
        <v>7022</v>
      </c>
    </row>
    <row r="3505" spans="1:7">
      <c r="A3505" s="5" t="s">
        <v>7</v>
      </c>
      <c r="B3505" s="5">
        <v>3578</v>
      </c>
      <c r="C3505" s="5" t="s">
        <v>2891</v>
      </c>
      <c r="D3505" s="5" t="s">
        <v>2892</v>
      </c>
      <c r="E3505" s="6">
        <v>13001</v>
      </c>
      <c r="F3505" s="5" t="s">
        <v>7023</v>
      </c>
      <c r="G3505" s="5" t="s">
        <v>7024</v>
      </c>
    </row>
    <row r="3506" spans="1:7">
      <c r="A3506" s="5" t="s">
        <v>7</v>
      </c>
      <c r="B3506" s="5">
        <v>3579</v>
      </c>
      <c r="C3506" s="5" t="s">
        <v>2891</v>
      </c>
      <c r="D3506" s="5" t="s">
        <v>2892</v>
      </c>
      <c r="E3506" s="6">
        <v>13001</v>
      </c>
      <c r="F3506" s="5" t="s">
        <v>7025</v>
      </c>
      <c r="G3506" s="5" t="s">
        <v>7026</v>
      </c>
    </row>
    <row r="3507" spans="1:7">
      <c r="A3507" s="5" t="s">
        <v>7</v>
      </c>
      <c r="B3507" s="5">
        <v>3580</v>
      </c>
      <c r="C3507" s="5" t="s">
        <v>8</v>
      </c>
      <c r="D3507" s="5" t="s">
        <v>8</v>
      </c>
      <c r="E3507" s="6">
        <v>11001</v>
      </c>
      <c r="F3507" s="5" t="s">
        <v>7027</v>
      </c>
      <c r="G3507" s="5" t="s">
        <v>7028</v>
      </c>
    </row>
    <row r="3508" spans="1:7">
      <c r="A3508" s="5" t="s">
        <v>7</v>
      </c>
      <c r="B3508" s="5">
        <v>3581</v>
      </c>
      <c r="C3508" s="5" t="s">
        <v>8</v>
      </c>
      <c r="D3508" s="5" t="s">
        <v>8</v>
      </c>
      <c r="E3508" s="6">
        <v>11001</v>
      </c>
      <c r="F3508" s="5" t="s">
        <v>7029</v>
      </c>
      <c r="G3508" s="5" t="s">
        <v>7030</v>
      </c>
    </row>
    <row r="3509" spans="1:7">
      <c r="A3509" s="5" t="s">
        <v>7</v>
      </c>
      <c r="B3509" s="5">
        <v>3582</v>
      </c>
      <c r="C3509" s="5" t="s">
        <v>4368</v>
      </c>
      <c r="D3509" s="5" t="s">
        <v>4520</v>
      </c>
      <c r="E3509" s="6">
        <v>15759</v>
      </c>
      <c r="F3509" s="5" t="s">
        <v>7031</v>
      </c>
      <c r="G3509" s="5" t="s">
        <v>7032</v>
      </c>
    </row>
    <row r="3510" spans="1:7">
      <c r="A3510" s="5" t="s">
        <v>7</v>
      </c>
      <c r="B3510" s="5">
        <v>3583</v>
      </c>
      <c r="C3510" s="5" t="s">
        <v>813</v>
      </c>
      <c r="D3510" s="5" t="s">
        <v>814</v>
      </c>
      <c r="E3510" s="6">
        <v>25754</v>
      </c>
      <c r="F3510" s="5" t="s">
        <v>7033</v>
      </c>
      <c r="G3510" s="5" t="s">
        <v>7034</v>
      </c>
    </row>
    <row r="3511" spans="1:7">
      <c r="A3511" s="5" t="s">
        <v>7</v>
      </c>
      <c r="B3511" s="5">
        <v>3584</v>
      </c>
      <c r="C3511" s="5" t="s">
        <v>4368</v>
      </c>
      <c r="D3511" s="5" t="s">
        <v>4520</v>
      </c>
      <c r="E3511" s="6">
        <v>15759</v>
      </c>
      <c r="F3511" s="5" t="s">
        <v>7035</v>
      </c>
      <c r="G3511" s="5" t="s">
        <v>7036</v>
      </c>
    </row>
    <row r="3512" spans="1:7">
      <c r="A3512" s="5" t="s">
        <v>7</v>
      </c>
      <c r="B3512" s="5">
        <v>3585</v>
      </c>
      <c r="C3512" s="5" t="s">
        <v>8</v>
      </c>
      <c r="D3512" s="5" t="s">
        <v>8</v>
      </c>
      <c r="E3512" s="6">
        <v>11001</v>
      </c>
      <c r="F3512" s="5" t="s">
        <v>7037</v>
      </c>
      <c r="G3512" s="5" t="s">
        <v>7038</v>
      </c>
    </row>
    <row r="3513" spans="1:7">
      <c r="A3513" s="5" t="s">
        <v>7</v>
      </c>
      <c r="B3513" s="5">
        <v>3586</v>
      </c>
      <c r="C3513" s="5" t="s">
        <v>8</v>
      </c>
      <c r="D3513" s="5" t="s">
        <v>8</v>
      </c>
      <c r="E3513" s="6">
        <v>11001</v>
      </c>
      <c r="F3513" s="5" t="s">
        <v>7039</v>
      </c>
      <c r="G3513" s="5" t="s">
        <v>7040</v>
      </c>
    </row>
    <row r="3514" spans="1:7">
      <c r="A3514" s="5" t="s">
        <v>7</v>
      </c>
      <c r="B3514" s="5">
        <v>3587</v>
      </c>
      <c r="C3514" s="5" t="s">
        <v>813</v>
      </c>
      <c r="D3514" s="5" t="s">
        <v>6952</v>
      </c>
      <c r="E3514" s="6">
        <v>25035</v>
      </c>
      <c r="F3514" s="5" t="s">
        <v>7041</v>
      </c>
      <c r="G3514" s="5" t="s">
        <v>7042</v>
      </c>
    </row>
    <row r="3515" spans="1:7">
      <c r="A3515" s="5" t="s">
        <v>7</v>
      </c>
      <c r="B3515" s="5">
        <v>3588</v>
      </c>
      <c r="C3515" s="5" t="s">
        <v>813</v>
      </c>
      <c r="D3515" s="5" t="s">
        <v>6758</v>
      </c>
      <c r="E3515" s="6">
        <v>25658</v>
      </c>
      <c r="F3515" s="5" t="s">
        <v>7043</v>
      </c>
      <c r="G3515" s="5" t="s">
        <v>7044</v>
      </c>
    </row>
    <row r="3516" spans="1:7">
      <c r="A3516" s="5" t="s">
        <v>7</v>
      </c>
      <c r="B3516" s="5">
        <v>3589</v>
      </c>
      <c r="C3516" s="5" t="s">
        <v>8</v>
      </c>
      <c r="D3516" s="5" t="s">
        <v>8</v>
      </c>
      <c r="E3516" s="6">
        <v>11001</v>
      </c>
      <c r="F3516" s="5" t="s">
        <v>7045</v>
      </c>
      <c r="G3516" s="5" t="s">
        <v>7046</v>
      </c>
    </row>
    <row r="3517" spans="1:7">
      <c r="A3517" s="5" t="s">
        <v>7</v>
      </c>
      <c r="B3517" s="5">
        <v>3590</v>
      </c>
      <c r="C3517" s="5" t="s">
        <v>8</v>
      </c>
      <c r="D3517" s="5" t="s">
        <v>8</v>
      </c>
      <c r="E3517" s="6">
        <v>11001</v>
      </c>
      <c r="F3517" s="5" t="s">
        <v>7047</v>
      </c>
      <c r="G3517" s="5" t="s">
        <v>7048</v>
      </c>
    </row>
    <row r="3518" spans="1:7">
      <c r="A3518" s="5" t="s">
        <v>7</v>
      </c>
      <c r="B3518" s="5">
        <v>3591</v>
      </c>
      <c r="C3518" s="5" t="s">
        <v>8</v>
      </c>
      <c r="D3518" s="5" t="s">
        <v>8</v>
      </c>
      <c r="E3518" s="6">
        <v>11001</v>
      </c>
      <c r="F3518" s="5" t="s">
        <v>7049</v>
      </c>
      <c r="G3518" s="5" t="s">
        <v>7050</v>
      </c>
    </row>
    <row r="3519" spans="1:7">
      <c r="A3519" s="5" t="s">
        <v>7</v>
      </c>
      <c r="B3519" s="5">
        <v>3592</v>
      </c>
      <c r="C3519" s="5" t="s">
        <v>2891</v>
      </c>
      <c r="D3519" s="5" t="s">
        <v>2892</v>
      </c>
      <c r="E3519" s="6">
        <v>13001</v>
      </c>
      <c r="F3519" s="5" t="s">
        <v>7051</v>
      </c>
      <c r="G3519" s="5" t="s">
        <v>7052</v>
      </c>
    </row>
    <row r="3520" spans="1:7">
      <c r="A3520" s="5" t="s">
        <v>7</v>
      </c>
      <c r="B3520" s="5">
        <v>3593</v>
      </c>
      <c r="C3520" s="5" t="s">
        <v>8</v>
      </c>
      <c r="D3520" s="5" t="s">
        <v>8</v>
      </c>
      <c r="E3520" s="6">
        <v>11001</v>
      </c>
      <c r="F3520" s="5" t="s">
        <v>7053</v>
      </c>
      <c r="G3520" s="5" t="s">
        <v>7054</v>
      </c>
    </row>
    <row r="3521" spans="1:7">
      <c r="A3521" s="5" t="s">
        <v>7</v>
      </c>
      <c r="B3521" s="5">
        <v>3594</v>
      </c>
      <c r="C3521" s="5" t="s">
        <v>8</v>
      </c>
      <c r="D3521" s="5" t="s">
        <v>8</v>
      </c>
      <c r="E3521" s="6">
        <v>11001</v>
      </c>
      <c r="F3521" s="5" t="s">
        <v>7055</v>
      </c>
      <c r="G3521" s="5" t="s">
        <v>7056</v>
      </c>
    </row>
    <row r="3522" spans="1:7">
      <c r="A3522" s="5" t="s">
        <v>7</v>
      </c>
      <c r="B3522" s="5">
        <v>3595</v>
      </c>
      <c r="C3522" s="5" t="s">
        <v>8</v>
      </c>
      <c r="D3522" s="5" t="s">
        <v>8</v>
      </c>
      <c r="E3522" s="6">
        <v>11001</v>
      </c>
      <c r="F3522" s="5" t="s">
        <v>7057</v>
      </c>
      <c r="G3522" s="5" t="s">
        <v>7058</v>
      </c>
    </row>
    <row r="3523" spans="1:7">
      <c r="A3523" s="5" t="s">
        <v>7</v>
      </c>
      <c r="B3523" s="5">
        <v>3596</v>
      </c>
      <c r="C3523" s="5" t="s">
        <v>8</v>
      </c>
      <c r="D3523" s="5" t="s">
        <v>8</v>
      </c>
      <c r="E3523" s="6">
        <v>11001</v>
      </c>
      <c r="F3523" s="5" t="s">
        <v>7059</v>
      </c>
      <c r="G3523" s="5" t="s">
        <v>7060</v>
      </c>
    </row>
    <row r="3524" spans="1:7">
      <c r="A3524" s="5" t="s">
        <v>7</v>
      </c>
      <c r="B3524" s="5">
        <v>3597</v>
      </c>
      <c r="C3524" s="5" t="s">
        <v>8</v>
      </c>
      <c r="D3524" s="5" t="s">
        <v>8</v>
      </c>
      <c r="E3524" s="6">
        <v>11001</v>
      </c>
      <c r="F3524" s="5" t="s">
        <v>7061</v>
      </c>
      <c r="G3524" s="5" t="s">
        <v>7062</v>
      </c>
    </row>
    <row r="3525" spans="1:7">
      <c r="A3525" s="5" t="s">
        <v>7</v>
      </c>
      <c r="B3525" s="5">
        <v>3598</v>
      </c>
      <c r="C3525" s="5" t="s">
        <v>4368</v>
      </c>
      <c r="D3525" s="5" t="s">
        <v>4520</v>
      </c>
      <c r="E3525" s="6">
        <v>15759</v>
      </c>
      <c r="F3525" s="5" t="s">
        <v>7063</v>
      </c>
      <c r="G3525" s="5" t="s">
        <v>7064</v>
      </c>
    </row>
    <row r="3526" spans="1:7">
      <c r="A3526" s="5" t="s">
        <v>7</v>
      </c>
      <c r="B3526" s="5">
        <v>3599</v>
      </c>
      <c r="C3526" s="5" t="s">
        <v>8</v>
      </c>
      <c r="D3526" s="5" t="s">
        <v>8</v>
      </c>
      <c r="E3526" s="6">
        <v>11001</v>
      </c>
      <c r="F3526" s="5" t="s">
        <v>7065</v>
      </c>
      <c r="G3526" s="5" t="s">
        <v>7066</v>
      </c>
    </row>
    <row r="3527" spans="1:7">
      <c r="A3527" s="5" t="s">
        <v>7</v>
      </c>
      <c r="B3527" s="5">
        <v>3600</v>
      </c>
      <c r="C3527" s="5" t="s">
        <v>8</v>
      </c>
      <c r="D3527" s="5" t="s">
        <v>8</v>
      </c>
      <c r="E3527" s="6">
        <v>11001</v>
      </c>
      <c r="F3527" s="5" t="s">
        <v>7067</v>
      </c>
      <c r="G3527" s="5" t="s">
        <v>7068</v>
      </c>
    </row>
    <row r="3528" spans="1:7">
      <c r="A3528" s="5" t="s">
        <v>7</v>
      </c>
      <c r="B3528" s="5">
        <v>3601</v>
      </c>
      <c r="C3528" s="5" t="s">
        <v>4368</v>
      </c>
      <c r="D3528" s="5" t="s">
        <v>7069</v>
      </c>
      <c r="E3528" s="6">
        <v>15272</v>
      </c>
      <c r="F3528" s="5" t="s">
        <v>7070</v>
      </c>
      <c r="G3528" s="5" t="s">
        <v>7071</v>
      </c>
    </row>
    <row r="3529" spans="1:7">
      <c r="A3529" s="5" t="s">
        <v>7</v>
      </c>
      <c r="B3529" s="5">
        <v>3602</v>
      </c>
      <c r="C3529" s="5" t="s">
        <v>2929</v>
      </c>
      <c r="D3529" s="5" t="s">
        <v>7072</v>
      </c>
      <c r="E3529" s="6">
        <v>73449</v>
      </c>
      <c r="F3529" s="5" t="s">
        <v>7073</v>
      </c>
      <c r="G3529" s="5" t="s">
        <v>7074</v>
      </c>
    </row>
    <row r="3530" spans="1:7">
      <c r="A3530" s="5" t="s">
        <v>7</v>
      </c>
      <c r="B3530" s="5">
        <v>3603</v>
      </c>
      <c r="C3530" s="5" t="s">
        <v>8</v>
      </c>
      <c r="D3530" s="5" t="s">
        <v>8</v>
      </c>
      <c r="E3530" s="6">
        <v>11001</v>
      </c>
      <c r="F3530" s="5" t="s">
        <v>7075</v>
      </c>
      <c r="G3530" s="5" t="s">
        <v>7076</v>
      </c>
    </row>
    <row r="3531" spans="1:7">
      <c r="A3531" s="5" t="s">
        <v>7</v>
      </c>
      <c r="B3531" s="5">
        <v>3604</v>
      </c>
      <c r="C3531" s="5" t="s">
        <v>813</v>
      </c>
      <c r="D3531" s="5" t="s">
        <v>2755</v>
      </c>
      <c r="E3531" s="6">
        <v>25473</v>
      </c>
      <c r="F3531" s="5" t="s">
        <v>7077</v>
      </c>
      <c r="G3531" s="5" t="s">
        <v>7078</v>
      </c>
    </row>
    <row r="3532" spans="1:7">
      <c r="A3532" s="5" t="s">
        <v>7</v>
      </c>
      <c r="B3532" s="5">
        <v>3605</v>
      </c>
      <c r="C3532" s="5" t="s">
        <v>8</v>
      </c>
      <c r="D3532" s="5" t="s">
        <v>8</v>
      </c>
      <c r="E3532" s="6">
        <v>11001</v>
      </c>
      <c r="F3532" s="5" t="s">
        <v>7079</v>
      </c>
      <c r="G3532" s="5" t="s">
        <v>7080</v>
      </c>
    </row>
    <row r="3533" spans="1:7">
      <c r="A3533" s="5" t="s">
        <v>7</v>
      </c>
      <c r="B3533" s="5">
        <v>3606</v>
      </c>
      <c r="C3533" s="5" t="s">
        <v>8</v>
      </c>
      <c r="D3533" s="5" t="s">
        <v>8</v>
      </c>
      <c r="E3533" s="6">
        <v>11001</v>
      </c>
      <c r="F3533" s="5" t="s">
        <v>7081</v>
      </c>
      <c r="G3533" s="5" t="s">
        <v>7082</v>
      </c>
    </row>
    <row r="3534" spans="1:7">
      <c r="A3534" s="5" t="s">
        <v>7</v>
      </c>
      <c r="B3534" s="5">
        <v>3607</v>
      </c>
      <c r="C3534" s="5" t="s">
        <v>8</v>
      </c>
      <c r="D3534" s="5" t="s">
        <v>8</v>
      </c>
      <c r="E3534" s="6">
        <v>11001</v>
      </c>
      <c r="F3534" s="5" t="s">
        <v>7083</v>
      </c>
      <c r="G3534" s="5" t="s">
        <v>7084</v>
      </c>
    </row>
    <row r="3535" spans="1:7">
      <c r="A3535" s="5" t="s">
        <v>7</v>
      </c>
      <c r="B3535" s="5">
        <v>3608</v>
      </c>
      <c r="C3535" s="5" t="s">
        <v>3323</v>
      </c>
      <c r="D3535" s="5" t="s">
        <v>3431</v>
      </c>
      <c r="E3535" s="6">
        <v>54001</v>
      </c>
      <c r="F3535" s="5" t="s">
        <v>7085</v>
      </c>
      <c r="G3535" s="5" t="s">
        <v>7086</v>
      </c>
    </row>
    <row r="3536" spans="1:7">
      <c r="A3536" s="5" t="s">
        <v>7</v>
      </c>
      <c r="B3536" s="5">
        <v>3609</v>
      </c>
      <c r="C3536" s="5" t="s">
        <v>8</v>
      </c>
      <c r="D3536" s="5" t="s">
        <v>8</v>
      </c>
      <c r="E3536" s="6">
        <v>11001</v>
      </c>
      <c r="F3536" s="5" t="s">
        <v>7087</v>
      </c>
      <c r="G3536" s="5" t="s">
        <v>7088</v>
      </c>
    </row>
    <row r="3537" spans="1:7">
      <c r="A3537" s="5" t="s">
        <v>7</v>
      </c>
      <c r="B3537" s="5">
        <v>3610</v>
      </c>
      <c r="C3537" s="5" t="s">
        <v>8</v>
      </c>
      <c r="D3537" s="5" t="s">
        <v>8</v>
      </c>
      <c r="E3537" s="6">
        <v>11001</v>
      </c>
      <c r="F3537" s="5" t="s">
        <v>7089</v>
      </c>
      <c r="G3537" s="5" t="s">
        <v>7090</v>
      </c>
    </row>
    <row r="3538" spans="1:7">
      <c r="A3538" s="5" t="s">
        <v>7</v>
      </c>
      <c r="B3538" s="5">
        <v>3611</v>
      </c>
      <c r="C3538" s="5" t="s">
        <v>8</v>
      </c>
      <c r="D3538" s="5" t="s">
        <v>8</v>
      </c>
      <c r="E3538" s="6">
        <v>11001</v>
      </c>
      <c r="F3538" s="5" t="s">
        <v>7091</v>
      </c>
      <c r="G3538" s="5" t="s">
        <v>7092</v>
      </c>
    </row>
    <row r="3539" spans="1:7">
      <c r="A3539" s="5" t="s">
        <v>7</v>
      </c>
      <c r="B3539" s="5">
        <v>3612</v>
      </c>
      <c r="C3539" s="5" t="s">
        <v>8</v>
      </c>
      <c r="D3539" s="5" t="s">
        <v>8</v>
      </c>
      <c r="E3539" s="6">
        <v>11001</v>
      </c>
      <c r="F3539" s="5" t="s">
        <v>7093</v>
      </c>
      <c r="G3539" s="5" t="s">
        <v>7094</v>
      </c>
    </row>
    <row r="3540" spans="1:7">
      <c r="A3540" s="5" t="s">
        <v>7</v>
      </c>
      <c r="B3540" s="5">
        <v>3613</v>
      </c>
      <c r="C3540" s="5" t="s">
        <v>8</v>
      </c>
      <c r="D3540" s="5" t="s">
        <v>8</v>
      </c>
      <c r="E3540" s="6">
        <v>11001</v>
      </c>
      <c r="F3540" s="5" t="s">
        <v>7095</v>
      </c>
      <c r="G3540" s="5" t="s">
        <v>7096</v>
      </c>
    </row>
    <row r="3541" spans="1:7">
      <c r="A3541" s="5" t="s">
        <v>7</v>
      </c>
      <c r="B3541" s="5">
        <v>3614</v>
      </c>
      <c r="C3541" s="5" t="s">
        <v>8</v>
      </c>
      <c r="D3541" s="5" t="s">
        <v>8</v>
      </c>
      <c r="E3541" s="6">
        <v>11001</v>
      </c>
      <c r="F3541" s="5" t="s">
        <v>3335</v>
      </c>
      <c r="G3541" s="5" t="s">
        <v>7097</v>
      </c>
    </row>
    <row r="3542" spans="1:7">
      <c r="A3542" s="5" t="s">
        <v>7</v>
      </c>
      <c r="B3542" s="5">
        <v>3615</v>
      </c>
      <c r="C3542" s="5" t="s">
        <v>8</v>
      </c>
      <c r="D3542" s="5" t="s">
        <v>8</v>
      </c>
      <c r="E3542" s="6">
        <v>11001</v>
      </c>
      <c r="F3542" s="5" t="s">
        <v>7098</v>
      </c>
      <c r="G3542" s="5" t="s">
        <v>7099</v>
      </c>
    </row>
    <row r="3543" spans="1:7">
      <c r="A3543" s="5" t="s">
        <v>7</v>
      </c>
      <c r="B3543" s="5">
        <v>3616</v>
      </c>
      <c r="C3543" s="5" t="s">
        <v>4368</v>
      </c>
      <c r="D3543" s="5" t="s">
        <v>4520</v>
      </c>
      <c r="E3543" s="6">
        <v>15759</v>
      </c>
      <c r="F3543" s="5" t="s">
        <v>7100</v>
      </c>
      <c r="G3543" s="5" t="s">
        <v>7101</v>
      </c>
    </row>
    <row r="3544" spans="1:7">
      <c r="A3544" s="5" t="s">
        <v>7</v>
      </c>
      <c r="B3544" s="5">
        <v>3617</v>
      </c>
      <c r="C3544" s="5" t="s">
        <v>2891</v>
      </c>
      <c r="D3544" s="5" t="s">
        <v>2892</v>
      </c>
      <c r="E3544" s="6">
        <v>13001</v>
      </c>
      <c r="F3544" s="5" t="s">
        <v>7102</v>
      </c>
      <c r="G3544" s="5" t="s">
        <v>7103</v>
      </c>
    </row>
    <row r="3545" spans="1:7">
      <c r="A3545" s="5" t="s">
        <v>7</v>
      </c>
      <c r="B3545" s="5">
        <v>3618</v>
      </c>
      <c r="C3545" s="5" t="s">
        <v>2891</v>
      </c>
      <c r="D3545" s="5" t="s">
        <v>2892</v>
      </c>
      <c r="E3545" s="6">
        <v>13001</v>
      </c>
      <c r="F3545" s="5" t="s">
        <v>7104</v>
      </c>
      <c r="G3545" s="5" t="s">
        <v>7105</v>
      </c>
    </row>
    <row r="3546" spans="1:7">
      <c r="A3546" s="5" t="s">
        <v>7</v>
      </c>
      <c r="B3546" s="5">
        <v>3619</v>
      </c>
      <c r="C3546" s="5" t="s">
        <v>813</v>
      </c>
      <c r="D3546" s="5" t="s">
        <v>2766</v>
      </c>
      <c r="E3546" s="6">
        <v>25817</v>
      </c>
      <c r="F3546" s="5" t="s">
        <v>7106</v>
      </c>
      <c r="G3546" s="5" t="s">
        <v>7107</v>
      </c>
    </row>
    <row r="3547" spans="1:7">
      <c r="A3547" s="5" t="s">
        <v>7</v>
      </c>
      <c r="B3547" s="5">
        <v>3620</v>
      </c>
      <c r="C3547" s="5" t="s">
        <v>8</v>
      </c>
      <c r="D3547" s="5" t="s">
        <v>8</v>
      </c>
      <c r="E3547" s="6">
        <v>11001</v>
      </c>
      <c r="F3547" s="5" t="s">
        <v>7108</v>
      </c>
      <c r="G3547" s="5" t="s">
        <v>7109</v>
      </c>
    </row>
    <row r="3548" spans="1:7">
      <c r="A3548" s="5" t="s">
        <v>7</v>
      </c>
      <c r="B3548" s="5">
        <v>3621</v>
      </c>
      <c r="C3548" s="5" t="s">
        <v>8</v>
      </c>
      <c r="D3548" s="5" t="s">
        <v>8</v>
      </c>
      <c r="E3548" s="6">
        <v>11001</v>
      </c>
      <c r="F3548" s="5" t="s">
        <v>7110</v>
      </c>
      <c r="G3548" s="5" t="s">
        <v>7111</v>
      </c>
    </row>
    <row r="3549" spans="1:7">
      <c r="A3549" s="5" t="s">
        <v>7</v>
      </c>
      <c r="B3549" s="5">
        <v>3622</v>
      </c>
      <c r="C3549" s="5" t="s">
        <v>8</v>
      </c>
      <c r="D3549" s="5" t="s">
        <v>8</v>
      </c>
      <c r="E3549" s="6">
        <v>11001</v>
      </c>
      <c r="F3549" s="5" t="s">
        <v>7112</v>
      </c>
      <c r="G3549" s="5" t="s">
        <v>7113</v>
      </c>
    </row>
    <row r="3550" spans="1:7">
      <c r="A3550" s="5" t="s">
        <v>7</v>
      </c>
      <c r="B3550" s="5">
        <v>3623</v>
      </c>
      <c r="C3550" s="5" t="s">
        <v>8</v>
      </c>
      <c r="D3550" s="5" t="s">
        <v>8</v>
      </c>
      <c r="E3550" s="6">
        <v>11001</v>
      </c>
      <c r="F3550" s="5" t="s">
        <v>7114</v>
      </c>
      <c r="G3550" s="5" t="s">
        <v>7115</v>
      </c>
    </row>
    <row r="3551" spans="1:7">
      <c r="A3551" s="5" t="s">
        <v>7</v>
      </c>
      <c r="B3551" s="5">
        <v>3624</v>
      </c>
      <c r="C3551" s="5" t="s">
        <v>2891</v>
      </c>
      <c r="D3551" s="5" t="s">
        <v>2892</v>
      </c>
      <c r="E3551" s="6">
        <v>13001</v>
      </c>
      <c r="F3551" s="5" t="s">
        <v>7116</v>
      </c>
      <c r="G3551" s="5" t="s">
        <v>7117</v>
      </c>
    </row>
    <row r="3552" spans="1:7">
      <c r="A3552" s="5" t="s">
        <v>7</v>
      </c>
      <c r="B3552" s="5">
        <v>3625</v>
      </c>
      <c r="C3552" s="5" t="s">
        <v>2891</v>
      </c>
      <c r="D3552" s="5" t="s">
        <v>2892</v>
      </c>
      <c r="E3552" s="6">
        <v>13001</v>
      </c>
      <c r="F3552" s="5" t="s">
        <v>7118</v>
      </c>
      <c r="G3552" s="5" t="s">
        <v>7119</v>
      </c>
    </row>
    <row r="3553" spans="1:7">
      <c r="A3553" s="5" t="s">
        <v>7</v>
      </c>
      <c r="B3553" s="5">
        <v>3626</v>
      </c>
      <c r="C3553" s="5" t="s">
        <v>8</v>
      </c>
      <c r="D3553" s="5" t="s">
        <v>8</v>
      </c>
      <c r="E3553" s="6">
        <v>11001</v>
      </c>
      <c r="F3553" s="5" t="s">
        <v>7120</v>
      </c>
      <c r="G3553" s="5" t="s">
        <v>7121</v>
      </c>
    </row>
    <row r="3554" spans="1:7">
      <c r="A3554" s="5" t="s">
        <v>7</v>
      </c>
      <c r="B3554" s="5">
        <v>3627</v>
      </c>
      <c r="C3554" s="5" t="s">
        <v>8</v>
      </c>
      <c r="D3554" s="5" t="s">
        <v>8</v>
      </c>
      <c r="E3554" s="6">
        <v>11001</v>
      </c>
      <c r="F3554" s="5" t="s">
        <v>7122</v>
      </c>
      <c r="G3554" s="5" t="s">
        <v>7123</v>
      </c>
    </row>
    <row r="3555" spans="1:7">
      <c r="A3555" s="5" t="s">
        <v>7</v>
      </c>
      <c r="B3555" s="5">
        <v>3628</v>
      </c>
      <c r="C3555" s="5" t="s">
        <v>8</v>
      </c>
      <c r="D3555" s="5" t="s">
        <v>8</v>
      </c>
      <c r="E3555" s="6">
        <v>11001</v>
      </c>
      <c r="F3555" s="5" t="s">
        <v>7124</v>
      </c>
      <c r="G3555" s="5" t="s">
        <v>7125</v>
      </c>
    </row>
    <row r="3556" spans="1:7">
      <c r="A3556" s="5" t="s">
        <v>7</v>
      </c>
      <c r="B3556" s="5">
        <v>3629</v>
      </c>
      <c r="C3556" s="5" t="s">
        <v>8</v>
      </c>
      <c r="D3556" s="5" t="s">
        <v>8</v>
      </c>
      <c r="E3556" s="6">
        <v>11001</v>
      </c>
      <c r="F3556" s="5" t="s">
        <v>7126</v>
      </c>
      <c r="G3556" s="5" t="s">
        <v>7127</v>
      </c>
    </row>
    <row r="3557" spans="1:7">
      <c r="A3557" s="5" t="s">
        <v>7</v>
      </c>
      <c r="B3557" s="5">
        <v>3630</v>
      </c>
      <c r="C3557" s="5" t="s">
        <v>4368</v>
      </c>
      <c r="D3557" s="5" t="s">
        <v>4520</v>
      </c>
      <c r="E3557" s="6">
        <v>15759</v>
      </c>
      <c r="F3557" s="5" t="s">
        <v>7128</v>
      </c>
      <c r="G3557" s="5" t="s">
        <v>7129</v>
      </c>
    </row>
    <row r="3558" spans="1:7">
      <c r="A3558" s="5" t="s">
        <v>7</v>
      </c>
      <c r="B3558" s="5">
        <v>3631</v>
      </c>
      <c r="C3558" s="5" t="s">
        <v>4368</v>
      </c>
      <c r="D3558" s="5" t="s">
        <v>4520</v>
      </c>
      <c r="E3558" s="6">
        <v>15759</v>
      </c>
      <c r="F3558" s="5" t="s">
        <v>7130</v>
      </c>
      <c r="G3558" s="5" t="s">
        <v>7131</v>
      </c>
    </row>
    <row r="3559" spans="1:7">
      <c r="A3559" s="5" t="s">
        <v>7</v>
      </c>
      <c r="B3559" s="5">
        <v>3632</v>
      </c>
      <c r="C3559" s="5" t="s">
        <v>813</v>
      </c>
      <c r="D3559" s="5" t="s">
        <v>814</v>
      </c>
      <c r="E3559" s="6">
        <v>25754</v>
      </c>
      <c r="F3559" s="5" t="s">
        <v>7132</v>
      </c>
      <c r="G3559" s="5" t="s">
        <v>7133</v>
      </c>
    </row>
    <row r="3560" spans="1:7">
      <c r="A3560" s="5" t="s">
        <v>7</v>
      </c>
      <c r="B3560" s="5">
        <v>3633</v>
      </c>
      <c r="C3560" s="5" t="s">
        <v>8</v>
      </c>
      <c r="D3560" s="5" t="s">
        <v>8</v>
      </c>
      <c r="E3560" s="6">
        <v>11001</v>
      </c>
      <c r="F3560" s="5" t="s">
        <v>7134</v>
      </c>
      <c r="G3560" s="5" t="s">
        <v>7135</v>
      </c>
    </row>
    <row r="3561" spans="1:7">
      <c r="A3561" s="5" t="s">
        <v>7</v>
      </c>
      <c r="B3561" s="5">
        <v>3634</v>
      </c>
      <c r="C3561" s="5" t="s">
        <v>8</v>
      </c>
      <c r="D3561" s="5" t="s">
        <v>8</v>
      </c>
      <c r="E3561" s="6">
        <v>11001</v>
      </c>
      <c r="F3561" s="5" t="s">
        <v>7136</v>
      </c>
      <c r="G3561" s="5" t="s">
        <v>7137</v>
      </c>
    </row>
    <row r="3562" spans="1:7">
      <c r="A3562" s="5" t="s">
        <v>7</v>
      </c>
      <c r="B3562" s="5">
        <v>3635</v>
      </c>
      <c r="C3562" s="5" t="s">
        <v>4368</v>
      </c>
      <c r="D3562" s="5" t="s">
        <v>4520</v>
      </c>
      <c r="E3562" s="6">
        <v>15759</v>
      </c>
      <c r="F3562" s="5" t="s">
        <v>7138</v>
      </c>
      <c r="G3562" s="5" t="s">
        <v>7139</v>
      </c>
    </row>
    <row r="3563" spans="1:7">
      <c r="A3563" s="5" t="s">
        <v>7</v>
      </c>
      <c r="B3563" s="5">
        <v>3636</v>
      </c>
      <c r="C3563" s="5" t="s">
        <v>4368</v>
      </c>
      <c r="D3563" s="5" t="s">
        <v>4520</v>
      </c>
      <c r="E3563" s="6">
        <v>15759</v>
      </c>
      <c r="F3563" s="5" t="s">
        <v>7140</v>
      </c>
      <c r="G3563" s="5" t="s">
        <v>7141</v>
      </c>
    </row>
    <row r="3564" spans="1:7">
      <c r="A3564" s="5" t="s">
        <v>7</v>
      </c>
      <c r="B3564" s="5">
        <v>3637</v>
      </c>
      <c r="C3564" s="5" t="s">
        <v>8</v>
      </c>
      <c r="D3564" s="5" t="s">
        <v>8</v>
      </c>
      <c r="E3564" s="6">
        <v>11001</v>
      </c>
      <c r="F3564" s="5" t="s">
        <v>7142</v>
      </c>
      <c r="G3564" s="5" t="s">
        <v>7143</v>
      </c>
    </row>
    <row r="3565" spans="1:7">
      <c r="A3565" s="5" t="s">
        <v>7</v>
      </c>
      <c r="B3565" s="5">
        <v>3638</v>
      </c>
      <c r="C3565" s="5" t="s">
        <v>8</v>
      </c>
      <c r="D3565" s="5" t="s">
        <v>8</v>
      </c>
      <c r="E3565" s="6">
        <v>11001</v>
      </c>
      <c r="F3565" s="5" t="s">
        <v>7144</v>
      </c>
      <c r="G3565" s="5" t="s">
        <v>7145</v>
      </c>
    </row>
    <row r="3566" spans="1:7">
      <c r="A3566" s="5" t="s">
        <v>7</v>
      </c>
      <c r="B3566" s="5">
        <v>3639</v>
      </c>
      <c r="C3566" s="5" t="s">
        <v>8</v>
      </c>
      <c r="D3566" s="5" t="s">
        <v>8</v>
      </c>
      <c r="E3566" s="6">
        <v>11001</v>
      </c>
      <c r="F3566" s="5" t="s">
        <v>7146</v>
      </c>
      <c r="G3566" s="5" t="s">
        <v>7147</v>
      </c>
    </row>
    <row r="3567" spans="1:7">
      <c r="A3567" s="5" t="s">
        <v>7</v>
      </c>
      <c r="B3567" s="5">
        <v>3640</v>
      </c>
      <c r="C3567" s="5" t="s">
        <v>8</v>
      </c>
      <c r="D3567" s="5" t="s">
        <v>8</v>
      </c>
      <c r="E3567" s="6">
        <v>11001</v>
      </c>
      <c r="F3567" s="5" t="s">
        <v>7148</v>
      </c>
      <c r="G3567" s="5" t="s">
        <v>7149</v>
      </c>
    </row>
    <row r="3568" spans="1:7">
      <c r="A3568" s="5" t="s">
        <v>7</v>
      </c>
      <c r="B3568" s="5">
        <v>3641</v>
      </c>
      <c r="C3568" s="5" t="s">
        <v>8</v>
      </c>
      <c r="D3568" s="5" t="s">
        <v>8</v>
      </c>
      <c r="E3568" s="6">
        <v>11001</v>
      </c>
      <c r="F3568" s="5" t="s">
        <v>3226</v>
      </c>
      <c r="G3568" s="5" t="s">
        <v>7150</v>
      </c>
    </row>
    <row r="3569" spans="1:7">
      <c r="A3569" s="5" t="s">
        <v>7</v>
      </c>
      <c r="B3569" s="5">
        <v>3642</v>
      </c>
      <c r="C3569" s="5" t="s">
        <v>8</v>
      </c>
      <c r="D3569" s="5" t="s">
        <v>8</v>
      </c>
      <c r="E3569" s="6">
        <v>11001</v>
      </c>
      <c r="F3569" s="5" t="s">
        <v>7151</v>
      </c>
      <c r="G3569" s="5" t="s">
        <v>7152</v>
      </c>
    </row>
    <row r="3570" spans="1:7">
      <c r="A3570" s="5" t="s">
        <v>7</v>
      </c>
      <c r="B3570" s="5">
        <v>3643</v>
      </c>
      <c r="C3570" s="5" t="s">
        <v>8</v>
      </c>
      <c r="D3570" s="5" t="s">
        <v>8</v>
      </c>
      <c r="E3570" s="6">
        <v>11001</v>
      </c>
      <c r="F3570" s="5" t="s">
        <v>7153</v>
      </c>
      <c r="G3570" s="5" t="s">
        <v>7154</v>
      </c>
    </row>
    <row r="3571" spans="1:7">
      <c r="A3571" s="5" t="s">
        <v>7</v>
      </c>
      <c r="B3571" s="5">
        <v>3644</v>
      </c>
      <c r="C3571" s="5" t="s">
        <v>8</v>
      </c>
      <c r="D3571" s="5" t="s">
        <v>8</v>
      </c>
      <c r="E3571" s="6">
        <v>11001</v>
      </c>
      <c r="F3571" s="5" t="s">
        <v>7155</v>
      </c>
      <c r="G3571" s="5" t="s">
        <v>7156</v>
      </c>
    </row>
    <row r="3572" spans="1:7">
      <c r="A3572" s="5" t="s">
        <v>7</v>
      </c>
      <c r="B3572" s="5">
        <v>3645</v>
      </c>
      <c r="C3572" s="5" t="s">
        <v>8</v>
      </c>
      <c r="D3572" s="5" t="s">
        <v>8</v>
      </c>
      <c r="E3572" s="6">
        <v>11001</v>
      </c>
      <c r="F3572" s="5" t="s">
        <v>7157</v>
      </c>
      <c r="G3572" s="5" t="s">
        <v>7158</v>
      </c>
    </row>
    <row r="3573" spans="1:7">
      <c r="A3573" s="5" t="s">
        <v>7</v>
      </c>
      <c r="B3573" s="5">
        <v>3646</v>
      </c>
      <c r="C3573" s="5" t="s">
        <v>8</v>
      </c>
      <c r="D3573" s="5" t="s">
        <v>8</v>
      </c>
      <c r="E3573" s="6">
        <v>11001</v>
      </c>
      <c r="F3573" s="5" t="s">
        <v>7159</v>
      </c>
      <c r="G3573" s="5" t="s">
        <v>7160</v>
      </c>
    </row>
    <row r="3574" spans="1:7">
      <c r="A3574" s="5" t="s">
        <v>7</v>
      </c>
      <c r="B3574" s="5">
        <v>3647</v>
      </c>
      <c r="C3574" s="5" t="s">
        <v>8</v>
      </c>
      <c r="D3574" s="5" t="s">
        <v>8</v>
      </c>
      <c r="E3574" s="6">
        <v>11001</v>
      </c>
      <c r="F3574" s="5" t="s">
        <v>7161</v>
      </c>
      <c r="G3574" s="5" t="s">
        <v>7162</v>
      </c>
    </row>
    <row r="3575" spans="1:7">
      <c r="A3575" s="5" t="s">
        <v>7</v>
      </c>
      <c r="B3575" s="5">
        <v>3648</v>
      </c>
      <c r="C3575" s="5" t="s">
        <v>8</v>
      </c>
      <c r="D3575" s="5" t="s">
        <v>8</v>
      </c>
      <c r="E3575" s="6">
        <v>11001</v>
      </c>
      <c r="F3575" s="5" t="s">
        <v>7163</v>
      </c>
      <c r="G3575" s="5" t="s">
        <v>7164</v>
      </c>
    </row>
    <row r="3576" spans="1:7">
      <c r="A3576" s="5" t="s">
        <v>7</v>
      </c>
      <c r="B3576" s="5">
        <v>3649</v>
      </c>
      <c r="C3576" s="5" t="s">
        <v>8</v>
      </c>
      <c r="D3576" s="5" t="s">
        <v>8</v>
      </c>
      <c r="E3576" s="6">
        <v>11001</v>
      </c>
      <c r="F3576" s="5" t="s">
        <v>7165</v>
      </c>
      <c r="G3576" s="5" t="s">
        <v>7166</v>
      </c>
    </row>
    <row r="3577" spans="1:7">
      <c r="A3577" s="5" t="s">
        <v>7</v>
      </c>
      <c r="B3577" s="5">
        <v>3650</v>
      </c>
      <c r="C3577" s="5" t="s">
        <v>8</v>
      </c>
      <c r="D3577" s="5" t="s">
        <v>8</v>
      </c>
      <c r="E3577" s="6">
        <v>11001</v>
      </c>
      <c r="F3577" s="5" t="s">
        <v>7167</v>
      </c>
      <c r="G3577" s="5" t="s">
        <v>7168</v>
      </c>
    </row>
    <row r="3578" spans="1:7">
      <c r="A3578" s="5" t="s">
        <v>7</v>
      </c>
      <c r="B3578" s="5">
        <v>3651</v>
      </c>
      <c r="C3578" s="5" t="s">
        <v>8</v>
      </c>
      <c r="D3578" s="5" t="s">
        <v>8</v>
      </c>
      <c r="E3578" s="6">
        <v>11001</v>
      </c>
      <c r="F3578" s="5" t="s">
        <v>7169</v>
      </c>
      <c r="G3578" s="5" t="s">
        <v>7170</v>
      </c>
    </row>
    <row r="3579" spans="1:7">
      <c r="A3579" s="5" t="s">
        <v>7</v>
      </c>
      <c r="B3579" s="5">
        <v>3652</v>
      </c>
      <c r="C3579" s="5" t="s">
        <v>8</v>
      </c>
      <c r="D3579" s="5" t="s">
        <v>8</v>
      </c>
      <c r="E3579" s="6">
        <v>11001</v>
      </c>
      <c r="F3579" s="5" t="s">
        <v>7171</v>
      </c>
      <c r="G3579" s="5" t="s">
        <v>7172</v>
      </c>
    </row>
    <row r="3580" spans="1:7">
      <c r="A3580" s="5" t="s">
        <v>7</v>
      </c>
      <c r="B3580" s="5">
        <v>3653</v>
      </c>
      <c r="C3580" s="5" t="s">
        <v>813</v>
      </c>
      <c r="D3580" s="5" t="s">
        <v>814</v>
      </c>
      <c r="E3580" s="6">
        <v>25754</v>
      </c>
      <c r="F3580" s="5" t="s">
        <v>7173</v>
      </c>
      <c r="G3580" s="5" t="s">
        <v>7174</v>
      </c>
    </row>
    <row r="3581" spans="1:7">
      <c r="A3581" s="5" t="s">
        <v>7</v>
      </c>
      <c r="B3581" s="5">
        <v>3654</v>
      </c>
      <c r="C3581" s="5" t="s">
        <v>8</v>
      </c>
      <c r="D3581" s="5" t="s">
        <v>8</v>
      </c>
      <c r="E3581" s="6">
        <v>11001</v>
      </c>
      <c r="F3581" s="5" t="s">
        <v>7175</v>
      </c>
      <c r="G3581" s="5" t="s">
        <v>7176</v>
      </c>
    </row>
    <row r="3582" spans="1:7">
      <c r="A3582" s="5" t="s">
        <v>7</v>
      </c>
      <c r="B3582" s="5">
        <v>3655</v>
      </c>
      <c r="C3582" s="5" t="s">
        <v>8</v>
      </c>
      <c r="D3582" s="5" t="s">
        <v>8</v>
      </c>
      <c r="E3582" s="6">
        <v>11001</v>
      </c>
      <c r="F3582" s="5" t="s">
        <v>7177</v>
      </c>
      <c r="G3582" s="5" t="s">
        <v>7178</v>
      </c>
    </row>
    <row r="3583" spans="1:7">
      <c r="A3583" s="5" t="s">
        <v>7</v>
      </c>
      <c r="B3583" s="5">
        <v>3656</v>
      </c>
      <c r="C3583" s="5" t="s">
        <v>8</v>
      </c>
      <c r="D3583" s="5" t="s">
        <v>8</v>
      </c>
      <c r="E3583" s="6">
        <v>11001</v>
      </c>
      <c r="F3583" s="5" t="s">
        <v>7179</v>
      </c>
      <c r="G3583" s="5" t="s">
        <v>7180</v>
      </c>
    </row>
    <row r="3584" spans="1:7">
      <c r="A3584" s="5" t="s">
        <v>7</v>
      </c>
      <c r="B3584" s="5">
        <v>3657</v>
      </c>
      <c r="C3584" s="5" t="s">
        <v>8</v>
      </c>
      <c r="D3584" s="5" t="s">
        <v>8</v>
      </c>
      <c r="E3584" s="6">
        <v>11001</v>
      </c>
      <c r="F3584" s="5" t="s">
        <v>7181</v>
      </c>
      <c r="G3584" s="5" t="s">
        <v>7182</v>
      </c>
    </row>
    <row r="3585" spans="1:7">
      <c r="A3585" s="5" t="s">
        <v>7</v>
      </c>
      <c r="B3585" s="5">
        <v>3658</v>
      </c>
      <c r="C3585" s="5" t="s">
        <v>4368</v>
      </c>
      <c r="D3585" s="5" t="s">
        <v>6967</v>
      </c>
      <c r="E3585" s="6">
        <v>15299</v>
      </c>
      <c r="F3585" s="5" t="s">
        <v>7183</v>
      </c>
      <c r="G3585" s="5" t="s">
        <v>7184</v>
      </c>
    </row>
    <row r="3586" spans="1:7">
      <c r="A3586" s="5" t="s">
        <v>7</v>
      </c>
      <c r="B3586" s="5">
        <v>3659</v>
      </c>
      <c r="C3586" s="5" t="s">
        <v>8</v>
      </c>
      <c r="D3586" s="5" t="s">
        <v>8</v>
      </c>
      <c r="E3586" s="6">
        <v>11001</v>
      </c>
      <c r="F3586" s="5" t="s">
        <v>7185</v>
      </c>
      <c r="G3586" s="5" t="s">
        <v>7186</v>
      </c>
    </row>
    <row r="3587" spans="1:7">
      <c r="A3587" s="5" t="s">
        <v>7</v>
      </c>
      <c r="B3587" s="5">
        <v>3660</v>
      </c>
      <c r="C3587" s="5" t="s">
        <v>8</v>
      </c>
      <c r="D3587" s="5" t="s">
        <v>8</v>
      </c>
      <c r="E3587" s="6">
        <v>11001</v>
      </c>
      <c r="F3587" s="5" t="s">
        <v>7187</v>
      </c>
      <c r="G3587" s="5" t="s">
        <v>7188</v>
      </c>
    </row>
    <row r="3588" spans="1:7">
      <c r="A3588" s="5" t="s">
        <v>7</v>
      </c>
      <c r="B3588" s="5">
        <v>3661</v>
      </c>
      <c r="C3588" s="5" t="s">
        <v>8</v>
      </c>
      <c r="D3588" s="5" t="s">
        <v>8</v>
      </c>
      <c r="E3588" s="6">
        <v>11001</v>
      </c>
      <c r="F3588" s="5" t="s">
        <v>7189</v>
      </c>
      <c r="G3588" s="5" t="s">
        <v>7190</v>
      </c>
    </row>
    <row r="3589" spans="1:7">
      <c r="A3589" s="5" t="s">
        <v>7</v>
      </c>
      <c r="B3589" s="5">
        <v>3662</v>
      </c>
      <c r="C3589" s="5" t="s">
        <v>8</v>
      </c>
      <c r="D3589" s="5" t="s">
        <v>8</v>
      </c>
      <c r="E3589" s="6">
        <v>11001</v>
      </c>
      <c r="F3589" s="5" t="s">
        <v>7191</v>
      </c>
      <c r="G3589" s="5" t="s">
        <v>7192</v>
      </c>
    </row>
    <row r="3590" spans="1:7">
      <c r="A3590" s="5" t="s">
        <v>7</v>
      </c>
      <c r="B3590" s="5">
        <v>3663</v>
      </c>
      <c r="C3590" s="5" t="s">
        <v>8</v>
      </c>
      <c r="D3590" s="5" t="s">
        <v>8</v>
      </c>
      <c r="E3590" s="6">
        <v>11001</v>
      </c>
      <c r="F3590" s="5" t="s">
        <v>7193</v>
      </c>
      <c r="G3590" s="5" t="s">
        <v>7194</v>
      </c>
    </row>
    <row r="3591" spans="1:7">
      <c r="A3591" s="5" t="s">
        <v>7</v>
      </c>
      <c r="B3591" s="5">
        <v>3664</v>
      </c>
      <c r="C3591" s="5" t="s">
        <v>813</v>
      </c>
      <c r="D3591" s="5" t="s">
        <v>2290</v>
      </c>
      <c r="E3591" s="6">
        <v>25286</v>
      </c>
      <c r="F3591" s="5" t="s">
        <v>7195</v>
      </c>
      <c r="G3591" s="5" t="s">
        <v>7196</v>
      </c>
    </row>
    <row r="3592" spans="1:7">
      <c r="A3592" s="5" t="s">
        <v>7</v>
      </c>
      <c r="B3592" s="5">
        <v>3665</v>
      </c>
      <c r="C3592" s="5" t="s">
        <v>8</v>
      </c>
      <c r="D3592" s="5" t="s">
        <v>8</v>
      </c>
      <c r="E3592" s="6">
        <v>11001</v>
      </c>
      <c r="F3592" s="5" t="s">
        <v>7197</v>
      </c>
      <c r="G3592" s="5" t="s">
        <v>7198</v>
      </c>
    </row>
    <row r="3593" spans="1:7">
      <c r="A3593" s="5" t="s">
        <v>7</v>
      </c>
      <c r="B3593" s="5">
        <v>3666</v>
      </c>
      <c r="C3593" s="5" t="s">
        <v>3203</v>
      </c>
      <c r="D3593" s="5" t="s">
        <v>5055</v>
      </c>
      <c r="E3593" s="6">
        <v>63001</v>
      </c>
      <c r="F3593" s="5" t="s">
        <v>7199</v>
      </c>
      <c r="G3593" s="5" t="s">
        <v>7200</v>
      </c>
    </row>
    <row r="3594" spans="1:7">
      <c r="A3594" s="5" t="s">
        <v>7</v>
      </c>
      <c r="B3594" s="5">
        <v>3667</v>
      </c>
      <c r="C3594" s="5" t="s">
        <v>813</v>
      </c>
      <c r="D3594" s="5" t="s">
        <v>814</v>
      </c>
      <c r="E3594" s="6">
        <v>25754</v>
      </c>
      <c r="F3594" s="5" t="s">
        <v>597</v>
      </c>
      <c r="G3594" s="5" t="s">
        <v>7201</v>
      </c>
    </row>
    <row r="3595" spans="1:7">
      <c r="A3595" s="5" t="s">
        <v>7</v>
      </c>
      <c r="B3595" s="5">
        <v>3668</v>
      </c>
      <c r="C3595" s="5" t="s">
        <v>8</v>
      </c>
      <c r="D3595" s="5" t="s">
        <v>8</v>
      </c>
      <c r="E3595" s="6">
        <v>11001</v>
      </c>
      <c r="F3595" s="5" t="s">
        <v>7202</v>
      </c>
      <c r="G3595" s="5" t="s">
        <v>7203</v>
      </c>
    </row>
    <row r="3596" spans="1:7">
      <c r="A3596" s="5" t="s">
        <v>7</v>
      </c>
      <c r="B3596" s="5">
        <v>3669</v>
      </c>
      <c r="C3596" s="5" t="s">
        <v>8</v>
      </c>
      <c r="D3596" s="5" t="s">
        <v>8</v>
      </c>
      <c r="E3596" s="6">
        <v>11001</v>
      </c>
      <c r="F3596" s="5" t="s">
        <v>7204</v>
      </c>
      <c r="G3596" s="5" t="s">
        <v>7205</v>
      </c>
    </row>
    <row r="3597" spans="1:7">
      <c r="A3597" s="5" t="s">
        <v>7</v>
      </c>
      <c r="B3597" s="5">
        <v>3670</v>
      </c>
      <c r="C3597" s="5" t="s">
        <v>813</v>
      </c>
      <c r="D3597" s="5" t="s">
        <v>7206</v>
      </c>
      <c r="E3597" s="6">
        <v>25841</v>
      </c>
      <c r="F3597" s="5" t="s">
        <v>7207</v>
      </c>
      <c r="G3597" s="5" t="s">
        <v>7208</v>
      </c>
    </row>
    <row r="3598" spans="1:7">
      <c r="A3598" s="5" t="s">
        <v>7</v>
      </c>
      <c r="B3598" s="5">
        <v>3671</v>
      </c>
      <c r="C3598" s="5" t="s">
        <v>8</v>
      </c>
      <c r="D3598" s="5" t="s">
        <v>8</v>
      </c>
      <c r="E3598" s="6">
        <v>11001</v>
      </c>
      <c r="F3598" s="5" t="s">
        <v>7209</v>
      </c>
      <c r="G3598" s="5" t="s">
        <v>7210</v>
      </c>
    </row>
    <row r="3599" spans="1:7">
      <c r="A3599" s="5" t="s">
        <v>7</v>
      </c>
      <c r="B3599" s="5">
        <v>3672</v>
      </c>
      <c r="C3599" s="5" t="s">
        <v>8</v>
      </c>
      <c r="D3599" s="5" t="s">
        <v>8</v>
      </c>
      <c r="E3599" s="6">
        <v>11001</v>
      </c>
      <c r="F3599" s="5" t="s">
        <v>7211</v>
      </c>
      <c r="G3599" s="5" t="s">
        <v>7212</v>
      </c>
    </row>
    <row r="3600" spans="1:7">
      <c r="A3600" s="5" t="s">
        <v>7</v>
      </c>
      <c r="B3600" s="5">
        <v>3673</v>
      </c>
      <c r="C3600" s="5" t="s">
        <v>8</v>
      </c>
      <c r="D3600" s="5" t="s">
        <v>8</v>
      </c>
      <c r="E3600" s="6">
        <v>11001</v>
      </c>
      <c r="F3600" s="5" t="s">
        <v>7213</v>
      </c>
      <c r="G3600" s="5" t="s">
        <v>7214</v>
      </c>
    </row>
    <row r="3601" spans="1:7">
      <c r="A3601" s="5" t="s">
        <v>7</v>
      </c>
      <c r="B3601" s="5">
        <v>3674</v>
      </c>
      <c r="C3601" s="5" t="s">
        <v>8</v>
      </c>
      <c r="D3601" s="5" t="s">
        <v>8</v>
      </c>
      <c r="E3601" s="6">
        <v>11001</v>
      </c>
      <c r="F3601" s="5" t="s">
        <v>2363</v>
      </c>
      <c r="G3601" s="5" t="s">
        <v>7215</v>
      </c>
    </row>
    <row r="3602" spans="1:7">
      <c r="A3602" s="5" t="s">
        <v>7</v>
      </c>
      <c r="B3602" s="5">
        <v>3675</v>
      </c>
      <c r="C3602" s="5" t="s">
        <v>8</v>
      </c>
      <c r="D3602" s="5" t="s">
        <v>8</v>
      </c>
      <c r="E3602" s="6">
        <v>11001</v>
      </c>
      <c r="F3602" s="5" t="s">
        <v>7216</v>
      </c>
      <c r="G3602" s="5" t="s">
        <v>7217</v>
      </c>
    </row>
    <row r="3603" spans="1:7">
      <c r="A3603" s="5" t="s">
        <v>7</v>
      </c>
      <c r="B3603" s="5">
        <v>3676</v>
      </c>
      <c r="C3603" s="5" t="s">
        <v>8</v>
      </c>
      <c r="D3603" s="5" t="s">
        <v>8</v>
      </c>
      <c r="E3603" s="6">
        <v>11001</v>
      </c>
      <c r="F3603" s="5" t="s">
        <v>7218</v>
      </c>
      <c r="G3603" s="5" t="s">
        <v>7219</v>
      </c>
    </row>
    <row r="3604" spans="1:7">
      <c r="A3604" s="5" t="s">
        <v>7</v>
      </c>
      <c r="B3604" s="5">
        <v>3677</v>
      </c>
      <c r="C3604" s="5" t="s">
        <v>8</v>
      </c>
      <c r="D3604" s="5" t="s">
        <v>8</v>
      </c>
      <c r="E3604" s="6">
        <v>11001</v>
      </c>
      <c r="F3604" s="5" t="s">
        <v>7220</v>
      </c>
      <c r="G3604" s="5" t="s">
        <v>7221</v>
      </c>
    </row>
    <row r="3605" spans="1:7">
      <c r="A3605" s="5" t="s">
        <v>7</v>
      </c>
      <c r="B3605" s="5">
        <v>3678</v>
      </c>
      <c r="C3605" s="5" t="s">
        <v>8</v>
      </c>
      <c r="D3605" s="5" t="s">
        <v>8</v>
      </c>
      <c r="E3605" s="6">
        <v>11001</v>
      </c>
      <c r="F3605" s="5" t="s">
        <v>7222</v>
      </c>
      <c r="G3605" s="5" t="s">
        <v>7223</v>
      </c>
    </row>
    <row r="3606" spans="1:7">
      <c r="A3606" s="5" t="s">
        <v>7</v>
      </c>
      <c r="B3606" s="5">
        <v>3679</v>
      </c>
      <c r="C3606" s="5" t="s">
        <v>2891</v>
      </c>
      <c r="D3606" s="5" t="s">
        <v>2892</v>
      </c>
      <c r="E3606" s="6">
        <v>13001</v>
      </c>
      <c r="F3606" s="5" t="s">
        <v>7224</v>
      </c>
      <c r="G3606" s="5" t="s">
        <v>7225</v>
      </c>
    </row>
    <row r="3607" spans="1:7">
      <c r="A3607" s="5" t="s">
        <v>7</v>
      </c>
      <c r="B3607" s="5">
        <v>3680</v>
      </c>
      <c r="C3607" s="5" t="s">
        <v>8</v>
      </c>
      <c r="D3607" s="5" t="s">
        <v>8</v>
      </c>
      <c r="E3607" s="6">
        <v>11001</v>
      </c>
      <c r="F3607" s="5" t="s">
        <v>7226</v>
      </c>
      <c r="G3607" s="5" t="s">
        <v>7227</v>
      </c>
    </row>
    <row r="3608" spans="1:7">
      <c r="A3608" s="5" t="s">
        <v>7</v>
      </c>
      <c r="B3608" s="5">
        <v>3681</v>
      </c>
      <c r="C3608" s="5" t="s">
        <v>8</v>
      </c>
      <c r="D3608" s="5" t="s">
        <v>8</v>
      </c>
      <c r="E3608" s="6">
        <v>11001</v>
      </c>
      <c r="F3608" s="5" t="s">
        <v>7228</v>
      </c>
      <c r="G3608" s="5" t="s">
        <v>7229</v>
      </c>
    </row>
    <row r="3609" spans="1:7">
      <c r="A3609" s="5" t="s">
        <v>7</v>
      </c>
      <c r="B3609" s="5">
        <v>3682</v>
      </c>
      <c r="C3609" s="5" t="s">
        <v>8</v>
      </c>
      <c r="D3609" s="5" t="s">
        <v>8</v>
      </c>
      <c r="E3609" s="6">
        <v>11001</v>
      </c>
      <c r="F3609" s="5" t="s">
        <v>7230</v>
      </c>
      <c r="G3609" s="5" t="s">
        <v>7231</v>
      </c>
    </row>
    <row r="3610" spans="1:7">
      <c r="A3610" s="5" t="s">
        <v>7</v>
      </c>
      <c r="B3610" s="5">
        <v>3683</v>
      </c>
      <c r="C3610" s="5" t="s">
        <v>8</v>
      </c>
      <c r="D3610" s="5" t="s">
        <v>8</v>
      </c>
      <c r="E3610" s="6">
        <v>11001</v>
      </c>
      <c r="F3610" s="5" t="s">
        <v>7232</v>
      </c>
      <c r="G3610" s="5" t="s">
        <v>7233</v>
      </c>
    </row>
    <row r="3611" spans="1:7">
      <c r="A3611" s="5" t="s">
        <v>7</v>
      </c>
      <c r="B3611" s="5">
        <v>3684</v>
      </c>
      <c r="C3611" s="5" t="s">
        <v>8</v>
      </c>
      <c r="D3611" s="5" t="s">
        <v>8</v>
      </c>
      <c r="E3611" s="6">
        <v>11001</v>
      </c>
      <c r="F3611" s="5" t="s">
        <v>7234</v>
      </c>
      <c r="G3611" s="5" t="s">
        <v>7235</v>
      </c>
    </row>
    <row r="3612" spans="1:7">
      <c r="A3612" s="5" t="s">
        <v>7</v>
      </c>
      <c r="B3612" s="5">
        <v>3685</v>
      </c>
      <c r="C3612" s="5" t="s">
        <v>8</v>
      </c>
      <c r="D3612" s="5" t="s">
        <v>8</v>
      </c>
      <c r="E3612" s="6">
        <v>11001</v>
      </c>
      <c r="F3612" s="5" t="s">
        <v>7236</v>
      </c>
      <c r="G3612" s="5" t="s">
        <v>7237</v>
      </c>
    </row>
    <row r="3613" spans="1:7">
      <c r="A3613" s="5" t="s">
        <v>7</v>
      </c>
      <c r="B3613" s="5">
        <v>3686</v>
      </c>
      <c r="C3613" s="5" t="s">
        <v>8</v>
      </c>
      <c r="D3613" s="5" t="s">
        <v>8</v>
      </c>
      <c r="E3613" s="6">
        <v>11001</v>
      </c>
      <c r="F3613" s="5" t="s">
        <v>7238</v>
      </c>
      <c r="G3613" s="5" t="s">
        <v>7239</v>
      </c>
    </row>
    <row r="3614" spans="1:7">
      <c r="A3614" s="5" t="s">
        <v>7</v>
      </c>
      <c r="B3614" s="5">
        <v>3687</v>
      </c>
      <c r="C3614" s="5" t="s">
        <v>813</v>
      </c>
      <c r="D3614" s="5" t="s">
        <v>814</v>
      </c>
      <c r="E3614" s="6">
        <v>25754</v>
      </c>
      <c r="F3614" s="5" t="s">
        <v>7240</v>
      </c>
      <c r="G3614" s="5" t="s">
        <v>7241</v>
      </c>
    </row>
    <row r="3615" spans="1:7">
      <c r="A3615" s="5" t="s">
        <v>7</v>
      </c>
      <c r="B3615" s="5">
        <v>3688</v>
      </c>
      <c r="C3615" s="5" t="s">
        <v>8</v>
      </c>
      <c r="D3615" s="5" t="s">
        <v>8</v>
      </c>
      <c r="E3615" s="6">
        <v>11001</v>
      </c>
      <c r="F3615" s="5" t="s">
        <v>7242</v>
      </c>
      <c r="G3615" s="5" t="s">
        <v>7243</v>
      </c>
    </row>
    <row r="3616" spans="1:7">
      <c r="A3616" s="5" t="s">
        <v>7</v>
      </c>
      <c r="B3616" s="5">
        <v>3689</v>
      </c>
      <c r="C3616" s="5" t="s">
        <v>2891</v>
      </c>
      <c r="D3616" s="5" t="s">
        <v>2892</v>
      </c>
      <c r="E3616" s="6">
        <v>13001</v>
      </c>
      <c r="F3616" s="5" t="s">
        <v>7244</v>
      </c>
      <c r="G3616" s="5" t="s">
        <v>7245</v>
      </c>
    </row>
    <row r="3617" spans="1:7">
      <c r="A3617" s="5" t="s">
        <v>7</v>
      </c>
      <c r="B3617" s="5">
        <v>3690</v>
      </c>
      <c r="C3617" s="5" t="s">
        <v>8</v>
      </c>
      <c r="D3617" s="5" t="s">
        <v>8</v>
      </c>
      <c r="E3617" s="6">
        <v>11001</v>
      </c>
      <c r="F3617" s="5" t="s">
        <v>7246</v>
      </c>
      <c r="G3617" s="5" t="s">
        <v>7247</v>
      </c>
    </row>
    <row r="3618" spans="1:7">
      <c r="A3618" s="5" t="s">
        <v>7</v>
      </c>
      <c r="B3618" s="5">
        <v>3691</v>
      </c>
      <c r="C3618" s="5" t="s">
        <v>8</v>
      </c>
      <c r="D3618" s="5" t="s">
        <v>8</v>
      </c>
      <c r="E3618" s="6">
        <v>11001</v>
      </c>
      <c r="F3618" s="5" t="s">
        <v>7248</v>
      </c>
      <c r="G3618" s="5" t="s">
        <v>7249</v>
      </c>
    </row>
    <row r="3619" spans="1:7">
      <c r="A3619" s="5" t="s">
        <v>7</v>
      </c>
      <c r="B3619" s="5">
        <v>3692</v>
      </c>
      <c r="C3619" s="5" t="s">
        <v>8</v>
      </c>
      <c r="D3619" s="5" t="s">
        <v>8</v>
      </c>
      <c r="E3619" s="6">
        <v>11001</v>
      </c>
      <c r="F3619" s="5" t="s">
        <v>7250</v>
      </c>
      <c r="G3619" s="5" t="s">
        <v>7251</v>
      </c>
    </row>
    <row r="3620" spans="1:7">
      <c r="A3620" s="5" t="s">
        <v>7</v>
      </c>
      <c r="B3620" s="5">
        <v>3693</v>
      </c>
      <c r="C3620" s="5" t="s">
        <v>8</v>
      </c>
      <c r="D3620" s="5" t="s">
        <v>8</v>
      </c>
      <c r="E3620" s="6">
        <v>11001</v>
      </c>
      <c r="F3620" s="5" t="s">
        <v>7252</v>
      </c>
      <c r="G3620" s="5" t="s">
        <v>7253</v>
      </c>
    </row>
    <row r="3621" spans="1:7">
      <c r="A3621" s="5" t="s">
        <v>7</v>
      </c>
      <c r="B3621" s="5">
        <v>3694</v>
      </c>
      <c r="C3621" s="5" t="s">
        <v>8</v>
      </c>
      <c r="D3621" s="5" t="s">
        <v>8</v>
      </c>
      <c r="E3621" s="6">
        <v>11001</v>
      </c>
      <c r="F3621" s="5" t="s">
        <v>7254</v>
      </c>
      <c r="G3621" s="5" t="s">
        <v>7255</v>
      </c>
    </row>
    <row r="3622" spans="1:7">
      <c r="A3622" s="5" t="s">
        <v>7</v>
      </c>
      <c r="B3622" s="5">
        <v>3695</v>
      </c>
      <c r="C3622" s="5" t="s">
        <v>8</v>
      </c>
      <c r="D3622" s="5" t="s">
        <v>8</v>
      </c>
      <c r="E3622" s="6">
        <v>11001</v>
      </c>
      <c r="F3622" s="5" t="s">
        <v>7256</v>
      </c>
      <c r="G3622" s="5" t="s">
        <v>7257</v>
      </c>
    </row>
    <row r="3623" spans="1:7">
      <c r="A3623" s="5" t="s">
        <v>7</v>
      </c>
      <c r="B3623" s="5">
        <v>3696</v>
      </c>
      <c r="C3623" s="5" t="s">
        <v>2891</v>
      </c>
      <c r="D3623" s="5" t="s">
        <v>2892</v>
      </c>
      <c r="E3623" s="6">
        <v>13001</v>
      </c>
      <c r="F3623" s="5" t="s">
        <v>7258</v>
      </c>
      <c r="G3623" s="5" t="s">
        <v>7259</v>
      </c>
    </row>
    <row r="3624" spans="1:7">
      <c r="A3624" s="5" t="s">
        <v>7</v>
      </c>
      <c r="B3624" s="5">
        <v>3697</v>
      </c>
      <c r="C3624" s="5" t="s">
        <v>2929</v>
      </c>
      <c r="D3624" s="5" t="s">
        <v>3403</v>
      </c>
      <c r="E3624" s="6">
        <v>73001</v>
      </c>
      <c r="F3624" s="5" t="s">
        <v>7260</v>
      </c>
      <c r="G3624" s="5" t="s">
        <v>7261</v>
      </c>
    </row>
    <row r="3625" spans="1:7">
      <c r="A3625" s="5" t="s">
        <v>7</v>
      </c>
      <c r="B3625" s="5">
        <v>3698</v>
      </c>
      <c r="C3625" s="5" t="s">
        <v>2929</v>
      </c>
      <c r="D3625" s="5" t="s">
        <v>3403</v>
      </c>
      <c r="E3625" s="6">
        <v>73001</v>
      </c>
      <c r="F3625" s="5" t="s">
        <v>7262</v>
      </c>
      <c r="G3625" s="5" t="s">
        <v>7263</v>
      </c>
    </row>
    <row r="3626" spans="1:7">
      <c r="A3626" s="5" t="s">
        <v>7</v>
      </c>
      <c r="B3626" s="5">
        <v>3699</v>
      </c>
      <c r="C3626" s="5" t="s">
        <v>2929</v>
      </c>
      <c r="D3626" s="5" t="s">
        <v>3403</v>
      </c>
      <c r="E3626" s="6">
        <v>73001</v>
      </c>
      <c r="F3626" s="5" t="s">
        <v>7264</v>
      </c>
      <c r="G3626" s="5" t="s">
        <v>7263</v>
      </c>
    </row>
    <row r="3627" spans="1:7">
      <c r="A3627" s="5" t="s">
        <v>7</v>
      </c>
      <c r="B3627" s="5">
        <v>3700</v>
      </c>
      <c r="C3627" s="5" t="s">
        <v>813</v>
      </c>
      <c r="D3627" s="5" t="s">
        <v>3880</v>
      </c>
      <c r="E3627" s="6">
        <v>25645</v>
      </c>
      <c r="F3627" s="5" t="s">
        <v>7265</v>
      </c>
      <c r="G3627" s="5" t="s">
        <v>7266</v>
      </c>
    </row>
    <row r="3628" spans="1:7">
      <c r="A3628" s="5" t="s">
        <v>7</v>
      </c>
      <c r="B3628" s="5">
        <v>3701</v>
      </c>
      <c r="C3628" s="5" t="s">
        <v>8</v>
      </c>
      <c r="D3628" s="5" t="s">
        <v>8</v>
      </c>
      <c r="E3628" s="6">
        <v>11001</v>
      </c>
      <c r="F3628" s="5" t="s">
        <v>7267</v>
      </c>
      <c r="G3628" s="5" t="s">
        <v>7268</v>
      </c>
    </row>
    <row r="3629" spans="1:7">
      <c r="A3629" s="5" t="s">
        <v>7</v>
      </c>
      <c r="B3629" s="5">
        <v>3702</v>
      </c>
      <c r="C3629" s="5" t="s">
        <v>8</v>
      </c>
      <c r="D3629" s="5" t="s">
        <v>8</v>
      </c>
      <c r="E3629" s="6">
        <v>11001</v>
      </c>
      <c r="F3629" s="5" t="s">
        <v>7269</v>
      </c>
      <c r="G3629" s="5" t="s">
        <v>7270</v>
      </c>
    </row>
    <row r="3630" spans="1:7">
      <c r="A3630" s="5" t="s">
        <v>7</v>
      </c>
      <c r="B3630" s="5">
        <v>3703</v>
      </c>
      <c r="C3630" s="5" t="s">
        <v>8</v>
      </c>
      <c r="D3630" s="5" t="s">
        <v>8</v>
      </c>
      <c r="E3630" s="6">
        <v>11001</v>
      </c>
      <c r="F3630" s="5" t="s">
        <v>7271</v>
      </c>
      <c r="G3630" s="5" t="s">
        <v>7272</v>
      </c>
    </row>
    <row r="3631" spans="1:7">
      <c r="A3631" s="5" t="s">
        <v>7</v>
      </c>
      <c r="B3631" s="5">
        <v>3704</v>
      </c>
      <c r="C3631" s="5" t="s">
        <v>2891</v>
      </c>
      <c r="D3631" s="5" t="s">
        <v>2892</v>
      </c>
      <c r="E3631" s="6">
        <v>13001</v>
      </c>
      <c r="F3631" s="5" t="s">
        <v>7273</v>
      </c>
      <c r="G3631" s="5" t="s">
        <v>7274</v>
      </c>
    </row>
    <row r="3632" spans="1:7">
      <c r="A3632" s="5" t="s">
        <v>7</v>
      </c>
      <c r="B3632" s="5">
        <v>3705</v>
      </c>
      <c r="C3632" s="5" t="s">
        <v>8</v>
      </c>
      <c r="D3632" s="5" t="s">
        <v>8</v>
      </c>
      <c r="E3632" s="6">
        <v>11001</v>
      </c>
      <c r="F3632" s="5" t="s">
        <v>7275</v>
      </c>
      <c r="G3632" s="5" t="s">
        <v>7276</v>
      </c>
    </row>
    <row r="3633" spans="1:7">
      <c r="A3633" s="5" t="s">
        <v>7</v>
      </c>
      <c r="B3633" s="5">
        <v>3706</v>
      </c>
      <c r="C3633" s="5" t="s">
        <v>8</v>
      </c>
      <c r="D3633" s="5" t="s">
        <v>8</v>
      </c>
      <c r="E3633" s="6">
        <v>11001</v>
      </c>
      <c r="F3633" s="5" t="s">
        <v>7277</v>
      </c>
      <c r="G3633" s="5" t="s">
        <v>7278</v>
      </c>
    </row>
    <row r="3634" spans="1:7">
      <c r="A3634" s="5" t="s">
        <v>7</v>
      </c>
      <c r="B3634" s="5">
        <v>3707</v>
      </c>
      <c r="C3634" s="5" t="s">
        <v>8</v>
      </c>
      <c r="D3634" s="5" t="s">
        <v>8</v>
      </c>
      <c r="E3634" s="6">
        <v>11001</v>
      </c>
      <c r="F3634" s="5" t="s">
        <v>7279</v>
      </c>
      <c r="G3634" s="5" t="s">
        <v>7280</v>
      </c>
    </row>
    <row r="3635" spans="1:7">
      <c r="A3635" s="5" t="s">
        <v>7</v>
      </c>
      <c r="B3635" s="5">
        <v>3708</v>
      </c>
      <c r="C3635" s="5" t="s">
        <v>8</v>
      </c>
      <c r="D3635" s="5" t="s">
        <v>8</v>
      </c>
      <c r="E3635" s="6">
        <v>11001</v>
      </c>
      <c r="F3635" s="5" t="s">
        <v>7281</v>
      </c>
      <c r="G3635" s="5" t="s">
        <v>7282</v>
      </c>
    </row>
    <row r="3636" spans="1:7">
      <c r="A3636" s="5" t="s">
        <v>7</v>
      </c>
      <c r="B3636" s="5">
        <v>3709</v>
      </c>
      <c r="C3636" s="5" t="s">
        <v>8</v>
      </c>
      <c r="D3636" s="5" t="s">
        <v>8</v>
      </c>
      <c r="E3636" s="6">
        <v>11001</v>
      </c>
      <c r="F3636" s="5" t="s">
        <v>7283</v>
      </c>
      <c r="G3636" s="5" t="s">
        <v>7284</v>
      </c>
    </row>
    <row r="3637" spans="1:7">
      <c r="A3637" s="5" t="s">
        <v>7</v>
      </c>
      <c r="B3637" s="5">
        <v>3710</v>
      </c>
      <c r="C3637" s="5" t="s">
        <v>2929</v>
      </c>
      <c r="D3637" s="5" t="s">
        <v>3403</v>
      </c>
      <c r="E3637" s="6">
        <v>73001</v>
      </c>
      <c r="F3637" s="5" t="s">
        <v>7285</v>
      </c>
      <c r="G3637" s="5" t="s">
        <v>7286</v>
      </c>
    </row>
    <row r="3638" spans="1:7">
      <c r="A3638" s="5" t="s">
        <v>7</v>
      </c>
      <c r="B3638" s="5">
        <v>3711</v>
      </c>
      <c r="C3638" s="5" t="s">
        <v>2929</v>
      </c>
      <c r="D3638" s="5" t="s">
        <v>3403</v>
      </c>
      <c r="E3638" s="6">
        <v>73001</v>
      </c>
      <c r="F3638" s="5" t="s">
        <v>7287</v>
      </c>
      <c r="G3638" s="5" t="s">
        <v>7288</v>
      </c>
    </row>
    <row r="3639" spans="1:7">
      <c r="A3639" s="5" t="s">
        <v>7</v>
      </c>
      <c r="B3639" s="5">
        <v>3712</v>
      </c>
      <c r="C3639" s="5" t="s">
        <v>2891</v>
      </c>
      <c r="D3639" s="5" t="s">
        <v>2892</v>
      </c>
      <c r="E3639" s="6">
        <v>13001</v>
      </c>
      <c r="F3639" s="5" t="s">
        <v>7289</v>
      </c>
      <c r="G3639" s="5" t="s">
        <v>7290</v>
      </c>
    </row>
    <row r="3640" spans="1:7">
      <c r="A3640" s="5" t="s">
        <v>7</v>
      </c>
      <c r="B3640" s="5">
        <v>3713</v>
      </c>
      <c r="C3640" s="5" t="s">
        <v>8</v>
      </c>
      <c r="D3640" s="5" t="s">
        <v>8</v>
      </c>
      <c r="E3640" s="6">
        <v>11001</v>
      </c>
      <c r="F3640" s="5" t="s">
        <v>7291</v>
      </c>
      <c r="G3640" s="5" t="s">
        <v>7292</v>
      </c>
    </row>
    <row r="3641" spans="1:7">
      <c r="A3641" s="5" t="s">
        <v>7</v>
      </c>
      <c r="B3641" s="5">
        <v>3714</v>
      </c>
      <c r="C3641" s="5" t="s">
        <v>8</v>
      </c>
      <c r="D3641" s="5" t="s">
        <v>8</v>
      </c>
      <c r="E3641" s="6">
        <v>11001</v>
      </c>
      <c r="F3641" s="5" t="s">
        <v>7293</v>
      </c>
      <c r="G3641" s="5" t="s">
        <v>7294</v>
      </c>
    </row>
    <row r="3642" spans="1:7">
      <c r="A3642" s="5" t="s">
        <v>7</v>
      </c>
      <c r="B3642" s="5">
        <v>3715</v>
      </c>
      <c r="C3642" s="5" t="s">
        <v>8</v>
      </c>
      <c r="D3642" s="5" t="s">
        <v>8</v>
      </c>
      <c r="E3642" s="6">
        <v>11001</v>
      </c>
      <c r="F3642" s="5" t="s">
        <v>7295</v>
      </c>
      <c r="G3642" s="5" t="s">
        <v>7296</v>
      </c>
    </row>
    <row r="3643" spans="1:7">
      <c r="A3643" s="5" t="s">
        <v>7</v>
      </c>
      <c r="B3643" s="5">
        <v>3716</v>
      </c>
      <c r="C3643" s="5" t="s">
        <v>8</v>
      </c>
      <c r="D3643" s="5" t="s">
        <v>8</v>
      </c>
      <c r="E3643" s="6">
        <v>11001</v>
      </c>
      <c r="F3643" s="5" t="s">
        <v>7297</v>
      </c>
      <c r="G3643" s="5" t="s">
        <v>7298</v>
      </c>
    </row>
    <row r="3644" spans="1:7">
      <c r="A3644" s="5" t="s">
        <v>7</v>
      </c>
      <c r="B3644" s="5">
        <v>3717</v>
      </c>
      <c r="C3644" s="5" t="s">
        <v>8</v>
      </c>
      <c r="D3644" s="5" t="s">
        <v>8</v>
      </c>
      <c r="E3644" s="6">
        <v>11001</v>
      </c>
      <c r="F3644" s="5" t="s">
        <v>7299</v>
      </c>
      <c r="G3644" s="5" t="s">
        <v>7300</v>
      </c>
    </row>
    <row r="3645" spans="1:7">
      <c r="A3645" s="5" t="s">
        <v>7</v>
      </c>
      <c r="B3645" s="5">
        <v>3718</v>
      </c>
      <c r="C3645" s="5" t="s">
        <v>2929</v>
      </c>
      <c r="D3645" s="5" t="s">
        <v>3403</v>
      </c>
      <c r="E3645" s="6">
        <v>73001</v>
      </c>
      <c r="F3645" s="5" t="s">
        <v>7301</v>
      </c>
      <c r="G3645" s="5" t="s">
        <v>7302</v>
      </c>
    </row>
    <row r="3646" spans="1:7">
      <c r="A3646" s="5" t="s">
        <v>7</v>
      </c>
      <c r="B3646" s="5">
        <v>3719</v>
      </c>
      <c r="C3646" s="5" t="s">
        <v>8</v>
      </c>
      <c r="D3646" s="5" t="s">
        <v>8</v>
      </c>
      <c r="E3646" s="6">
        <v>11001</v>
      </c>
      <c r="F3646" s="5" t="s">
        <v>7303</v>
      </c>
      <c r="G3646" s="5" t="s">
        <v>7304</v>
      </c>
    </row>
    <row r="3647" spans="1:7">
      <c r="A3647" s="5" t="s">
        <v>7</v>
      </c>
      <c r="B3647" s="5">
        <v>3720</v>
      </c>
      <c r="C3647" s="5" t="s">
        <v>8</v>
      </c>
      <c r="D3647" s="5" t="s">
        <v>8</v>
      </c>
      <c r="E3647" s="6">
        <v>11001</v>
      </c>
      <c r="F3647" s="5" t="s">
        <v>7305</v>
      </c>
      <c r="G3647" s="5" t="s">
        <v>7306</v>
      </c>
    </row>
    <row r="3648" spans="1:7">
      <c r="A3648" s="5" t="s">
        <v>7</v>
      </c>
      <c r="B3648" s="5">
        <v>3721</v>
      </c>
      <c r="C3648" s="5" t="s">
        <v>8</v>
      </c>
      <c r="D3648" s="5" t="s">
        <v>8</v>
      </c>
      <c r="E3648" s="6">
        <v>11001</v>
      </c>
      <c r="F3648" s="5" t="s">
        <v>7307</v>
      </c>
      <c r="G3648" s="5" t="s">
        <v>7308</v>
      </c>
    </row>
    <row r="3649" spans="1:7">
      <c r="A3649" s="5" t="s">
        <v>7</v>
      </c>
      <c r="B3649" s="5">
        <v>3722</v>
      </c>
      <c r="C3649" s="5" t="s">
        <v>8</v>
      </c>
      <c r="D3649" s="5" t="s">
        <v>8</v>
      </c>
      <c r="E3649" s="6">
        <v>11001</v>
      </c>
      <c r="F3649" s="5" t="s">
        <v>7309</v>
      </c>
      <c r="G3649" s="5" t="s">
        <v>7310</v>
      </c>
    </row>
    <row r="3650" spans="1:7">
      <c r="A3650" s="5" t="s">
        <v>7</v>
      </c>
      <c r="B3650" s="5">
        <v>3723</v>
      </c>
      <c r="C3650" s="5" t="s">
        <v>813</v>
      </c>
      <c r="D3650" s="5" t="s">
        <v>814</v>
      </c>
      <c r="E3650" s="6">
        <v>25754</v>
      </c>
      <c r="F3650" s="5" t="s">
        <v>7311</v>
      </c>
      <c r="G3650" s="5" t="s">
        <v>7312</v>
      </c>
    </row>
    <row r="3651" spans="1:7">
      <c r="A3651" s="5" t="s">
        <v>7</v>
      </c>
      <c r="B3651" s="5">
        <v>3725</v>
      </c>
      <c r="C3651" s="5" t="s">
        <v>8</v>
      </c>
      <c r="D3651" s="5" t="s">
        <v>8</v>
      </c>
      <c r="E3651" s="6">
        <v>11001</v>
      </c>
      <c r="F3651" s="5" t="s">
        <v>7313</v>
      </c>
      <c r="G3651" s="5" t="s">
        <v>7314</v>
      </c>
    </row>
    <row r="3652" spans="1:7">
      <c r="A3652" s="5" t="s">
        <v>7</v>
      </c>
      <c r="B3652" s="5">
        <v>3726</v>
      </c>
      <c r="C3652" s="5" t="s">
        <v>8</v>
      </c>
      <c r="D3652" s="5" t="s">
        <v>8</v>
      </c>
      <c r="E3652" s="6">
        <v>11001</v>
      </c>
      <c r="F3652" s="5" t="s">
        <v>7315</v>
      </c>
      <c r="G3652" s="5" t="s">
        <v>7316</v>
      </c>
    </row>
    <row r="3653" spans="1:7">
      <c r="A3653" s="5" t="s">
        <v>7</v>
      </c>
      <c r="B3653" s="5">
        <v>3727</v>
      </c>
      <c r="C3653" s="5" t="s">
        <v>2891</v>
      </c>
      <c r="D3653" s="5" t="s">
        <v>6662</v>
      </c>
      <c r="E3653" s="6">
        <v>13836</v>
      </c>
      <c r="F3653" s="5" t="s">
        <v>7317</v>
      </c>
      <c r="G3653" s="5" t="s">
        <v>7318</v>
      </c>
    </row>
    <row r="3654" spans="1:7">
      <c r="A3654" s="5" t="s">
        <v>7</v>
      </c>
      <c r="B3654" s="5">
        <v>3728</v>
      </c>
      <c r="C3654" s="5" t="s">
        <v>8</v>
      </c>
      <c r="D3654" s="5" t="s">
        <v>8</v>
      </c>
      <c r="E3654" s="6">
        <v>11001</v>
      </c>
      <c r="F3654" s="5" t="s">
        <v>7319</v>
      </c>
      <c r="G3654" s="5" t="s">
        <v>7320</v>
      </c>
    </row>
    <row r="3655" spans="1:7">
      <c r="A3655" s="5" t="s">
        <v>7</v>
      </c>
      <c r="B3655" s="5">
        <v>3729</v>
      </c>
      <c r="C3655" s="5" t="s">
        <v>8</v>
      </c>
      <c r="D3655" s="5" t="s">
        <v>8</v>
      </c>
      <c r="E3655" s="6">
        <v>11001</v>
      </c>
      <c r="F3655" s="5" t="s">
        <v>7321</v>
      </c>
      <c r="G3655" s="5" t="s">
        <v>7322</v>
      </c>
    </row>
    <row r="3656" spans="1:7">
      <c r="A3656" s="5" t="s">
        <v>7</v>
      </c>
      <c r="B3656" s="5">
        <v>3730</v>
      </c>
      <c r="C3656" s="5" t="s">
        <v>813</v>
      </c>
      <c r="D3656" s="5" t="s">
        <v>814</v>
      </c>
      <c r="E3656" s="6">
        <v>25754</v>
      </c>
      <c r="F3656" s="5" t="s">
        <v>7323</v>
      </c>
      <c r="G3656" s="5" t="s">
        <v>7324</v>
      </c>
    </row>
    <row r="3657" spans="1:7">
      <c r="A3657" s="5" t="s">
        <v>7</v>
      </c>
      <c r="B3657" s="5">
        <v>3731</v>
      </c>
      <c r="C3657" s="5" t="s">
        <v>813</v>
      </c>
      <c r="D3657" s="5" t="s">
        <v>2290</v>
      </c>
      <c r="E3657" s="6">
        <v>25286</v>
      </c>
      <c r="F3657" s="5" t="s">
        <v>7325</v>
      </c>
      <c r="G3657" s="5" t="s">
        <v>7326</v>
      </c>
    </row>
    <row r="3658" spans="1:7">
      <c r="A3658" s="5" t="s">
        <v>7</v>
      </c>
      <c r="B3658" s="5">
        <v>3732</v>
      </c>
      <c r="C3658" s="5" t="s">
        <v>8</v>
      </c>
      <c r="D3658" s="5" t="s">
        <v>8</v>
      </c>
      <c r="E3658" s="6">
        <v>11001</v>
      </c>
      <c r="F3658" s="5" t="s">
        <v>7327</v>
      </c>
      <c r="G3658" s="5" t="s">
        <v>7328</v>
      </c>
    </row>
    <row r="3659" spans="1:7">
      <c r="A3659" s="5" t="s">
        <v>7</v>
      </c>
      <c r="B3659" s="5">
        <v>3733</v>
      </c>
      <c r="C3659" s="5" t="s">
        <v>8</v>
      </c>
      <c r="D3659" s="5" t="s">
        <v>8</v>
      </c>
      <c r="E3659" s="6">
        <v>11001</v>
      </c>
      <c r="F3659" s="5" t="s">
        <v>7329</v>
      </c>
      <c r="G3659" s="5" t="s">
        <v>7330</v>
      </c>
    </row>
    <row r="3660" spans="1:7">
      <c r="A3660" s="5" t="s">
        <v>7</v>
      </c>
      <c r="B3660" s="5">
        <v>3734</v>
      </c>
      <c r="C3660" s="5" t="s">
        <v>8</v>
      </c>
      <c r="D3660" s="5" t="s">
        <v>8</v>
      </c>
      <c r="E3660" s="6">
        <v>11001</v>
      </c>
      <c r="F3660" s="5" t="s">
        <v>7331</v>
      </c>
      <c r="G3660" s="5" t="s">
        <v>7332</v>
      </c>
    </row>
    <row r="3661" spans="1:7">
      <c r="A3661" s="5" t="s">
        <v>7</v>
      </c>
      <c r="B3661" s="5">
        <v>3735</v>
      </c>
      <c r="C3661" s="5" t="s">
        <v>8</v>
      </c>
      <c r="D3661" s="5" t="s">
        <v>8</v>
      </c>
      <c r="E3661" s="6">
        <v>11001</v>
      </c>
      <c r="F3661" s="5" t="s">
        <v>1978</v>
      </c>
      <c r="G3661" s="5" t="s">
        <v>7333</v>
      </c>
    </row>
    <row r="3662" spans="1:7">
      <c r="A3662" s="5" t="s">
        <v>7</v>
      </c>
      <c r="B3662" s="5">
        <v>3736</v>
      </c>
      <c r="C3662" s="5" t="s">
        <v>8</v>
      </c>
      <c r="D3662" s="5" t="s">
        <v>8</v>
      </c>
      <c r="E3662" s="6">
        <v>11001</v>
      </c>
      <c r="F3662" s="5" t="s">
        <v>7334</v>
      </c>
      <c r="G3662" s="5" t="s">
        <v>7335</v>
      </c>
    </row>
    <row r="3663" spans="1:7">
      <c r="A3663" s="5" t="s">
        <v>7</v>
      </c>
      <c r="B3663" s="5">
        <v>3737</v>
      </c>
      <c r="C3663" s="5" t="s">
        <v>8</v>
      </c>
      <c r="D3663" s="5" t="s">
        <v>8</v>
      </c>
      <c r="E3663" s="6">
        <v>11001</v>
      </c>
      <c r="F3663" s="5" t="s">
        <v>7336</v>
      </c>
      <c r="G3663" s="5" t="s">
        <v>7337</v>
      </c>
    </row>
    <row r="3664" spans="1:7">
      <c r="A3664" s="5" t="s">
        <v>7</v>
      </c>
      <c r="B3664" s="5">
        <v>3738</v>
      </c>
      <c r="C3664" s="5" t="s">
        <v>8</v>
      </c>
      <c r="D3664" s="5" t="s">
        <v>8</v>
      </c>
      <c r="E3664" s="6">
        <v>11001</v>
      </c>
      <c r="F3664" s="5" t="s">
        <v>7338</v>
      </c>
      <c r="G3664" s="5" t="s">
        <v>7339</v>
      </c>
    </row>
    <row r="3665" spans="1:7">
      <c r="A3665" s="5" t="s">
        <v>7</v>
      </c>
      <c r="B3665" s="5">
        <v>3739</v>
      </c>
      <c r="C3665" s="5" t="s">
        <v>8</v>
      </c>
      <c r="D3665" s="5" t="s">
        <v>8</v>
      </c>
      <c r="E3665" s="6">
        <v>11001</v>
      </c>
      <c r="F3665" s="5" t="s">
        <v>7340</v>
      </c>
      <c r="G3665" s="5" t="s">
        <v>7341</v>
      </c>
    </row>
    <row r="3666" spans="1:7">
      <c r="A3666" s="5" t="s">
        <v>7</v>
      </c>
      <c r="B3666" s="5">
        <v>3740</v>
      </c>
      <c r="C3666" s="5" t="s">
        <v>8</v>
      </c>
      <c r="D3666" s="5" t="s">
        <v>8</v>
      </c>
      <c r="E3666" s="6">
        <v>11001</v>
      </c>
      <c r="F3666" s="5" t="s">
        <v>7342</v>
      </c>
      <c r="G3666" s="5" t="s">
        <v>7343</v>
      </c>
    </row>
    <row r="3667" spans="1:7">
      <c r="A3667" s="5" t="s">
        <v>7</v>
      </c>
      <c r="B3667" s="5">
        <v>3741</v>
      </c>
      <c r="C3667" s="5" t="s">
        <v>8</v>
      </c>
      <c r="D3667" s="5" t="s">
        <v>8</v>
      </c>
      <c r="E3667" s="6">
        <v>11001</v>
      </c>
      <c r="F3667" s="5" t="s">
        <v>7344</v>
      </c>
      <c r="G3667" s="5" t="s">
        <v>7345</v>
      </c>
    </row>
    <row r="3668" spans="1:7">
      <c r="A3668" s="5" t="s">
        <v>7</v>
      </c>
      <c r="B3668" s="5">
        <v>3742</v>
      </c>
      <c r="C3668" s="5" t="s">
        <v>8</v>
      </c>
      <c r="D3668" s="5" t="s">
        <v>8</v>
      </c>
      <c r="E3668" s="6">
        <v>11001</v>
      </c>
      <c r="F3668" s="5" t="s">
        <v>7346</v>
      </c>
      <c r="G3668" s="5" t="s">
        <v>7347</v>
      </c>
    </row>
    <row r="3669" spans="1:7">
      <c r="A3669" s="5" t="s">
        <v>7</v>
      </c>
      <c r="B3669" s="5">
        <v>3743</v>
      </c>
      <c r="C3669" s="5" t="s">
        <v>4368</v>
      </c>
      <c r="D3669" s="5" t="s">
        <v>7348</v>
      </c>
      <c r="E3669" s="6">
        <v>15690</v>
      </c>
      <c r="F3669" s="5" t="s">
        <v>7349</v>
      </c>
      <c r="G3669" s="5" t="s">
        <v>7350</v>
      </c>
    </row>
    <row r="3670" spans="1:7">
      <c r="A3670" s="5" t="s">
        <v>7</v>
      </c>
      <c r="B3670" s="5">
        <v>3744</v>
      </c>
      <c r="C3670" s="5" t="s">
        <v>8</v>
      </c>
      <c r="D3670" s="5" t="s">
        <v>8</v>
      </c>
      <c r="E3670" s="6">
        <v>11001</v>
      </c>
      <c r="F3670" s="5" t="s">
        <v>7351</v>
      </c>
      <c r="G3670" s="5" t="s">
        <v>7352</v>
      </c>
    </row>
    <row r="3671" spans="1:7">
      <c r="A3671" s="5" t="s">
        <v>7</v>
      </c>
      <c r="B3671" s="5">
        <v>3745</v>
      </c>
      <c r="C3671" s="5" t="s">
        <v>8</v>
      </c>
      <c r="D3671" s="5" t="s">
        <v>8</v>
      </c>
      <c r="E3671" s="6">
        <v>11001</v>
      </c>
      <c r="F3671" s="5" t="s">
        <v>7353</v>
      </c>
      <c r="G3671" s="5" t="s">
        <v>7354</v>
      </c>
    </row>
    <row r="3672" spans="1:7">
      <c r="A3672" s="5" t="s">
        <v>7</v>
      </c>
      <c r="B3672" s="5">
        <v>3746</v>
      </c>
      <c r="C3672" s="5" t="s">
        <v>8</v>
      </c>
      <c r="D3672" s="5" t="s">
        <v>8</v>
      </c>
      <c r="E3672" s="6">
        <v>11001</v>
      </c>
      <c r="F3672" s="5" t="s">
        <v>7355</v>
      </c>
      <c r="G3672" s="5" t="s">
        <v>7356</v>
      </c>
    </row>
    <row r="3673" spans="1:7">
      <c r="A3673" s="5" t="s">
        <v>7</v>
      </c>
      <c r="B3673" s="5">
        <v>3747</v>
      </c>
      <c r="C3673" s="5" t="s">
        <v>8</v>
      </c>
      <c r="D3673" s="5" t="s">
        <v>8</v>
      </c>
      <c r="E3673" s="6">
        <v>11001</v>
      </c>
      <c r="F3673" s="5" t="s">
        <v>7357</v>
      </c>
      <c r="G3673" s="5" t="s">
        <v>7358</v>
      </c>
    </row>
    <row r="3674" spans="1:7">
      <c r="A3674" s="5" t="s">
        <v>7</v>
      </c>
      <c r="B3674" s="5">
        <v>3748</v>
      </c>
      <c r="C3674" s="5" t="s">
        <v>8</v>
      </c>
      <c r="D3674" s="5" t="s">
        <v>8</v>
      </c>
      <c r="E3674" s="6">
        <v>11001</v>
      </c>
      <c r="F3674" s="5" t="s">
        <v>7359</v>
      </c>
      <c r="G3674" s="5" t="s">
        <v>7360</v>
      </c>
    </row>
    <row r="3675" spans="1:7">
      <c r="A3675" s="5" t="s">
        <v>7</v>
      </c>
      <c r="B3675" s="5">
        <v>3749</v>
      </c>
      <c r="C3675" s="5" t="s">
        <v>2891</v>
      </c>
      <c r="D3675" s="5" t="s">
        <v>2892</v>
      </c>
      <c r="E3675" s="6">
        <v>13001</v>
      </c>
      <c r="F3675" s="5" t="s">
        <v>7361</v>
      </c>
      <c r="G3675" s="5" t="s">
        <v>7362</v>
      </c>
    </row>
    <row r="3676" spans="1:7">
      <c r="A3676" s="5" t="s">
        <v>7</v>
      </c>
      <c r="B3676" s="5">
        <v>3750</v>
      </c>
      <c r="C3676" s="5" t="s">
        <v>8</v>
      </c>
      <c r="D3676" s="5" t="s">
        <v>8</v>
      </c>
      <c r="E3676" s="6">
        <v>11001</v>
      </c>
      <c r="F3676" s="5" t="s">
        <v>7363</v>
      </c>
      <c r="G3676" s="5" t="s">
        <v>7364</v>
      </c>
    </row>
    <row r="3677" spans="1:7">
      <c r="A3677" s="5" t="s">
        <v>7</v>
      </c>
      <c r="B3677" s="5">
        <v>3751</v>
      </c>
      <c r="C3677" s="5" t="s">
        <v>8</v>
      </c>
      <c r="D3677" s="5" t="s">
        <v>8</v>
      </c>
      <c r="E3677" s="6">
        <v>11001</v>
      </c>
      <c r="F3677" s="5" t="s">
        <v>7365</v>
      </c>
      <c r="G3677" s="5" t="s">
        <v>7366</v>
      </c>
    </row>
    <row r="3678" spans="1:7">
      <c r="A3678" s="5" t="s">
        <v>7</v>
      </c>
      <c r="B3678" s="5">
        <v>3752</v>
      </c>
      <c r="C3678" s="5" t="s">
        <v>8</v>
      </c>
      <c r="D3678" s="5" t="s">
        <v>8</v>
      </c>
      <c r="E3678" s="6">
        <v>11001</v>
      </c>
      <c r="F3678" s="5" t="s">
        <v>7367</v>
      </c>
      <c r="G3678" s="5" t="s">
        <v>7368</v>
      </c>
    </row>
    <row r="3679" spans="1:7">
      <c r="A3679" s="5" t="s">
        <v>7</v>
      </c>
      <c r="B3679" s="5">
        <v>3753</v>
      </c>
      <c r="C3679" s="5" t="s">
        <v>8</v>
      </c>
      <c r="D3679" s="5" t="s">
        <v>8</v>
      </c>
      <c r="E3679" s="6">
        <v>11001</v>
      </c>
      <c r="F3679" s="5" t="s">
        <v>7369</v>
      </c>
      <c r="G3679" s="5" t="s">
        <v>7370</v>
      </c>
    </row>
    <row r="3680" spans="1:7">
      <c r="A3680" s="5" t="s">
        <v>7</v>
      </c>
      <c r="B3680" s="5">
        <v>3754</v>
      </c>
      <c r="C3680" s="5" t="s">
        <v>4368</v>
      </c>
      <c r="D3680" s="5" t="s">
        <v>7371</v>
      </c>
      <c r="E3680" s="6">
        <v>15667</v>
      </c>
      <c r="F3680" s="5" t="s">
        <v>7372</v>
      </c>
      <c r="G3680" s="5" t="s">
        <v>7373</v>
      </c>
    </row>
    <row r="3681" spans="1:7">
      <c r="A3681" s="5" t="s">
        <v>7</v>
      </c>
      <c r="B3681" s="5">
        <v>3755</v>
      </c>
      <c r="C3681" s="5" t="s">
        <v>8</v>
      </c>
      <c r="D3681" s="5" t="s">
        <v>8</v>
      </c>
      <c r="E3681" s="6">
        <v>11001</v>
      </c>
      <c r="F3681" s="5" t="s">
        <v>7374</v>
      </c>
      <c r="G3681" s="5" t="s">
        <v>7375</v>
      </c>
    </row>
    <row r="3682" spans="1:7">
      <c r="A3682" s="5" t="s">
        <v>7</v>
      </c>
      <c r="B3682" s="5">
        <v>3756</v>
      </c>
      <c r="C3682" s="5" t="s">
        <v>8</v>
      </c>
      <c r="D3682" s="5" t="s">
        <v>8</v>
      </c>
      <c r="E3682" s="6">
        <v>11001</v>
      </c>
      <c r="F3682" s="5" t="s">
        <v>7376</v>
      </c>
      <c r="G3682" s="5" t="s">
        <v>7377</v>
      </c>
    </row>
    <row r="3683" spans="1:7">
      <c r="A3683" s="5" t="s">
        <v>7</v>
      </c>
      <c r="B3683" s="5">
        <v>3757</v>
      </c>
      <c r="C3683" s="5" t="s">
        <v>8</v>
      </c>
      <c r="D3683" s="5" t="s">
        <v>8</v>
      </c>
      <c r="E3683" s="6">
        <v>11001</v>
      </c>
      <c r="F3683" s="5" t="s">
        <v>7378</v>
      </c>
      <c r="G3683" s="5" t="s">
        <v>7379</v>
      </c>
    </row>
    <row r="3684" spans="1:7">
      <c r="A3684" s="5" t="s">
        <v>7</v>
      </c>
      <c r="B3684" s="5">
        <v>3758</v>
      </c>
      <c r="C3684" s="5" t="s">
        <v>8</v>
      </c>
      <c r="D3684" s="5" t="s">
        <v>8</v>
      </c>
      <c r="E3684" s="6">
        <v>11001</v>
      </c>
      <c r="F3684" s="5" t="s">
        <v>7380</v>
      </c>
      <c r="G3684" s="5" t="s">
        <v>7381</v>
      </c>
    </row>
    <row r="3685" spans="1:7">
      <c r="A3685" s="5" t="s">
        <v>7</v>
      </c>
      <c r="B3685" s="5">
        <v>3759</v>
      </c>
      <c r="C3685" s="5" t="s">
        <v>8</v>
      </c>
      <c r="D3685" s="5" t="s">
        <v>8</v>
      </c>
      <c r="E3685" s="6">
        <v>11001</v>
      </c>
      <c r="F3685" s="5" t="s">
        <v>7382</v>
      </c>
      <c r="G3685" s="5" t="s">
        <v>7383</v>
      </c>
    </row>
    <row r="3686" spans="1:7">
      <c r="A3686" s="5" t="s">
        <v>7</v>
      </c>
      <c r="B3686" s="5">
        <v>3760</v>
      </c>
      <c r="C3686" s="5" t="s">
        <v>8</v>
      </c>
      <c r="D3686" s="5" t="s">
        <v>8</v>
      </c>
      <c r="E3686" s="6">
        <v>11001</v>
      </c>
      <c r="F3686" s="5" t="s">
        <v>7384</v>
      </c>
      <c r="G3686" s="5" t="s">
        <v>7385</v>
      </c>
    </row>
    <row r="3687" spans="1:7">
      <c r="A3687" s="5" t="s">
        <v>7</v>
      </c>
      <c r="B3687" s="5">
        <v>3761</v>
      </c>
      <c r="C3687" s="5" t="s">
        <v>8</v>
      </c>
      <c r="D3687" s="5" t="s">
        <v>8</v>
      </c>
      <c r="E3687" s="6">
        <v>11001</v>
      </c>
      <c r="F3687" s="5" t="s">
        <v>7386</v>
      </c>
      <c r="G3687" s="5" t="s">
        <v>7387</v>
      </c>
    </row>
    <row r="3688" spans="1:7">
      <c r="A3688" s="5" t="s">
        <v>7</v>
      </c>
      <c r="B3688" s="5">
        <v>3762</v>
      </c>
      <c r="C3688" s="5" t="s">
        <v>2891</v>
      </c>
      <c r="D3688" s="5" t="s">
        <v>2892</v>
      </c>
      <c r="E3688" s="6">
        <v>13001</v>
      </c>
      <c r="F3688" s="5" t="s">
        <v>7388</v>
      </c>
      <c r="G3688" s="5" t="s">
        <v>7389</v>
      </c>
    </row>
    <row r="3689" spans="1:7">
      <c r="A3689" s="5" t="s">
        <v>7</v>
      </c>
      <c r="B3689" s="5">
        <v>3763</v>
      </c>
      <c r="C3689" s="5" t="s">
        <v>2891</v>
      </c>
      <c r="D3689" s="5" t="s">
        <v>2892</v>
      </c>
      <c r="E3689" s="6">
        <v>13001</v>
      </c>
      <c r="F3689" s="5" t="s">
        <v>7390</v>
      </c>
      <c r="G3689" s="5" t="s">
        <v>7391</v>
      </c>
    </row>
    <row r="3690" spans="1:7">
      <c r="A3690" s="5" t="s">
        <v>7</v>
      </c>
      <c r="B3690" s="5">
        <v>3764</v>
      </c>
      <c r="C3690" s="5" t="s">
        <v>8</v>
      </c>
      <c r="D3690" s="5" t="s">
        <v>8</v>
      </c>
      <c r="E3690" s="6">
        <v>11001</v>
      </c>
      <c r="F3690" s="5" t="s">
        <v>7392</v>
      </c>
      <c r="G3690" s="5" t="s">
        <v>7393</v>
      </c>
    </row>
    <row r="3691" spans="1:7">
      <c r="A3691" s="5" t="s">
        <v>7</v>
      </c>
      <c r="B3691" s="5">
        <v>3765</v>
      </c>
      <c r="C3691" s="5" t="s">
        <v>8</v>
      </c>
      <c r="D3691" s="5" t="s">
        <v>8</v>
      </c>
      <c r="E3691" s="6">
        <v>11001</v>
      </c>
      <c r="F3691" s="5" t="s">
        <v>7394</v>
      </c>
      <c r="G3691" s="5" t="s">
        <v>7395</v>
      </c>
    </row>
    <row r="3692" spans="1:7">
      <c r="A3692" s="5" t="s">
        <v>7</v>
      </c>
      <c r="B3692" s="5">
        <v>3766</v>
      </c>
      <c r="C3692" s="5" t="s">
        <v>2891</v>
      </c>
      <c r="D3692" s="5" t="s">
        <v>2892</v>
      </c>
      <c r="E3692" s="6">
        <v>13001</v>
      </c>
      <c r="F3692" s="5" t="s">
        <v>7396</v>
      </c>
      <c r="G3692" s="5" t="s">
        <v>7397</v>
      </c>
    </row>
    <row r="3693" spans="1:7">
      <c r="A3693" s="5" t="s">
        <v>7</v>
      </c>
      <c r="B3693" s="5">
        <v>3767</v>
      </c>
      <c r="C3693" s="5" t="s">
        <v>4368</v>
      </c>
      <c r="D3693" s="5" t="s">
        <v>7398</v>
      </c>
      <c r="E3693" s="6">
        <v>15804</v>
      </c>
      <c r="F3693" s="5" t="s">
        <v>7399</v>
      </c>
      <c r="G3693" s="5" t="s">
        <v>7400</v>
      </c>
    </row>
    <row r="3694" spans="1:7">
      <c r="A3694" s="5" t="s">
        <v>7</v>
      </c>
      <c r="B3694" s="5">
        <v>3768</v>
      </c>
      <c r="C3694" s="5" t="s">
        <v>4368</v>
      </c>
      <c r="D3694" s="5" t="s">
        <v>7398</v>
      </c>
      <c r="E3694" s="6">
        <v>15804</v>
      </c>
      <c r="F3694" s="5" t="s">
        <v>7401</v>
      </c>
      <c r="G3694" s="5" t="s">
        <v>7402</v>
      </c>
    </row>
    <row r="3695" spans="1:7">
      <c r="A3695" s="5" t="s">
        <v>7</v>
      </c>
      <c r="B3695" s="5">
        <v>19491</v>
      </c>
      <c r="C3695" s="5" t="s">
        <v>8</v>
      </c>
      <c r="D3695" s="5" t="s">
        <v>8</v>
      </c>
      <c r="E3695" s="6">
        <v>11001</v>
      </c>
      <c r="F3695" s="5" t="s">
        <v>7403</v>
      </c>
      <c r="G3695" s="5" t="s">
        <v>7404</v>
      </c>
    </row>
    <row r="3696" spans="1:7">
      <c r="A3696" s="5" t="s">
        <v>7</v>
      </c>
      <c r="B3696" s="5">
        <v>19493</v>
      </c>
      <c r="C3696" s="5" t="s">
        <v>8</v>
      </c>
      <c r="D3696" s="5" t="s">
        <v>8</v>
      </c>
      <c r="E3696" s="6">
        <v>11001</v>
      </c>
      <c r="F3696" s="5" t="s">
        <v>7405</v>
      </c>
      <c r="G3696" s="5" t="s">
        <v>7406</v>
      </c>
    </row>
    <row r="3697" spans="1:7">
      <c r="A3697" s="5" t="s">
        <v>7</v>
      </c>
      <c r="B3697" s="5">
        <v>19494</v>
      </c>
      <c r="C3697" s="5" t="s">
        <v>8</v>
      </c>
      <c r="D3697" s="5" t="s">
        <v>8</v>
      </c>
      <c r="E3697" s="6">
        <v>11001</v>
      </c>
      <c r="F3697" s="5" t="s">
        <v>7407</v>
      </c>
      <c r="G3697" s="5" t="s">
        <v>7408</v>
      </c>
    </row>
    <row r="3698" spans="1:7">
      <c r="A3698" s="5" t="s">
        <v>7</v>
      </c>
      <c r="B3698" s="5">
        <v>19495</v>
      </c>
      <c r="C3698" s="5" t="s">
        <v>8</v>
      </c>
      <c r="D3698" s="5" t="s">
        <v>8</v>
      </c>
      <c r="E3698" s="6">
        <v>11001</v>
      </c>
      <c r="F3698" s="5" t="s">
        <v>7334</v>
      </c>
      <c r="G3698" s="5" t="s">
        <v>7335</v>
      </c>
    </row>
    <row r="3699" spans="1:7">
      <c r="A3699" s="5" t="s">
        <v>7</v>
      </c>
      <c r="B3699" s="5">
        <v>19496</v>
      </c>
      <c r="C3699" s="5" t="s">
        <v>8</v>
      </c>
      <c r="D3699" s="5" t="s">
        <v>8</v>
      </c>
      <c r="E3699" s="6">
        <v>11001</v>
      </c>
      <c r="F3699" s="5" t="s">
        <v>7409</v>
      </c>
      <c r="G3699" s="5" t="s">
        <v>7410</v>
      </c>
    </row>
    <row r="3700" spans="1:7">
      <c r="A3700" s="5" t="s">
        <v>7</v>
      </c>
      <c r="B3700" s="5">
        <v>19497</v>
      </c>
      <c r="C3700" s="5" t="s">
        <v>8</v>
      </c>
      <c r="D3700" s="5" t="s">
        <v>8</v>
      </c>
      <c r="E3700" s="6">
        <v>11001</v>
      </c>
      <c r="F3700" s="5" t="s">
        <v>7382</v>
      </c>
      <c r="G3700" s="5" t="s">
        <v>7383</v>
      </c>
    </row>
    <row r="3701" spans="1:7">
      <c r="A3701" s="5" t="s">
        <v>7</v>
      </c>
      <c r="B3701" s="5">
        <v>19498</v>
      </c>
      <c r="C3701" s="5" t="s">
        <v>8</v>
      </c>
      <c r="D3701" s="5" t="s">
        <v>8</v>
      </c>
      <c r="E3701" s="6">
        <v>11001</v>
      </c>
      <c r="F3701" s="5" t="s">
        <v>7281</v>
      </c>
      <c r="G3701" s="5" t="s">
        <v>7282</v>
      </c>
    </row>
    <row r="3702" spans="1:7">
      <c r="A3702" s="5" t="s">
        <v>7</v>
      </c>
      <c r="B3702" s="5">
        <v>19499</v>
      </c>
      <c r="C3702" s="5" t="s">
        <v>8</v>
      </c>
      <c r="D3702" s="5" t="s">
        <v>8</v>
      </c>
      <c r="E3702" s="6">
        <v>11001</v>
      </c>
      <c r="F3702" s="5" t="s">
        <v>7283</v>
      </c>
      <c r="G3702" s="5" t="s">
        <v>7284</v>
      </c>
    </row>
    <row r="3703" spans="1:7">
      <c r="A3703" s="5" t="s">
        <v>7</v>
      </c>
      <c r="B3703" s="5">
        <v>19500</v>
      </c>
      <c r="C3703" s="5" t="s">
        <v>8</v>
      </c>
      <c r="D3703" s="5" t="s">
        <v>8</v>
      </c>
      <c r="E3703" s="6">
        <v>11001</v>
      </c>
      <c r="F3703" s="5" t="s">
        <v>7258</v>
      </c>
      <c r="G3703" s="5" t="s">
        <v>7257</v>
      </c>
    </row>
    <row r="3704" spans="1:7">
      <c r="A3704" s="5" t="s">
        <v>7</v>
      </c>
      <c r="B3704" s="5">
        <v>19501</v>
      </c>
      <c r="C3704" s="5" t="s">
        <v>8</v>
      </c>
      <c r="D3704" s="5" t="s">
        <v>8</v>
      </c>
      <c r="E3704" s="6">
        <v>11001</v>
      </c>
      <c r="F3704" s="5" t="s">
        <v>7411</v>
      </c>
      <c r="G3704" s="5" t="s">
        <v>7412</v>
      </c>
    </row>
    <row r="3705" spans="1:7">
      <c r="A3705" s="5" t="s">
        <v>7</v>
      </c>
      <c r="B3705" s="5">
        <v>19502</v>
      </c>
      <c r="C3705" s="5" t="s">
        <v>8</v>
      </c>
      <c r="D3705" s="5" t="s">
        <v>8</v>
      </c>
      <c r="E3705" s="6">
        <v>11001</v>
      </c>
      <c r="F3705" s="5" t="s">
        <v>7297</v>
      </c>
      <c r="G3705" s="5" t="s">
        <v>7298</v>
      </c>
    </row>
    <row r="3706" spans="1:7">
      <c r="A3706" s="5" t="s">
        <v>7</v>
      </c>
      <c r="B3706" s="5">
        <v>19503</v>
      </c>
      <c r="C3706" s="5" t="s">
        <v>8</v>
      </c>
      <c r="D3706" s="5" t="s">
        <v>8</v>
      </c>
      <c r="E3706" s="6">
        <v>11001</v>
      </c>
      <c r="F3706" s="5" t="s">
        <v>7413</v>
      </c>
      <c r="G3706" s="5" t="s">
        <v>7414</v>
      </c>
    </row>
    <row r="3707" spans="1:7">
      <c r="A3707" s="5" t="s">
        <v>7</v>
      </c>
      <c r="B3707" s="5">
        <v>19504</v>
      </c>
      <c r="C3707" s="5" t="s">
        <v>8</v>
      </c>
      <c r="D3707" s="5" t="s">
        <v>8</v>
      </c>
      <c r="E3707" s="6">
        <v>11001</v>
      </c>
      <c r="F3707" s="5" t="s">
        <v>7415</v>
      </c>
      <c r="G3707" s="5" t="s">
        <v>7416</v>
      </c>
    </row>
    <row r="3708" spans="1:7">
      <c r="A3708" s="5" t="s">
        <v>7</v>
      </c>
      <c r="B3708" s="5">
        <v>19505</v>
      </c>
      <c r="C3708" s="5" t="s">
        <v>8</v>
      </c>
      <c r="D3708" s="5" t="s">
        <v>8</v>
      </c>
      <c r="E3708" s="6">
        <v>11001</v>
      </c>
      <c r="F3708" s="5" t="s">
        <v>7305</v>
      </c>
      <c r="G3708" s="5" t="s">
        <v>7306</v>
      </c>
    </row>
    <row r="3709" spans="1:7">
      <c r="A3709" s="5" t="s">
        <v>7</v>
      </c>
      <c r="B3709" s="5">
        <v>19506</v>
      </c>
      <c r="C3709" s="5" t="s">
        <v>2891</v>
      </c>
      <c r="D3709" s="5" t="s">
        <v>2892</v>
      </c>
      <c r="E3709" s="6">
        <v>13001</v>
      </c>
      <c r="F3709" s="5" t="s">
        <v>7260</v>
      </c>
      <c r="G3709" s="5" t="s">
        <v>7259</v>
      </c>
    </row>
    <row r="3710" spans="1:7">
      <c r="A3710" s="5" t="s">
        <v>7</v>
      </c>
      <c r="B3710" s="5">
        <v>19507</v>
      </c>
      <c r="C3710" s="5" t="s">
        <v>813</v>
      </c>
      <c r="D3710" s="5" t="s">
        <v>814</v>
      </c>
      <c r="E3710" s="6">
        <v>25754</v>
      </c>
      <c r="F3710" s="5" t="s">
        <v>7323</v>
      </c>
      <c r="G3710" s="5" t="s">
        <v>7324</v>
      </c>
    </row>
    <row r="3711" spans="1:7">
      <c r="A3711" s="5" t="s">
        <v>7</v>
      </c>
      <c r="B3711" s="5">
        <v>19509</v>
      </c>
      <c r="C3711" s="5" t="s">
        <v>2929</v>
      </c>
      <c r="D3711" s="5" t="s">
        <v>3403</v>
      </c>
      <c r="E3711" s="6">
        <v>73001</v>
      </c>
      <c r="F3711" s="5" t="s">
        <v>7262</v>
      </c>
      <c r="G3711" s="5" t="s">
        <v>7261</v>
      </c>
    </row>
    <row r="3712" spans="1:7">
      <c r="A3712" s="5" t="s">
        <v>7</v>
      </c>
      <c r="B3712" s="5">
        <v>19510</v>
      </c>
      <c r="C3712" s="5" t="s">
        <v>2929</v>
      </c>
      <c r="D3712" s="5" t="s">
        <v>3403</v>
      </c>
      <c r="E3712" s="6">
        <v>73001</v>
      </c>
      <c r="F3712" s="5" t="s">
        <v>7264</v>
      </c>
      <c r="G3712" s="5" t="s">
        <v>7263</v>
      </c>
    </row>
    <row r="3713" spans="1:7">
      <c r="A3713" s="5" t="s">
        <v>7</v>
      </c>
      <c r="B3713" s="5">
        <v>19513</v>
      </c>
      <c r="C3713" s="5" t="s">
        <v>8</v>
      </c>
      <c r="D3713" s="5" t="s">
        <v>8</v>
      </c>
      <c r="E3713" s="6">
        <v>11001</v>
      </c>
      <c r="F3713" s="5" t="s">
        <v>7336</v>
      </c>
      <c r="G3713" s="5" t="s">
        <v>7337</v>
      </c>
    </row>
    <row r="3714" spans="1:7">
      <c r="A3714" s="5" t="s">
        <v>7</v>
      </c>
      <c r="B3714" s="5">
        <v>19514</v>
      </c>
      <c r="C3714" s="5" t="s">
        <v>8</v>
      </c>
      <c r="D3714" s="5" t="s">
        <v>8</v>
      </c>
      <c r="E3714" s="6">
        <v>11001</v>
      </c>
      <c r="F3714" s="5" t="s">
        <v>7299</v>
      </c>
      <c r="G3714" s="5" t="s">
        <v>7300</v>
      </c>
    </row>
    <row r="3715" spans="1:7">
      <c r="A3715" s="5" t="s">
        <v>7</v>
      </c>
      <c r="B3715" s="5">
        <v>19515</v>
      </c>
      <c r="C3715" s="5" t="s">
        <v>8</v>
      </c>
      <c r="D3715" s="5" t="s">
        <v>8</v>
      </c>
      <c r="E3715" s="6">
        <v>11001</v>
      </c>
      <c r="F3715" s="5" t="s">
        <v>7417</v>
      </c>
      <c r="G3715" s="5" t="s">
        <v>7418</v>
      </c>
    </row>
    <row r="3716" spans="1:7">
      <c r="A3716" s="5" t="s">
        <v>7</v>
      </c>
      <c r="B3716" s="5">
        <v>19516</v>
      </c>
      <c r="C3716" s="5" t="s">
        <v>8</v>
      </c>
      <c r="D3716" s="5" t="s">
        <v>8</v>
      </c>
      <c r="E3716" s="6">
        <v>11001</v>
      </c>
      <c r="F3716" s="5" t="s">
        <v>7419</v>
      </c>
      <c r="G3716" s="5" t="s">
        <v>5033</v>
      </c>
    </row>
    <row r="3717" spans="1:7">
      <c r="A3717" s="5" t="s">
        <v>7</v>
      </c>
      <c r="B3717" s="5">
        <v>19517</v>
      </c>
      <c r="C3717" s="5" t="s">
        <v>8</v>
      </c>
      <c r="D3717" s="5" t="s">
        <v>8</v>
      </c>
      <c r="E3717" s="6">
        <v>11001</v>
      </c>
      <c r="F3717" s="5" t="s">
        <v>7420</v>
      </c>
      <c r="G3717" s="5" t="s">
        <v>7421</v>
      </c>
    </row>
    <row r="3718" spans="1:7">
      <c r="A3718" s="5" t="s">
        <v>7</v>
      </c>
      <c r="B3718" s="5">
        <v>19518</v>
      </c>
      <c r="C3718" s="5" t="s">
        <v>8</v>
      </c>
      <c r="D3718" s="5" t="s">
        <v>8</v>
      </c>
      <c r="E3718" s="6">
        <v>11001</v>
      </c>
      <c r="F3718" s="5" t="s">
        <v>7422</v>
      </c>
      <c r="G3718" s="5" t="s">
        <v>7423</v>
      </c>
    </row>
    <row r="3719" spans="1:7">
      <c r="A3719" s="5" t="s">
        <v>7</v>
      </c>
      <c r="B3719" s="5">
        <v>19519</v>
      </c>
      <c r="C3719" s="5" t="s">
        <v>8</v>
      </c>
      <c r="D3719" s="5" t="s">
        <v>8</v>
      </c>
      <c r="E3719" s="6">
        <v>11001</v>
      </c>
      <c r="F3719" s="5" t="s">
        <v>7307</v>
      </c>
      <c r="G3719" s="5" t="s">
        <v>7308</v>
      </c>
    </row>
    <row r="3720" spans="1:7">
      <c r="A3720" s="5" t="s">
        <v>7</v>
      </c>
      <c r="B3720" s="5">
        <v>19520</v>
      </c>
      <c r="C3720" s="5" t="s">
        <v>8</v>
      </c>
      <c r="D3720" s="5" t="s">
        <v>8</v>
      </c>
      <c r="E3720" s="6">
        <v>11001</v>
      </c>
      <c r="F3720" s="5" t="s">
        <v>7338</v>
      </c>
      <c r="G3720" s="5" t="s">
        <v>7339</v>
      </c>
    </row>
    <row r="3721" spans="1:7">
      <c r="A3721" s="5" t="s">
        <v>7</v>
      </c>
      <c r="B3721" s="5">
        <v>19522</v>
      </c>
      <c r="C3721" s="5" t="s">
        <v>2929</v>
      </c>
      <c r="D3721" s="5" t="s">
        <v>3403</v>
      </c>
      <c r="E3721" s="6">
        <v>73001</v>
      </c>
      <c r="F3721" s="5" t="s">
        <v>7287</v>
      </c>
      <c r="G3721" s="5" t="s">
        <v>7424</v>
      </c>
    </row>
    <row r="3722" spans="1:7">
      <c r="A3722" s="5" t="s">
        <v>7</v>
      </c>
      <c r="B3722" s="5">
        <v>19524</v>
      </c>
      <c r="C3722" s="5" t="s">
        <v>3306</v>
      </c>
      <c r="D3722" s="5" t="s">
        <v>5845</v>
      </c>
      <c r="E3722" s="6">
        <v>50001</v>
      </c>
      <c r="F3722" s="5" t="s">
        <v>7425</v>
      </c>
      <c r="G3722" s="5" t="s">
        <v>7426</v>
      </c>
    </row>
    <row r="3723" spans="1:7">
      <c r="A3723" s="5" t="s">
        <v>7</v>
      </c>
      <c r="B3723" s="5">
        <v>19524</v>
      </c>
      <c r="C3723" s="5" t="s">
        <v>3306</v>
      </c>
      <c r="D3723" s="5" t="s">
        <v>5845</v>
      </c>
      <c r="E3723" s="6">
        <v>50001</v>
      </c>
      <c r="F3723" s="5" t="s">
        <v>7425</v>
      </c>
      <c r="G3723" s="5" t="s">
        <v>7426</v>
      </c>
    </row>
    <row r="3724" spans="1:7">
      <c r="A3724" s="5" t="s">
        <v>7</v>
      </c>
      <c r="B3724" s="5">
        <v>19524</v>
      </c>
      <c r="C3724" s="5" t="s">
        <v>3306</v>
      </c>
      <c r="D3724" s="5" t="s">
        <v>5845</v>
      </c>
      <c r="E3724" s="6">
        <v>50001</v>
      </c>
      <c r="F3724" s="5" t="s">
        <v>7425</v>
      </c>
      <c r="G3724" s="5" t="s">
        <v>7426</v>
      </c>
    </row>
    <row r="3725" spans="1:7">
      <c r="A3725" s="5" t="s">
        <v>7</v>
      </c>
      <c r="B3725" s="5">
        <v>19525</v>
      </c>
      <c r="C3725" s="5" t="s">
        <v>2891</v>
      </c>
      <c r="D3725" s="5" t="s">
        <v>2892</v>
      </c>
      <c r="E3725" s="6">
        <v>13001</v>
      </c>
      <c r="F3725" s="5" t="s">
        <v>7427</v>
      </c>
      <c r="G3725" s="5" t="s">
        <v>7428</v>
      </c>
    </row>
    <row r="3726" spans="1:7">
      <c r="A3726" s="5" t="s">
        <v>7</v>
      </c>
      <c r="B3726" s="5">
        <v>19526</v>
      </c>
      <c r="C3726" s="5" t="s">
        <v>8</v>
      </c>
      <c r="D3726" s="5" t="s">
        <v>8</v>
      </c>
      <c r="E3726" s="6">
        <v>11001</v>
      </c>
      <c r="F3726" s="5" t="s">
        <v>7327</v>
      </c>
      <c r="G3726" s="5" t="s">
        <v>7328</v>
      </c>
    </row>
    <row r="3727" spans="1:7">
      <c r="A3727" s="5" t="s">
        <v>7</v>
      </c>
      <c r="B3727" s="5">
        <v>19528</v>
      </c>
      <c r="C3727" s="5" t="s">
        <v>8</v>
      </c>
      <c r="D3727" s="5" t="s">
        <v>8</v>
      </c>
      <c r="E3727" s="6">
        <v>11001</v>
      </c>
      <c r="F3727" s="5" t="s">
        <v>7429</v>
      </c>
      <c r="G3727" s="5" t="s">
        <v>7430</v>
      </c>
    </row>
    <row r="3728" spans="1:7">
      <c r="A3728" s="5" t="s">
        <v>7</v>
      </c>
      <c r="B3728" s="5">
        <v>19529</v>
      </c>
      <c r="C3728" s="5" t="s">
        <v>8</v>
      </c>
      <c r="D3728" s="5" t="s">
        <v>8</v>
      </c>
      <c r="E3728" s="6">
        <v>11001</v>
      </c>
      <c r="F3728" s="5" t="s">
        <v>7340</v>
      </c>
      <c r="G3728" s="5" t="s">
        <v>7341</v>
      </c>
    </row>
    <row r="3729" spans="1:7">
      <c r="A3729" s="5" t="s">
        <v>7</v>
      </c>
      <c r="B3729" s="5">
        <v>19530</v>
      </c>
      <c r="C3729" s="5" t="s">
        <v>8</v>
      </c>
      <c r="D3729" s="5" t="s">
        <v>8</v>
      </c>
      <c r="E3729" s="6">
        <v>11001</v>
      </c>
      <c r="F3729" s="5" t="s">
        <v>7342</v>
      </c>
      <c r="G3729" s="5" t="s">
        <v>7343</v>
      </c>
    </row>
    <row r="3730" spans="1:7">
      <c r="A3730" s="5" t="s">
        <v>7</v>
      </c>
      <c r="B3730" s="5">
        <v>19531</v>
      </c>
      <c r="C3730" s="5" t="s">
        <v>8</v>
      </c>
      <c r="D3730" s="5" t="s">
        <v>8</v>
      </c>
      <c r="E3730" s="6">
        <v>11001</v>
      </c>
      <c r="F3730" s="5" t="s">
        <v>7431</v>
      </c>
      <c r="G3730" s="5" t="s">
        <v>7432</v>
      </c>
    </row>
    <row r="3731" spans="1:7">
      <c r="A3731" s="5" t="s">
        <v>7</v>
      </c>
      <c r="B3731" s="5">
        <v>19533</v>
      </c>
      <c r="C3731" s="5" t="s">
        <v>8</v>
      </c>
      <c r="D3731" s="5" t="s">
        <v>8</v>
      </c>
      <c r="E3731" s="6">
        <v>11001</v>
      </c>
      <c r="F3731" s="5" t="s">
        <v>7433</v>
      </c>
      <c r="G3731" s="5" t="s">
        <v>7434</v>
      </c>
    </row>
    <row r="3732" spans="1:7">
      <c r="A3732" s="5" t="s">
        <v>7</v>
      </c>
      <c r="B3732" s="5">
        <v>19534</v>
      </c>
      <c r="C3732" s="5" t="s">
        <v>8</v>
      </c>
      <c r="D3732" s="5" t="s">
        <v>8</v>
      </c>
      <c r="E3732" s="6">
        <v>11001</v>
      </c>
      <c r="F3732" s="5" t="s">
        <v>7346</v>
      </c>
      <c r="G3732" s="5" t="s">
        <v>7347</v>
      </c>
    </row>
    <row r="3733" spans="1:7">
      <c r="A3733" s="5" t="s">
        <v>7</v>
      </c>
      <c r="B3733" s="5">
        <v>19535</v>
      </c>
      <c r="C3733" s="5" t="s">
        <v>8</v>
      </c>
      <c r="D3733" s="5" t="s">
        <v>8</v>
      </c>
      <c r="E3733" s="6">
        <v>11001</v>
      </c>
      <c r="F3733" s="5" t="s">
        <v>7329</v>
      </c>
      <c r="G3733" s="5" t="s">
        <v>7330</v>
      </c>
    </row>
    <row r="3734" spans="1:7">
      <c r="A3734" s="5" t="s">
        <v>7</v>
      </c>
      <c r="B3734" s="5">
        <v>19536</v>
      </c>
      <c r="C3734" s="5" t="s">
        <v>8</v>
      </c>
      <c r="D3734" s="5" t="s">
        <v>8</v>
      </c>
      <c r="E3734" s="6">
        <v>11001</v>
      </c>
      <c r="F3734" s="5" t="s">
        <v>7435</v>
      </c>
      <c r="G3734" s="5" t="s">
        <v>7436</v>
      </c>
    </row>
    <row r="3735" spans="1:7">
      <c r="A3735" s="5" t="s">
        <v>7</v>
      </c>
      <c r="B3735" s="5">
        <v>19538</v>
      </c>
      <c r="C3735" s="5" t="s">
        <v>2542</v>
      </c>
      <c r="D3735" s="5" t="s">
        <v>2543</v>
      </c>
      <c r="E3735" s="6">
        <v>8001</v>
      </c>
      <c r="F3735" s="5" t="s">
        <v>7437</v>
      </c>
      <c r="G3735" s="5" t="s">
        <v>7438</v>
      </c>
    </row>
    <row r="3736" spans="1:7">
      <c r="A3736" s="5" t="s">
        <v>7</v>
      </c>
      <c r="B3736" s="5">
        <v>19540</v>
      </c>
      <c r="C3736" s="5" t="s">
        <v>8</v>
      </c>
      <c r="D3736" s="5" t="s">
        <v>8</v>
      </c>
      <c r="E3736" s="6">
        <v>11001</v>
      </c>
      <c r="F3736" s="5" t="s">
        <v>7439</v>
      </c>
      <c r="G3736" s="5" t="s">
        <v>7440</v>
      </c>
    </row>
    <row r="3737" spans="1:7">
      <c r="A3737" s="5" t="s">
        <v>7</v>
      </c>
      <c r="B3737" s="5">
        <v>19541</v>
      </c>
      <c r="C3737" s="5" t="s">
        <v>8</v>
      </c>
      <c r="D3737" s="5" t="s">
        <v>8</v>
      </c>
      <c r="E3737" s="6">
        <v>11001</v>
      </c>
      <c r="F3737" s="5" t="s">
        <v>7384</v>
      </c>
      <c r="G3737" s="5" t="s">
        <v>7385</v>
      </c>
    </row>
    <row r="3738" spans="1:7">
      <c r="A3738" s="5" t="s">
        <v>7</v>
      </c>
      <c r="B3738" s="5">
        <v>19542</v>
      </c>
      <c r="C3738" s="5" t="s">
        <v>8</v>
      </c>
      <c r="D3738" s="5" t="s">
        <v>8</v>
      </c>
      <c r="E3738" s="6">
        <v>11001</v>
      </c>
      <c r="F3738" s="5" t="s">
        <v>7441</v>
      </c>
      <c r="G3738" s="5" t="s">
        <v>7442</v>
      </c>
    </row>
    <row r="3739" spans="1:7">
      <c r="A3739" s="5" t="s">
        <v>7</v>
      </c>
      <c r="B3739" s="5">
        <v>19543</v>
      </c>
      <c r="C3739" s="5" t="s">
        <v>8</v>
      </c>
      <c r="D3739" s="5" t="s">
        <v>8</v>
      </c>
      <c r="E3739" s="6">
        <v>11001</v>
      </c>
      <c r="F3739" s="5" t="s">
        <v>7443</v>
      </c>
      <c r="G3739" s="5" t="s">
        <v>7444</v>
      </c>
    </row>
    <row r="3740" spans="1:7">
      <c r="A3740" s="5" t="s">
        <v>7</v>
      </c>
      <c r="B3740" s="5">
        <v>19545</v>
      </c>
      <c r="C3740" s="5" t="s">
        <v>8</v>
      </c>
      <c r="D3740" s="5" t="s">
        <v>8</v>
      </c>
      <c r="E3740" s="6">
        <v>11001</v>
      </c>
      <c r="F3740" s="5" t="s">
        <v>7353</v>
      </c>
      <c r="G3740" s="5" t="s">
        <v>7354</v>
      </c>
    </row>
    <row r="3741" spans="1:7">
      <c r="A3741" s="5" t="s">
        <v>7</v>
      </c>
      <c r="B3741" s="5">
        <v>19546</v>
      </c>
      <c r="C3741" s="5" t="s">
        <v>8</v>
      </c>
      <c r="D3741" s="5" t="s">
        <v>8</v>
      </c>
      <c r="E3741" s="6">
        <v>11001</v>
      </c>
      <c r="F3741" s="5" t="s">
        <v>7355</v>
      </c>
      <c r="G3741" s="5" t="s">
        <v>7356</v>
      </c>
    </row>
    <row r="3742" spans="1:7">
      <c r="A3742" s="5" t="s">
        <v>7</v>
      </c>
      <c r="B3742" s="5">
        <v>19547</v>
      </c>
      <c r="C3742" s="5" t="s">
        <v>8</v>
      </c>
      <c r="D3742" s="5" t="s">
        <v>8</v>
      </c>
      <c r="E3742" s="6">
        <v>11001</v>
      </c>
      <c r="F3742" s="5" t="s">
        <v>7445</v>
      </c>
      <c r="G3742" s="5" t="s">
        <v>7446</v>
      </c>
    </row>
    <row r="3743" spans="1:7">
      <c r="A3743" s="5" t="s">
        <v>7</v>
      </c>
      <c r="B3743" s="5">
        <v>19550</v>
      </c>
      <c r="C3743" s="5" t="s">
        <v>8</v>
      </c>
      <c r="D3743" s="5" t="s">
        <v>8</v>
      </c>
      <c r="E3743" s="6">
        <v>11001</v>
      </c>
      <c r="F3743" s="5" t="s">
        <v>7365</v>
      </c>
      <c r="G3743" s="5" t="s">
        <v>7366</v>
      </c>
    </row>
    <row r="3744" spans="1:7">
      <c r="A3744" s="5" t="s">
        <v>7</v>
      </c>
      <c r="B3744" s="5">
        <v>19551</v>
      </c>
      <c r="C3744" s="5" t="s">
        <v>8</v>
      </c>
      <c r="D3744" s="5" t="s">
        <v>8</v>
      </c>
      <c r="E3744" s="6">
        <v>11001</v>
      </c>
      <c r="F3744" s="5" t="s">
        <v>7447</v>
      </c>
      <c r="G3744" s="5" t="s">
        <v>7448</v>
      </c>
    </row>
    <row r="3745" spans="1:7">
      <c r="A3745" s="5" t="s">
        <v>7</v>
      </c>
      <c r="B3745" s="5">
        <v>19552</v>
      </c>
      <c r="C3745" s="5" t="s">
        <v>8</v>
      </c>
      <c r="D3745" s="5" t="s">
        <v>8</v>
      </c>
      <c r="E3745" s="6">
        <v>11001</v>
      </c>
      <c r="F3745" s="5" t="s">
        <v>7449</v>
      </c>
      <c r="G3745" s="5" t="s">
        <v>7450</v>
      </c>
    </row>
    <row r="3746" spans="1:7">
      <c r="A3746" s="5" t="s">
        <v>7</v>
      </c>
      <c r="B3746" s="5">
        <v>19554</v>
      </c>
      <c r="C3746" s="5" t="s">
        <v>8</v>
      </c>
      <c r="D3746" s="5" t="s">
        <v>8</v>
      </c>
      <c r="E3746" s="6">
        <v>11001</v>
      </c>
      <c r="F3746" s="5" t="s">
        <v>7451</v>
      </c>
      <c r="G3746" s="5" t="s">
        <v>7452</v>
      </c>
    </row>
    <row r="3747" spans="1:7">
      <c r="A3747" s="5" t="s">
        <v>7</v>
      </c>
      <c r="B3747" s="5">
        <v>19555</v>
      </c>
      <c r="C3747" s="5" t="s">
        <v>8</v>
      </c>
      <c r="D3747" s="5" t="s">
        <v>8</v>
      </c>
      <c r="E3747" s="6">
        <v>11001</v>
      </c>
      <c r="F3747" s="5" t="s">
        <v>7367</v>
      </c>
      <c r="G3747" s="5" t="s">
        <v>7368</v>
      </c>
    </row>
    <row r="3748" spans="1:7">
      <c r="A3748" s="5" t="s">
        <v>7</v>
      </c>
      <c r="B3748" s="5">
        <v>19556</v>
      </c>
      <c r="C3748" s="5" t="s">
        <v>8</v>
      </c>
      <c r="D3748" s="5" t="s">
        <v>8</v>
      </c>
      <c r="E3748" s="6">
        <v>11001</v>
      </c>
      <c r="F3748" s="5" t="s">
        <v>7453</v>
      </c>
      <c r="G3748" s="5" t="s">
        <v>7454</v>
      </c>
    </row>
    <row r="3749" spans="1:7">
      <c r="A3749" s="5" t="s">
        <v>7</v>
      </c>
      <c r="B3749" s="5">
        <v>19557</v>
      </c>
      <c r="C3749" s="5" t="s">
        <v>8</v>
      </c>
      <c r="D3749" s="5" t="s">
        <v>8</v>
      </c>
      <c r="E3749" s="6">
        <v>11001</v>
      </c>
      <c r="F3749" s="5" t="s">
        <v>7455</v>
      </c>
      <c r="G3749" s="5" t="s">
        <v>7456</v>
      </c>
    </row>
    <row r="3750" spans="1:7">
      <c r="A3750" s="5" t="s">
        <v>7</v>
      </c>
      <c r="B3750" s="5">
        <v>19418</v>
      </c>
      <c r="C3750" s="5" t="s">
        <v>4368</v>
      </c>
      <c r="D3750" s="5" t="s">
        <v>4520</v>
      </c>
      <c r="E3750" s="6">
        <v>15759</v>
      </c>
      <c r="F3750" s="5" t="s">
        <v>7138</v>
      </c>
      <c r="G3750" s="5" t="s">
        <v>7139</v>
      </c>
    </row>
    <row r="3751" spans="1:7">
      <c r="A3751" s="5" t="s">
        <v>7</v>
      </c>
      <c r="B3751" s="5">
        <v>19419</v>
      </c>
      <c r="C3751" s="5" t="s">
        <v>4368</v>
      </c>
      <c r="D3751" s="5" t="s">
        <v>4520</v>
      </c>
      <c r="E3751" s="6">
        <v>15759</v>
      </c>
      <c r="F3751" s="5" t="s">
        <v>7140</v>
      </c>
      <c r="G3751" s="5" t="s">
        <v>7141</v>
      </c>
    </row>
    <row r="3752" spans="1:7">
      <c r="A3752" s="5" t="s">
        <v>7</v>
      </c>
      <c r="B3752" s="5">
        <v>19420</v>
      </c>
      <c r="C3752" s="5" t="s">
        <v>2542</v>
      </c>
      <c r="D3752" s="5" t="s">
        <v>2543</v>
      </c>
      <c r="E3752" s="6">
        <v>8001</v>
      </c>
      <c r="F3752" s="5" t="s">
        <v>7457</v>
      </c>
      <c r="G3752" s="5" t="s">
        <v>7438</v>
      </c>
    </row>
    <row r="3753" spans="1:7">
      <c r="A3753" s="5" t="s">
        <v>7</v>
      </c>
      <c r="B3753" s="5">
        <v>19421</v>
      </c>
      <c r="C3753" s="5" t="s">
        <v>3011</v>
      </c>
      <c r="D3753" s="5" t="s">
        <v>7458</v>
      </c>
      <c r="E3753" s="6">
        <v>5649</v>
      </c>
      <c r="F3753" s="5" t="s">
        <v>7459</v>
      </c>
      <c r="G3753" s="5" t="s">
        <v>7460</v>
      </c>
    </row>
    <row r="3754" spans="1:7">
      <c r="A3754" s="5" t="s">
        <v>7</v>
      </c>
      <c r="B3754" s="5">
        <v>19422</v>
      </c>
      <c r="C3754" s="5" t="s">
        <v>813</v>
      </c>
      <c r="D3754" s="5" t="s">
        <v>814</v>
      </c>
      <c r="E3754" s="6">
        <v>25754</v>
      </c>
      <c r="F3754" s="5" t="s">
        <v>7173</v>
      </c>
      <c r="G3754" s="5" t="s">
        <v>7174</v>
      </c>
    </row>
    <row r="3755" spans="1:7">
      <c r="A3755" s="5" t="s">
        <v>7</v>
      </c>
      <c r="B3755" s="5">
        <v>19423</v>
      </c>
      <c r="C3755" s="5" t="s">
        <v>2891</v>
      </c>
      <c r="D3755" s="5" t="s">
        <v>2892</v>
      </c>
      <c r="E3755" s="6">
        <v>13001</v>
      </c>
      <c r="F3755" s="5" t="s">
        <v>7273</v>
      </c>
      <c r="G3755" s="5" t="s">
        <v>7274</v>
      </c>
    </row>
    <row r="3756" spans="1:7">
      <c r="A3756" s="5" t="s">
        <v>7</v>
      </c>
      <c r="B3756" s="5">
        <v>19424</v>
      </c>
      <c r="C3756" s="5" t="s">
        <v>8</v>
      </c>
      <c r="D3756" s="5" t="s">
        <v>8</v>
      </c>
      <c r="E3756" s="6">
        <v>11001</v>
      </c>
      <c r="F3756" s="5" t="s">
        <v>7461</v>
      </c>
      <c r="G3756" s="5" t="s">
        <v>7462</v>
      </c>
    </row>
    <row r="3757" spans="1:7">
      <c r="A3757" s="5" t="s">
        <v>7</v>
      </c>
      <c r="B3757" s="5">
        <v>19425</v>
      </c>
      <c r="C3757" s="5" t="s">
        <v>8</v>
      </c>
      <c r="D3757" s="5" t="s">
        <v>8</v>
      </c>
      <c r="E3757" s="6">
        <v>11001</v>
      </c>
      <c r="F3757" s="5" t="s">
        <v>7463</v>
      </c>
      <c r="G3757" s="5" t="s">
        <v>7464</v>
      </c>
    </row>
    <row r="3758" spans="1:7">
      <c r="A3758" s="5" t="s">
        <v>7</v>
      </c>
      <c r="B3758" s="5">
        <v>19426</v>
      </c>
      <c r="C3758" s="5" t="s">
        <v>8</v>
      </c>
      <c r="D3758" s="5" t="s">
        <v>8</v>
      </c>
      <c r="E3758" s="6">
        <v>11001</v>
      </c>
      <c r="F3758" s="5" t="s">
        <v>7363</v>
      </c>
      <c r="G3758" s="5" t="s">
        <v>7364</v>
      </c>
    </row>
    <row r="3759" spans="1:7">
      <c r="A3759" s="5" t="s">
        <v>7</v>
      </c>
      <c r="B3759" s="5">
        <v>19427</v>
      </c>
      <c r="C3759" s="5" t="s">
        <v>8</v>
      </c>
      <c r="D3759" s="5" t="s">
        <v>8</v>
      </c>
      <c r="E3759" s="6">
        <v>11001</v>
      </c>
      <c r="F3759" s="5" t="s">
        <v>7465</v>
      </c>
      <c r="G3759" s="5" t="s">
        <v>7466</v>
      </c>
    </row>
    <row r="3760" spans="1:7">
      <c r="A3760" s="5" t="s">
        <v>7</v>
      </c>
      <c r="B3760" s="5">
        <v>19428</v>
      </c>
      <c r="C3760" s="5" t="s">
        <v>8</v>
      </c>
      <c r="D3760" s="5" t="s">
        <v>8</v>
      </c>
      <c r="E3760" s="6">
        <v>11001</v>
      </c>
      <c r="F3760" s="5" t="s">
        <v>7467</v>
      </c>
      <c r="G3760" s="5" t="s">
        <v>7468</v>
      </c>
    </row>
    <row r="3761" spans="1:7">
      <c r="A3761" s="5" t="s">
        <v>7</v>
      </c>
      <c r="B3761" s="5">
        <v>19429</v>
      </c>
      <c r="C3761" s="5" t="s">
        <v>8</v>
      </c>
      <c r="D3761" s="5" t="s">
        <v>8</v>
      </c>
      <c r="E3761" s="6">
        <v>11001</v>
      </c>
      <c r="F3761" s="5" t="s">
        <v>7244</v>
      </c>
      <c r="G3761" s="5" t="s">
        <v>7243</v>
      </c>
    </row>
    <row r="3762" spans="1:7">
      <c r="A3762" s="5" t="s">
        <v>7</v>
      </c>
      <c r="B3762" s="5">
        <v>19432</v>
      </c>
      <c r="C3762" s="5" t="s">
        <v>8</v>
      </c>
      <c r="D3762" s="5" t="s">
        <v>8</v>
      </c>
      <c r="E3762" s="6">
        <v>11001</v>
      </c>
      <c r="F3762" s="5" t="s">
        <v>7161</v>
      </c>
      <c r="G3762" s="5" t="s">
        <v>7162</v>
      </c>
    </row>
    <row r="3763" spans="1:7">
      <c r="A3763" s="5" t="s">
        <v>7</v>
      </c>
      <c r="B3763" s="5">
        <v>19433</v>
      </c>
      <c r="C3763" s="5" t="s">
        <v>8</v>
      </c>
      <c r="D3763" s="5" t="s">
        <v>8</v>
      </c>
      <c r="E3763" s="6">
        <v>11001</v>
      </c>
      <c r="F3763" s="5" t="s">
        <v>7185</v>
      </c>
      <c r="G3763" s="5" t="s">
        <v>7186</v>
      </c>
    </row>
    <row r="3764" spans="1:7">
      <c r="A3764" s="5" t="s">
        <v>7</v>
      </c>
      <c r="B3764" s="5">
        <v>19438</v>
      </c>
      <c r="C3764" s="5" t="s">
        <v>2760</v>
      </c>
      <c r="D3764" s="5" t="s">
        <v>2761</v>
      </c>
      <c r="E3764" s="6">
        <v>68081</v>
      </c>
      <c r="F3764" s="5" t="s">
        <v>7469</v>
      </c>
      <c r="G3764" s="5" t="s">
        <v>7470</v>
      </c>
    </row>
    <row r="3765" spans="1:7">
      <c r="A3765" s="5" t="s">
        <v>7</v>
      </c>
      <c r="B3765" s="5">
        <v>19440</v>
      </c>
      <c r="C3765" s="5" t="s">
        <v>2891</v>
      </c>
      <c r="D3765" s="5" t="s">
        <v>2892</v>
      </c>
      <c r="E3765" s="6">
        <v>13001</v>
      </c>
      <c r="F3765" s="5" t="s">
        <v>7471</v>
      </c>
      <c r="G3765" s="5" t="s">
        <v>7472</v>
      </c>
    </row>
    <row r="3766" spans="1:7">
      <c r="A3766" s="5" t="s">
        <v>7</v>
      </c>
      <c r="B3766" s="5">
        <v>19441</v>
      </c>
      <c r="C3766" s="5" t="s">
        <v>2891</v>
      </c>
      <c r="D3766" s="5" t="s">
        <v>2892</v>
      </c>
      <c r="E3766" s="6">
        <v>13001</v>
      </c>
      <c r="F3766" s="5" t="s">
        <v>7473</v>
      </c>
      <c r="G3766" s="5" t="s">
        <v>7474</v>
      </c>
    </row>
    <row r="3767" spans="1:7">
      <c r="A3767" s="5" t="s">
        <v>7</v>
      </c>
      <c r="B3767" s="5">
        <v>19442</v>
      </c>
      <c r="C3767" s="5" t="s">
        <v>2891</v>
      </c>
      <c r="D3767" s="5" t="s">
        <v>2892</v>
      </c>
      <c r="E3767" s="6">
        <v>13001</v>
      </c>
      <c r="F3767" s="5" t="s">
        <v>7475</v>
      </c>
      <c r="G3767" s="5" t="s">
        <v>7476</v>
      </c>
    </row>
    <row r="3768" spans="1:7">
      <c r="A3768" s="5" t="s">
        <v>7</v>
      </c>
      <c r="B3768" s="5">
        <v>19443</v>
      </c>
      <c r="C3768" s="5" t="s">
        <v>2891</v>
      </c>
      <c r="D3768" s="5" t="s">
        <v>2892</v>
      </c>
      <c r="E3768" s="6">
        <v>13001</v>
      </c>
      <c r="F3768" s="5" t="s">
        <v>7477</v>
      </c>
      <c r="G3768" s="5" t="s">
        <v>7478</v>
      </c>
    </row>
    <row r="3769" spans="1:7">
      <c r="A3769" s="5" t="s">
        <v>7</v>
      </c>
      <c r="B3769" s="5">
        <v>19444</v>
      </c>
      <c r="C3769" s="5" t="s">
        <v>2891</v>
      </c>
      <c r="D3769" s="5" t="s">
        <v>2892</v>
      </c>
      <c r="E3769" s="6">
        <v>13001</v>
      </c>
      <c r="F3769" s="5" t="s">
        <v>7479</v>
      </c>
      <c r="G3769" s="5" t="s">
        <v>7480</v>
      </c>
    </row>
    <row r="3770" spans="1:7">
      <c r="A3770" s="5" t="s">
        <v>7</v>
      </c>
      <c r="B3770" s="5">
        <v>19445</v>
      </c>
      <c r="C3770" s="5" t="s">
        <v>2891</v>
      </c>
      <c r="D3770" s="5" t="s">
        <v>2892</v>
      </c>
      <c r="E3770" s="6">
        <v>13001</v>
      </c>
      <c r="F3770" s="5" t="s">
        <v>7481</v>
      </c>
      <c r="G3770" s="5" t="s">
        <v>7482</v>
      </c>
    </row>
    <row r="3771" spans="1:7">
      <c r="A3771" s="5" t="s">
        <v>7</v>
      </c>
      <c r="B3771" s="5">
        <v>19446</v>
      </c>
      <c r="C3771" s="5" t="s">
        <v>8</v>
      </c>
      <c r="D3771" s="5" t="s">
        <v>8</v>
      </c>
      <c r="E3771" s="6">
        <v>11001</v>
      </c>
      <c r="F3771" s="5" t="s">
        <v>7313</v>
      </c>
      <c r="G3771" s="5" t="s">
        <v>7483</v>
      </c>
    </row>
    <row r="3772" spans="1:7">
      <c r="A3772" s="5" t="s">
        <v>7</v>
      </c>
      <c r="B3772" s="5">
        <v>19447</v>
      </c>
      <c r="C3772" s="5" t="s">
        <v>8</v>
      </c>
      <c r="D3772" s="5" t="s">
        <v>8</v>
      </c>
      <c r="E3772" s="6">
        <v>11001</v>
      </c>
      <c r="F3772" s="5" t="s">
        <v>7484</v>
      </c>
      <c r="G3772" s="5" t="s">
        <v>7485</v>
      </c>
    </row>
    <row r="3773" spans="1:7">
      <c r="A3773" s="5" t="s">
        <v>7</v>
      </c>
      <c r="B3773" s="5">
        <v>19448</v>
      </c>
      <c r="C3773" s="5" t="s">
        <v>8</v>
      </c>
      <c r="D3773" s="5" t="s">
        <v>8</v>
      </c>
      <c r="E3773" s="6">
        <v>11001</v>
      </c>
      <c r="F3773" s="5" t="s">
        <v>7209</v>
      </c>
      <c r="G3773" s="5" t="s">
        <v>7210</v>
      </c>
    </row>
    <row r="3774" spans="1:7">
      <c r="A3774" s="5" t="s">
        <v>7</v>
      </c>
      <c r="B3774" s="5">
        <v>19449</v>
      </c>
      <c r="C3774" s="5" t="s">
        <v>8</v>
      </c>
      <c r="D3774" s="5" t="s">
        <v>8</v>
      </c>
      <c r="E3774" s="6">
        <v>11001</v>
      </c>
      <c r="F3774" s="5" t="s">
        <v>7486</v>
      </c>
      <c r="G3774" s="5" t="s">
        <v>7487</v>
      </c>
    </row>
    <row r="3775" spans="1:7">
      <c r="A3775" s="5" t="s">
        <v>7</v>
      </c>
      <c r="B3775" s="5">
        <v>19450</v>
      </c>
      <c r="C3775" s="5" t="s">
        <v>8</v>
      </c>
      <c r="D3775" s="5" t="s">
        <v>8</v>
      </c>
      <c r="E3775" s="6">
        <v>11001</v>
      </c>
      <c r="F3775" s="5" t="s">
        <v>7488</v>
      </c>
      <c r="G3775" s="5" t="s">
        <v>7489</v>
      </c>
    </row>
    <row r="3776" spans="1:7">
      <c r="A3776" s="5" t="s">
        <v>7</v>
      </c>
      <c r="B3776" s="5">
        <v>19451</v>
      </c>
      <c r="C3776" s="5" t="s">
        <v>8</v>
      </c>
      <c r="D3776" s="5" t="s">
        <v>8</v>
      </c>
      <c r="E3776" s="6">
        <v>11001</v>
      </c>
      <c r="F3776" s="5" t="s">
        <v>7275</v>
      </c>
      <c r="G3776" s="5" t="s">
        <v>7276</v>
      </c>
    </row>
    <row r="3777" spans="1:7">
      <c r="A3777" s="5" t="s">
        <v>7</v>
      </c>
      <c r="B3777" s="5">
        <v>19452</v>
      </c>
      <c r="C3777" s="5" t="s">
        <v>8</v>
      </c>
      <c r="D3777" s="5" t="s">
        <v>8</v>
      </c>
      <c r="E3777" s="6">
        <v>11001</v>
      </c>
      <c r="F3777" s="5" t="s">
        <v>7490</v>
      </c>
      <c r="G3777" s="5" t="s">
        <v>7491</v>
      </c>
    </row>
    <row r="3778" spans="1:7">
      <c r="A3778" s="5" t="s">
        <v>7</v>
      </c>
      <c r="B3778" s="5">
        <v>19455</v>
      </c>
      <c r="C3778" s="5" t="s">
        <v>8</v>
      </c>
      <c r="D3778" s="5" t="s">
        <v>8</v>
      </c>
      <c r="E3778" s="6">
        <v>11001</v>
      </c>
      <c r="F3778" s="5" t="s">
        <v>7213</v>
      </c>
      <c r="G3778" s="5" t="s">
        <v>7214</v>
      </c>
    </row>
    <row r="3779" spans="1:7">
      <c r="A3779" s="5" t="s">
        <v>7</v>
      </c>
      <c r="B3779" s="5">
        <v>19458</v>
      </c>
      <c r="C3779" s="5" t="s">
        <v>2891</v>
      </c>
      <c r="D3779" s="5" t="s">
        <v>2892</v>
      </c>
      <c r="E3779" s="6">
        <v>13001</v>
      </c>
      <c r="F3779" s="5" t="s">
        <v>7246</v>
      </c>
      <c r="G3779" s="5" t="s">
        <v>7245</v>
      </c>
    </row>
    <row r="3780" spans="1:7">
      <c r="A3780" s="5" t="s">
        <v>7</v>
      </c>
      <c r="B3780" s="5">
        <v>19459</v>
      </c>
      <c r="C3780" s="5" t="s">
        <v>8</v>
      </c>
      <c r="D3780" s="5" t="s">
        <v>8</v>
      </c>
      <c r="E3780" s="6">
        <v>11001</v>
      </c>
      <c r="F3780" s="5" t="s">
        <v>7492</v>
      </c>
      <c r="G3780" s="5" t="s">
        <v>7493</v>
      </c>
    </row>
    <row r="3781" spans="1:7">
      <c r="A3781" s="5" t="s">
        <v>7</v>
      </c>
      <c r="B3781" s="5">
        <v>19460</v>
      </c>
      <c r="C3781" s="5" t="s">
        <v>8</v>
      </c>
      <c r="D3781" s="5" t="s">
        <v>8</v>
      </c>
      <c r="E3781" s="6">
        <v>11001</v>
      </c>
      <c r="F3781" s="5" t="s">
        <v>7494</v>
      </c>
      <c r="G3781" s="5" t="s">
        <v>7495</v>
      </c>
    </row>
    <row r="3782" spans="1:7">
      <c r="A3782" s="5" t="s">
        <v>7</v>
      </c>
      <c r="B3782" s="5">
        <v>19461</v>
      </c>
      <c r="C3782" s="5" t="s">
        <v>8</v>
      </c>
      <c r="D3782" s="5" t="s">
        <v>8</v>
      </c>
      <c r="E3782" s="6">
        <v>11001</v>
      </c>
      <c r="F3782" s="5" t="s">
        <v>7496</v>
      </c>
      <c r="G3782" s="5" t="s">
        <v>7497</v>
      </c>
    </row>
    <row r="3783" spans="1:7">
      <c r="A3783" s="5" t="s">
        <v>7</v>
      </c>
      <c r="B3783" s="5">
        <v>19462</v>
      </c>
      <c r="C3783" s="5" t="s">
        <v>8</v>
      </c>
      <c r="D3783" s="5" t="s">
        <v>8</v>
      </c>
      <c r="E3783" s="6">
        <v>11001</v>
      </c>
      <c r="F3783" s="5" t="s">
        <v>7277</v>
      </c>
      <c r="G3783" s="5" t="s">
        <v>7278</v>
      </c>
    </row>
    <row r="3784" spans="1:7">
      <c r="A3784" s="5" t="s">
        <v>7</v>
      </c>
      <c r="B3784" s="5">
        <v>19463</v>
      </c>
      <c r="C3784" s="5" t="s">
        <v>8</v>
      </c>
      <c r="D3784" s="5" t="s">
        <v>8</v>
      </c>
      <c r="E3784" s="6">
        <v>11001</v>
      </c>
      <c r="F3784" s="5" t="s">
        <v>7315</v>
      </c>
      <c r="G3784" s="5" t="s">
        <v>7316</v>
      </c>
    </row>
    <row r="3785" spans="1:7">
      <c r="A3785" s="5" t="s">
        <v>7</v>
      </c>
      <c r="B3785" s="5">
        <v>19464</v>
      </c>
      <c r="C3785" s="5" t="s">
        <v>8</v>
      </c>
      <c r="D3785" s="5" t="s">
        <v>8</v>
      </c>
      <c r="E3785" s="6">
        <v>11001</v>
      </c>
      <c r="F3785" s="5" t="s">
        <v>7226</v>
      </c>
      <c r="G3785" s="5" t="s">
        <v>7227</v>
      </c>
    </row>
    <row r="3786" spans="1:7">
      <c r="A3786" s="5" t="s">
        <v>7</v>
      </c>
      <c r="B3786" s="5">
        <v>19465</v>
      </c>
      <c r="C3786" s="5" t="s">
        <v>8</v>
      </c>
      <c r="D3786" s="5" t="s">
        <v>8</v>
      </c>
      <c r="E3786" s="6">
        <v>11001</v>
      </c>
      <c r="F3786" s="5" t="s">
        <v>7248</v>
      </c>
      <c r="G3786" s="5" t="s">
        <v>7247</v>
      </c>
    </row>
    <row r="3787" spans="1:7">
      <c r="A3787" s="5" t="s">
        <v>7</v>
      </c>
      <c r="B3787" s="5">
        <v>19466</v>
      </c>
      <c r="C3787" s="5" t="s">
        <v>8</v>
      </c>
      <c r="D3787" s="5" t="s">
        <v>8</v>
      </c>
      <c r="E3787" s="6">
        <v>11001</v>
      </c>
      <c r="F3787" s="5" t="s">
        <v>1978</v>
      </c>
      <c r="G3787" s="5" t="s">
        <v>7333</v>
      </c>
    </row>
    <row r="3788" spans="1:7">
      <c r="A3788" s="5" t="s">
        <v>7</v>
      </c>
      <c r="B3788" s="5">
        <v>19467</v>
      </c>
      <c r="C3788" s="5" t="s">
        <v>8</v>
      </c>
      <c r="D3788" s="5" t="s">
        <v>8</v>
      </c>
      <c r="E3788" s="6">
        <v>11001</v>
      </c>
      <c r="F3788" s="5" t="s">
        <v>7498</v>
      </c>
      <c r="G3788" s="5" t="s">
        <v>7499</v>
      </c>
    </row>
    <row r="3789" spans="1:7">
      <c r="A3789" s="5" t="s">
        <v>7</v>
      </c>
      <c r="B3789" s="5">
        <v>19470</v>
      </c>
      <c r="C3789" s="5" t="s">
        <v>8</v>
      </c>
      <c r="D3789" s="5" t="s">
        <v>8</v>
      </c>
      <c r="E3789" s="6">
        <v>11001</v>
      </c>
      <c r="F3789" s="5" t="s">
        <v>7500</v>
      </c>
      <c r="G3789" s="5" t="s">
        <v>7501</v>
      </c>
    </row>
    <row r="3790" spans="1:7">
      <c r="A3790" s="5" t="s">
        <v>7</v>
      </c>
      <c r="B3790" s="5">
        <v>19470</v>
      </c>
      <c r="C3790" s="5" t="s">
        <v>8</v>
      </c>
      <c r="D3790" s="5" t="s">
        <v>8</v>
      </c>
      <c r="E3790" s="6">
        <v>11001</v>
      </c>
      <c r="F3790" s="5" t="s">
        <v>7500</v>
      </c>
      <c r="G3790" s="5" t="s">
        <v>7501</v>
      </c>
    </row>
    <row r="3791" spans="1:7">
      <c r="A3791" s="5" t="s">
        <v>7</v>
      </c>
      <c r="B3791" s="5">
        <v>19470</v>
      </c>
      <c r="C3791" s="5" t="s">
        <v>8</v>
      </c>
      <c r="D3791" s="5" t="s">
        <v>8</v>
      </c>
      <c r="E3791" s="6">
        <v>11001</v>
      </c>
      <c r="F3791" s="5" t="s">
        <v>7500</v>
      </c>
      <c r="G3791" s="5" t="s">
        <v>7501</v>
      </c>
    </row>
    <row r="3792" spans="1:7">
      <c r="A3792" s="5" t="s">
        <v>7</v>
      </c>
      <c r="B3792" s="5">
        <v>19472</v>
      </c>
      <c r="C3792" s="5" t="s">
        <v>2891</v>
      </c>
      <c r="D3792" s="5" t="s">
        <v>6662</v>
      </c>
      <c r="E3792" s="6">
        <v>13836</v>
      </c>
      <c r="F3792" s="5" t="s">
        <v>7317</v>
      </c>
      <c r="G3792" s="5" t="s">
        <v>7318</v>
      </c>
    </row>
    <row r="3793" spans="1:7">
      <c r="A3793" s="5" t="s">
        <v>7</v>
      </c>
      <c r="B3793" s="5">
        <v>19474</v>
      </c>
      <c r="C3793" s="5" t="s">
        <v>8</v>
      </c>
      <c r="D3793" s="5" t="s">
        <v>8</v>
      </c>
      <c r="E3793" s="6">
        <v>11001</v>
      </c>
      <c r="F3793" s="5" t="s">
        <v>7293</v>
      </c>
      <c r="G3793" s="5" t="s">
        <v>7502</v>
      </c>
    </row>
    <row r="3794" spans="1:7">
      <c r="A3794" s="5" t="s">
        <v>7</v>
      </c>
      <c r="B3794" s="5">
        <v>19475</v>
      </c>
      <c r="C3794" s="5" t="s">
        <v>8</v>
      </c>
      <c r="D3794" s="5" t="s">
        <v>8</v>
      </c>
      <c r="E3794" s="6">
        <v>11001</v>
      </c>
      <c r="F3794" s="5" t="s">
        <v>7279</v>
      </c>
      <c r="G3794" s="5" t="s">
        <v>7280</v>
      </c>
    </row>
    <row r="3795" spans="1:7">
      <c r="A3795" s="5" t="s">
        <v>7</v>
      </c>
      <c r="B3795" s="5">
        <v>19476</v>
      </c>
      <c r="C3795" s="5" t="s">
        <v>8</v>
      </c>
      <c r="D3795" s="5" t="s">
        <v>8</v>
      </c>
      <c r="E3795" s="6">
        <v>11001</v>
      </c>
      <c r="F3795" s="5" t="s">
        <v>7503</v>
      </c>
      <c r="G3795" s="5" t="s">
        <v>7504</v>
      </c>
    </row>
    <row r="3796" spans="1:7">
      <c r="A3796" s="5" t="s">
        <v>7</v>
      </c>
      <c r="B3796" s="5">
        <v>19477</v>
      </c>
      <c r="C3796" s="5" t="s">
        <v>8</v>
      </c>
      <c r="D3796" s="5" t="s">
        <v>8</v>
      </c>
      <c r="E3796" s="6">
        <v>11001</v>
      </c>
      <c r="F3796" s="5" t="s">
        <v>7505</v>
      </c>
      <c r="G3796" s="5" t="s">
        <v>7506</v>
      </c>
    </row>
    <row r="3797" spans="1:7">
      <c r="A3797" s="5" t="s">
        <v>7</v>
      </c>
      <c r="B3797" s="5">
        <v>19478</v>
      </c>
      <c r="C3797" s="5" t="s">
        <v>8</v>
      </c>
      <c r="D3797" s="5" t="s">
        <v>8</v>
      </c>
      <c r="E3797" s="6">
        <v>11001</v>
      </c>
      <c r="F3797" s="5" t="s">
        <v>7507</v>
      </c>
      <c r="G3797" s="5" t="s">
        <v>7294</v>
      </c>
    </row>
    <row r="3798" spans="1:7">
      <c r="A3798" s="5" t="s">
        <v>7</v>
      </c>
      <c r="B3798" s="5">
        <v>19479</v>
      </c>
      <c r="C3798" s="5" t="s">
        <v>8</v>
      </c>
      <c r="D3798" s="5" t="s">
        <v>8</v>
      </c>
      <c r="E3798" s="6">
        <v>11001</v>
      </c>
      <c r="F3798" s="5" t="s">
        <v>7250</v>
      </c>
      <c r="G3798" s="5" t="s">
        <v>7249</v>
      </c>
    </row>
    <row r="3799" spans="1:7">
      <c r="A3799" s="5" t="s">
        <v>7</v>
      </c>
      <c r="B3799" s="5">
        <v>19480</v>
      </c>
      <c r="C3799" s="5" t="s">
        <v>8</v>
      </c>
      <c r="D3799" s="5" t="s">
        <v>8</v>
      </c>
      <c r="E3799" s="6">
        <v>11001</v>
      </c>
      <c r="F3799" s="5" t="s">
        <v>7252</v>
      </c>
      <c r="G3799" s="5" t="s">
        <v>7251</v>
      </c>
    </row>
    <row r="3800" spans="1:7">
      <c r="A3800" s="5" t="s">
        <v>7</v>
      </c>
      <c r="B3800" s="5">
        <v>19481</v>
      </c>
      <c r="C3800" s="5" t="s">
        <v>8</v>
      </c>
      <c r="D3800" s="5" t="s">
        <v>8</v>
      </c>
      <c r="E3800" s="6">
        <v>11001</v>
      </c>
      <c r="F3800" s="5" t="s">
        <v>7228</v>
      </c>
      <c r="G3800" s="5" t="s">
        <v>7229</v>
      </c>
    </row>
    <row r="3801" spans="1:7">
      <c r="A3801" s="5" t="s">
        <v>7</v>
      </c>
      <c r="B3801" s="5">
        <v>19482</v>
      </c>
      <c r="C3801" s="5" t="s">
        <v>8</v>
      </c>
      <c r="D3801" s="5" t="s">
        <v>8</v>
      </c>
      <c r="E3801" s="6">
        <v>11001</v>
      </c>
      <c r="F3801" s="5" t="s">
        <v>7254</v>
      </c>
      <c r="G3801" s="5" t="s">
        <v>7253</v>
      </c>
    </row>
    <row r="3802" spans="1:7">
      <c r="A3802" s="5" t="s">
        <v>7</v>
      </c>
      <c r="B3802" s="5">
        <v>19483</v>
      </c>
      <c r="C3802" s="5" t="s">
        <v>8</v>
      </c>
      <c r="D3802" s="5" t="s">
        <v>8</v>
      </c>
      <c r="E3802" s="6">
        <v>11001</v>
      </c>
      <c r="F3802" s="5" t="s">
        <v>7295</v>
      </c>
      <c r="G3802" s="5" t="s">
        <v>7296</v>
      </c>
    </row>
    <row r="3803" spans="1:7">
      <c r="A3803" s="5" t="s">
        <v>7</v>
      </c>
      <c r="B3803" s="5">
        <v>19484</v>
      </c>
      <c r="C3803" s="5" t="s">
        <v>8</v>
      </c>
      <c r="D3803" s="5" t="s">
        <v>8</v>
      </c>
      <c r="E3803" s="6">
        <v>11001</v>
      </c>
      <c r="F3803" s="5" t="s">
        <v>7256</v>
      </c>
      <c r="G3803" s="5" t="s">
        <v>7255</v>
      </c>
    </row>
    <row r="3804" spans="1:7">
      <c r="A3804" s="5" t="s">
        <v>7</v>
      </c>
      <c r="B3804" s="5">
        <v>19486</v>
      </c>
      <c r="C3804" s="5" t="s">
        <v>8</v>
      </c>
      <c r="D3804" s="5" t="s">
        <v>8</v>
      </c>
      <c r="E3804" s="6">
        <v>11001</v>
      </c>
      <c r="F3804" s="5" t="s">
        <v>7230</v>
      </c>
      <c r="G3804" s="5" t="s">
        <v>7231</v>
      </c>
    </row>
    <row r="3805" spans="1:7">
      <c r="A3805" s="5" t="s">
        <v>7</v>
      </c>
      <c r="B3805" s="5">
        <v>19487</v>
      </c>
      <c r="C3805" s="5" t="s">
        <v>8</v>
      </c>
      <c r="D3805" s="5" t="s">
        <v>8</v>
      </c>
      <c r="E3805" s="6">
        <v>11001</v>
      </c>
      <c r="F3805" s="5" t="s">
        <v>7508</v>
      </c>
      <c r="G3805" s="5" t="s">
        <v>7233</v>
      </c>
    </row>
    <row r="3806" spans="1:7">
      <c r="A3806" s="5" t="s">
        <v>7</v>
      </c>
      <c r="B3806" s="5">
        <v>19488</v>
      </c>
      <c r="C3806" s="5" t="s">
        <v>8</v>
      </c>
      <c r="D3806" s="5" t="s">
        <v>8</v>
      </c>
      <c r="E3806" s="6">
        <v>11001</v>
      </c>
      <c r="F3806" s="5" t="s">
        <v>7380</v>
      </c>
      <c r="G3806" s="5" t="s">
        <v>7381</v>
      </c>
    </row>
    <row r="3807" spans="1:7">
      <c r="A3807" s="5" t="s">
        <v>7</v>
      </c>
      <c r="B3807" s="5">
        <v>15381</v>
      </c>
      <c r="C3807" s="5" t="s">
        <v>8</v>
      </c>
      <c r="D3807" s="5" t="s">
        <v>8</v>
      </c>
      <c r="E3807" s="6">
        <v>11001</v>
      </c>
      <c r="F3807" s="5" t="s">
        <v>77</v>
      </c>
      <c r="G3807" s="5" t="s">
        <v>1992</v>
      </c>
    </row>
    <row r="3808" spans="1:7">
      <c r="A3808" s="5" t="s">
        <v>7</v>
      </c>
      <c r="B3808" s="5">
        <v>19296</v>
      </c>
      <c r="C3808" s="5" t="s">
        <v>4672</v>
      </c>
      <c r="D3808" s="5" t="s">
        <v>5312</v>
      </c>
      <c r="E3808" s="6">
        <v>76001</v>
      </c>
      <c r="F3808" s="5" t="s">
        <v>7509</v>
      </c>
      <c r="G3808" s="5" t="s">
        <v>7510</v>
      </c>
    </row>
    <row r="3809" spans="1:7">
      <c r="A3809" s="5" t="s">
        <v>7</v>
      </c>
      <c r="B3809" s="5">
        <v>19296</v>
      </c>
      <c r="C3809" s="5" t="s">
        <v>4672</v>
      </c>
      <c r="D3809" s="5" t="s">
        <v>5312</v>
      </c>
      <c r="E3809" s="6">
        <v>76001</v>
      </c>
      <c r="F3809" s="5" t="s">
        <v>7509</v>
      </c>
      <c r="G3809" s="5" t="s">
        <v>7510</v>
      </c>
    </row>
    <row r="3810" spans="1:7">
      <c r="A3810" s="5" t="s">
        <v>7</v>
      </c>
      <c r="B3810" s="5">
        <v>19296</v>
      </c>
      <c r="C3810" s="5" t="s">
        <v>4672</v>
      </c>
      <c r="D3810" s="5" t="s">
        <v>5312</v>
      </c>
      <c r="E3810" s="6">
        <v>76001</v>
      </c>
      <c r="F3810" s="5" t="s">
        <v>7509</v>
      </c>
      <c r="G3810" s="5" t="s">
        <v>7510</v>
      </c>
    </row>
    <row r="3811" spans="1:7">
      <c r="A3811" s="5" t="s">
        <v>7</v>
      </c>
      <c r="B3811" s="5">
        <v>19296</v>
      </c>
      <c r="C3811" s="5" t="s">
        <v>4672</v>
      </c>
      <c r="D3811" s="5" t="s">
        <v>5312</v>
      </c>
      <c r="E3811" s="6">
        <v>76001</v>
      </c>
      <c r="F3811" s="5" t="s">
        <v>7509</v>
      </c>
      <c r="G3811" s="5" t="s">
        <v>7510</v>
      </c>
    </row>
    <row r="3812" spans="1:7">
      <c r="A3812" s="5" t="s">
        <v>7</v>
      </c>
      <c r="B3812" s="5">
        <v>19297</v>
      </c>
      <c r="C3812" s="5" t="s">
        <v>8</v>
      </c>
      <c r="D3812" s="5" t="s">
        <v>8</v>
      </c>
      <c r="E3812" s="6">
        <v>11001</v>
      </c>
      <c r="F3812" s="5" t="s">
        <v>7511</v>
      </c>
      <c r="G3812" s="5" t="s">
        <v>7512</v>
      </c>
    </row>
    <row r="3813" spans="1:7">
      <c r="A3813" s="5" t="s">
        <v>7</v>
      </c>
      <c r="B3813" s="5">
        <v>19301</v>
      </c>
      <c r="C3813" s="5" t="s">
        <v>813</v>
      </c>
      <c r="D3813" s="5" t="s">
        <v>814</v>
      </c>
      <c r="E3813" s="6">
        <v>25754</v>
      </c>
      <c r="F3813" s="5" t="s">
        <v>7513</v>
      </c>
      <c r="G3813" s="5" t="s">
        <v>7514</v>
      </c>
    </row>
    <row r="3814" spans="1:7">
      <c r="A3814" s="5" t="s">
        <v>7</v>
      </c>
      <c r="B3814" s="5">
        <v>19304</v>
      </c>
      <c r="C3814" s="5" t="s">
        <v>8</v>
      </c>
      <c r="D3814" s="5" t="s">
        <v>8</v>
      </c>
      <c r="E3814" s="6">
        <v>11001</v>
      </c>
      <c r="F3814" s="5" t="s">
        <v>7167</v>
      </c>
      <c r="G3814" s="5" t="s">
        <v>7168</v>
      </c>
    </row>
    <row r="3815" spans="1:7">
      <c r="A3815" s="5" t="s">
        <v>7</v>
      </c>
      <c r="B3815" s="5">
        <v>19306</v>
      </c>
      <c r="C3815" s="5" t="s">
        <v>8</v>
      </c>
      <c r="D3815" s="5" t="s">
        <v>8</v>
      </c>
      <c r="E3815" s="6">
        <v>11001</v>
      </c>
      <c r="F3815" s="5" t="s">
        <v>6990</v>
      </c>
      <c r="G3815" s="5" t="s">
        <v>6991</v>
      </c>
    </row>
    <row r="3816" spans="1:7">
      <c r="A3816" s="5" t="s">
        <v>7</v>
      </c>
      <c r="B3816" s="5">
        <v>19307</v>
      </c>
      <c r="C3816" s="5" t="s">
        <v>8</v>
      </c>
      <c r="D3816" s="5" t="s">
        <v>8</v>
      </c>
      <c r="E3816" s="6">
        <v>11001</v>
      </c>
      <c r="F3816" s="5" t="s">
        <v>7515</v>
      </c>
      <c r="G3816" s="5" t="s">
        <v>7516</v>
      </c>
    </row>
    <row r="3817" spans="1:7">
      <c r="A3817" s="5" t="s">
        <v>7</v>
      </c>
      <c r="B3817" s="5">
        <v>19309</v>
      </c>
      <c r="C3817" s="5" t="s">
        <v>8</v>
      </c>
      <c r="D3817" s="5" t="s">
        <v>8</v>
      </c>
      <c r="E3817" s="6">
        <v>11001</v>
      </c>
      <c r="F3817" s="5" t="s">
        <v>7013</v>
      </c>
      <c r="G3817" s="5" t="s">
        <v>7014</v>
      </c>
    </row>
    <row r="3818" spans="1:7">
      <c r="A3818" s="5" t="s">
        <v>7</v>
      </c>
      <c r="B3818" s="5">
        <v>19311</v>
      </c>
      <c r="C3818" s="5" t="s">
        <v>8</v>
      </c>
      <c r="D3818" s="5" t="s">
        <v>8</v>
      </c>
      <c r="E3818" s="6">
        <v>11001</v>
      </c>
      <c r="F3818" s="5" t="s">
        <v>7017</v>
      </c>
      <c r="G3818" s="5" t="s">
        <v>7018</v>
      </c>
    </row>
    <row r="3819" spans="1:7">
      <c r="A3819" s="5" t="s">
        <v>7</v>
      </c>
      <c r="B3819" s="5">
        <v>19312</v>
      </c>
      <c r="C3819" s="5" t="s">
        <v>8</v>
      </c>
      <c r="D3819" s="5" t="s">
        <v>8</v>
      </c>
      <c r="E3819" s="6">
        <v>11001</v>
      </c>
      <c r="F3819" s="5" t="s">
        <v>7517</v>
      </c>
      <c r="G3819" s="5" t="s">
        <v>7518</v>
      </c>
    </row>
    <row r="3820" spans="1:7">
      <c r="A3820" s="5" t="s">
        <v>7</v>
      </c>
      <c r="B3820" s="5">
        <v>19314</v>
      </c>
      <c r="C3820" s="5" t="s">
        <v>8</v>
      </c>
      <c r="D3820" s="5" t="s">
        <v>8</v>
      </c>
      <c r="E3820" s="6">
        <v>11001</v>
      </c>
      <c r="F3820" s="5" t="s">
        <v>7519</v>
      </c>
      <c r="G3820" s="5" t="s">
        <v>7520</v>
      </c>
    </row>
    <row r="3821" spans="1:7">
      <c r="A3821" s="5" t="s">
        <v>7</v>
      </c>
      <c r="B3821" s="5">
        <v>19315</v>
      </c>
      <c r="C3821" s="5" t="s">
        <v>8</v>
      </c>
      <c r="D3821" s="5" t="s">
        <v>8</v>
      </c>
      <c r="E3821" s="6">
        <v>11001</v>
      </c>
      <c r="F3821" s="5" t="s">
        <v>7083</v>
      </c>
      <c r="G3821" s="5" t="s">
        <v>7084</v>
      </c>
    </row>
    <row r="3822" spans="1:7">
      <c r="A3822" s="5" t="s">
        <v>7</v>
      </c>
      <c r="B3822" s="5">
        <v>19316</v>
      </c>
      <c r="C3822" s="5" t="s">
        <v>8</v>
      </c>
      <c r="D3822" s="5" t="s">
        <v>8</v>
      </c>
      <c r="E3822" s="6">
        <v>11001</v>
      </c>
      <c r="F3822" s="5" t="s">
        <v>7019</v>
      </c>
      <c r="G3822" s="5" t="s">
        <v>7020</v>
      </c>
    </row>
    <row r="3823" spans="1:7">
      <c r="A3823" s="5" t="s">
        <v>7</v>
      </c>
      <c r="B3823" s="5">
        <v>19318</v>
      </c>
      <c r="C3823" s="5" t="s">
        <v>8</v>
      </c>
      <c r="D3823" s="5" t="s">
        <v>8</v>
      </c>
      <c r="E3823" s="6">
        <v>11001</v>
      </c>
      <c r="F3823" s="5" t="s">
        <v>7021</v>
      </c>
      <c r="G3823" s="5" t="s">
        <v>7022</v>
      </c>
    </row>
    <row r="3824" spans="1:7">
      <c r="A3824" s="5" t="s">
        <v>7</v>
      </c>
      <c r="B3824" s="5">
        <v>19320</v>
      </c>
      <c r="C3824" s="5" t="s">
        <v>8</v>
      </c>
      <c r="D3824" s="5" t="s">
        <v>8</v>
      </c>
      <c r="E3824" s="6">
        <v>11001</v>
      </c>
      <c r="F3824" s="5" t="s">
        <v>7521</v>
      </c>
      <c r="G3824" s="5" t="s">
        <v>7522</v>
      </c>
    </row>
    <row r="3825" spans="1:7">
      <c r="A3825" s="5" t="s">
        <v>7</v>
      </c>
      <c r="B3825" s="5">
        <v>19321</v>
      </c>
      <c r="C3825" s="5" t="s">
        <v>8</v>
      </c>
      <c r="D3825" s="5" t="s">
        <v>8</v>
      </c>
      <c r="E3825" s="6">
        <v>11001</v>
      </c>
      <c r="F3825" s="5" t="s">
        <v>7523</v>
      </c>
      <c r="G3825" s="5" t="s">
        <v>7524</v>
      </c>
    </row>
    <row r="3826" spans="1:7">
      <c r="A3826" s="5" t="s">
        <v>7</v>
      </c>
      <c r="B3826" s="5">
        <v>19321</v>
      </c>
      <c r="C3826" s="5" t="s">
        <v>8</v>
      </c>
      <c r="D3826" s="5" t="s">
        <v>8</v>
      </c>
      <c r="E3826" s="6">
        <v>11001</v>
      </c>
      <c r="F3826" s="5" t="s">
        <v>7523</v>
      </c>
      <c r="G3826" s="5" t="s">
        <v>7524</v>
      </c>
    </row>
    <row r="3827" spans="1:7">
      <c r="A3827" s="5" t="s">
        <v>7</v>
      </c>
      <c r="B3827" s="5">
        <v>19322</v>
      </c>
      <c r="C3827" s="5" t="s">
        <v>8</v>
      </c>
      <c r="D3827" s="5" t="s">
        <v>8</v>
      </c>
      <c r="E3827" s="6">
        <v>11001</v>
      </c>
      <c r="F3827" s="5" t="s">
        <v>7525</v>
      </c>
      <c r="G3827" s="5" t="s">
        <v>7526</v>
      </c>
    </row>
    <row r="3828" spans="1:7">
      <c r="A3828" s="5" t="s">
        <v>7</v>
      </c>
      <c r="B3828" s="5">
        <v>19322</v>
      </c>
      <c r="C3828" s="5" t="s">
        <v>8</v>
      </c>
      <c r="D3828" s="5" t="s">
        <v>8</v>
      </c>
      <c r="E3828" s="6">
        <v>11001</v>
      </c>
      <c r="F3828" s="5" t="s">
        <v>7525</v>
      </c>
      <c r="G3828" s="5" t="s">
        <v>7526</v>
      </c>
    </row>
    <row r="3829" spans="1:7">
      <c r="A3829" s="5" t="s">
        <v>7</v>
      </c>
      <c r="B3829" s="5">
        <v>19322</v>
      </c>
      <c r="C3829" s="5" t="s">
        <v>8</v>
      </c>
      <c r="D3829" s="5" t="s">
        <v>8</v>
      </c>
      <c r="E3829" s="6">
        <v>11001</v>
      </c>
      <c r="F3829" s="5" t="s">
        <v>7525</v>
      </c>
      <c r="G3829" s="5" t="s">
        <v>7526</v>
      </c>
    </row>
    <row r="3830" spans="1:7">
      <c r="A3830" s="5" t="s">
        <v>7</v>
      </c>
      <c r="B3830" s="5">
        <v>19323</v>
      </c>
      <c r="C3830" s="5" t="s">
        <v>3323</v>
      </c>
      <c r="D3830" s="5" t="s">
        <v>3431</v>
      </c>
      <c r="E3830" s="6">
        <v>54001</v>
      </c>
      <c r="F3830" s="5" t="s">
        <v>7085</v>
      </c>
      <c r="G3830" s="5" t="s">
        <v>7086</v>
      </c>
    </row>
    <row r="3831" spans="1:7">
      <c r="A3831" s="5" t="s">
        <v>7</v>
      </c>
      <c r="B3831" s="5">
        <v>19324</v>
      </c>
      <c r="C3831" s="5" t="s">
        <v>2542</v>
      </c>
      <c r="D3831" s="5" t="s">
        <v>2543</v>
      </c>
      <c r="E3831" s="6">
        <v>8001</v>
      </c>
      <c r="F3831" s="5" t="s">
        <v>7527</v>
      </c>
      <c r="G3831" s="5" t="s">
        <v>7528</v>
      </c>
    </row>
    <row r="3832" spans="1:7">
      <c r="A3832" s="5" t="s">
        <v>7</v>
      </c>
      <c r="B3832" s="5">
        <v>19325</v>
      </c>
      <c r="C3832" s="5" t="s">
        <v>2891</v>
      </c>
      <c r="D3832" s="5" t="s">
        <v>2892</v>
      </c>
      <c r="E3832" s="6">
        <v>13001</v>
      </c>
      <c r="F3832" s="5" t="s">
        <v>7023</v>
      </c>
      <c r="G3832" s="5" t="s">
        <v>7024</v>
      </c>
    </row>
    <row r="3833" spans="1:7">
      <c r="A3833" s="5" t="s">
        <v>7</v>
      </c>
      <c r="B3833" s="5">
        <v>19327</v>
      </c>
      <c r="C3833" s="5" t="s">
        <v>2891</v>
      </c>
      <c r="D3833" s="5" t="s">
        <v>2892</v>
      </c>
      <c r="E3833" s="6">
        <v>13001</v>
      </c>
      <c r="F3833" s="5" t="s">
        <v>7025</v>
      </c>
      <c r="G3833" s="5" t="s">
        <v>7026</v>
      </c>
    </row>
    <row r="3834" spans="1:7">
      <c r="A3834" s="5" t="s">
        <v>7</v>
      </c>
      <c r="B3834" s="5">
        <v>19328</v>
      </c>
      <c r="C3834" s="5" t="s">
        <v>2891</v>
      </c>
      <c r="D3834" s="5" t="s">
        <v>2892</v>
      </c>
      <c r="E3834" s="6">
        <v>13001</v>
      </c>
      <c r="F3834" s="5" t="s">
        <v>7529</v>
      </c>
      <c r="G3834" s="5" t="s">
        <v>7530</v>
      </c>
    </row>
    <row r="3835" spans="1:7">
      <c r="A3835" s="5" t="s">
        <v>7</v>
      </c>
      <c r="B3835" s="5">
        <v>19330</v>
      </c>
      <c r="C3835" s="5" t="s">
        <v>813</v>
      </c>
      <c r="D3835" s="5" t="s">
        <v>814</v>
      </c>
      <c r="E3835" s="6">
        <v>25754</v>
      </c>
      <c r="F3835" s="5" t="s">
        <v>7531</v>
      </c>
      <c r="G3835" s="5" t="s">
        <v>7532</v>
      </c>
    </row>
    <row r="3836" spans="1:7">
      <c r="A3836" s="5" t="s">
        <v>7</v>
      </c>
      <c r="B3836" s="5">
        <v>19331</v>
      </c>
      <c r="C3836" s="5" t="s">
        <v>8</v>
      </c>
      <c r="D3836" s="5" t="s">
        <v>8</v>
      </c>
      <c r="E3836" s="6">
        <v>11001</v>
      </c>
      <c r="F3836" s="5" t="s">
        <v>7144</v>
      </c>
      <c r="G3836" s="5" t="s">
        <v>7145</v>
      </c>
    </row>
    <row r="3837" spans="1:7">
      <c r="A3837" s="5" t="s">
        <v>7</v>
      </c>
      <c r="B3837" s="5">
        <v>19332</v>
      </c>
      <c r="C3837" s="5" t="s">
        <v>8</v>
      </c>
      <c r="D3837" s="5" t="s">
        <v>8</v>
      </c>
      <c r="E3837" s="6">
        <v>11001</v>
      </c>
      <c r="F3837" s="5" t="s">
        <v>7271</v>
      </c>
      <c r="G3837" s="5" t="s">
        <v>7272</v>
      </c>
    </row>
    <row r="3838" spans="1:7">
      <c r="A3838" s="5" t="s">
        <v>7</v>
      </c>
      <c r="B3838" s="5">
        <v>19333</v>
      </c>
      <c r="C3838" s="5" t="s">
        <v>8</v>
      </c>
      <c r="D3838" s="5" t="s">
        <v>8</v>
      </c>
      <c r="E3838" s="6">
        <v>11001</v>
      </c>
      <c r="F3838" s="5" t="s">
        <v>7053</v>
      </c>
      <c r="G3838" s="5" t="s">
        <v>7054</v>
      </c>
    </row>
    <row r="3839" spans="1:7">
      <c r="A3839" s="5" t="s">
        <v>7</v>
      </c>
      <c r="B3839" s="5">
        <v>19334</v>
      </c>
      <c r="C3839" s="5" t="s">
        <v>8</v>
      </c>
      <c r="D3839" s="5" t="s">
        <v>8</v>
      </c>
      <c r="E3839" s="6">
        <v>11001</v>
      </c>
      <c r="F3839" s="5" t="s">
        <v>7533</v>
      </c>
      <c r="G3839" s="5" t="s">
        <v>7534</v>
      </c>
    </row>
    <row r="3840" spans="1:7">
      <c r="A3840" s="5" t="s">
        <v>7</v>
      </c>
      <c r="B3840" s="5">
        <v>19335</v>
      </c>
      <c r="C3840" s="5" t="s">
        <v>8</v>
      </c>
      <c r="D3840" s="5" t="s">
        <v>8</v>
      </c>
      <c r="E3840" s="6">
        <v>11001</v>
      </c>
      <c r="F3840" s="5" t="s">
        <v>7535</v>
      </c>
      <c r="G3840" s="5" t="s">
        <v>7536</v>
      </c>
    </row>
    <row r="3841" spans="1:7">
      <c r="A3841" s="5" t="s">
        <v>7</v>
      </c>
      <c r="B3841" s="5">
        <v>19336</v>
      </c>
      <c r="C3841" s="5" t="s">
        <v>8</v>
      </c>
      <c r="D3841" s="5" t="s">
        <v>8</v>
      </c>
      <c r="E3841" s="6">
        <v>11001</v>
      </c>
      <c r="F3841" s="5" t="s">
        <v>7027</v>
      </c>
      <c r="G3841" s="5" t="s">
        <v>7028</v>
      </c>
    </row>
    <row r="3842" spans="1:7">
      <c r="A3842" s="5" t="s">
        <v>7</v>
      </c>
      <c r="B3842" s="5">
        <v>19337</v>
      </c>
      <c r="C3842" s="5" t="s">
        <v>8</v>
      </c>
      <c r="D3842" s="5" t="s">
        <v>8</v>
      </c>
      <c r="E3842" s="6">
        <v>11001</v>
      </c>
      <c r="F3842" s="5" t="s">
        <v>7197</v>
      </c>
      <c r="G3842" s="5" t="s">
        <v>7198</v>
      </c>
    </row>
    <row r="3843" spans="1:7">
      <c r="A3843" s="5" t="s">
        <v>7</v>
      </c>
      <c r="B3843" s="5">
        <v>19341</v>
      </c>
      <c r="C3843" s="5" t="s">
        <v>8</v>
      </c>
      <c r="D3843" s="5" t="s">
        <v>8</v>
      </c>
      <c r="E3843" s="6">
        <v>11001</v>
      </c>
      <c r="F3843" s="5" t="s">
        <v>7039</v>
      </c>
      <c r="G3843" s="5" t="s">
        <v>7040</v>
      </c>
    </row>
    <row r="3844" spans="1:7">
      <c r="A3844" s="5" t="s">
        <v>7</v>
      </c>
      <c r="B3844" s="5">
        <v>19342</v>
      </c>
      <c r="C3844" s="5" t="s">
        <v>8</v>
      </c>
      <c r="D3844" s="5" t="s">
        <v>8</v>
      </c>
      <c r="E3844" s="6">
        <v>11001</v>
      </c>
      <c r="F3844" s="5" t="s">
        <v>7055</v>
      </c>
      <c r="G3844" s="5" t="s">
        <v>7056</v>
      </c>
    </row>
    <row r="3845" spans="1:7">
      <c r="A3845" s="5" t="s">
        <v>7</v>
      </c>
      <c r="B3845" s="5">
        <v>19343</v>
      </c>
      <c r="C3845" s="5" t="s">
        <v>8</v>
      </c>
      <c r="D3845" s="5" t="s">
        <v>8</v>
      </c>
      <c r="E3845" s="6">
        <v>11001</v>
      </c>
      <c r="F3845" s="5" t="s">
        <v>7537</v>
      </c>
      <c r="G3845" s="5" t="s">
        <v>7538</v>
      </c>
    </row>
    <row r="3846" spans="1:7">
      <c r="A3846" s="5" t="s">
        <v>7</v>
      </c>
      <c r="B3846" s="5">
        <v>19344</v>
      </c>
      <c r="C3846" s="5" t="s">
        <v>8</v>
      </c>
      <c r="D3846" s="5" t="s">
        <v>8</v>
      </c>
      <c r="E3846" s="6">
        <v>11001</v>
      </c>
      <c r="F3846" s="5" t="s">
        <v>7087</v>
      </c>
      <c r="G3846" s="5" t="s">
        <v>7088</v>
      </c>
    </row>
    <row r="3847" spans="1:7">
      <c r="A3847" s="5" t="s">
        <v>7</v>
      </c>
      <c r="B3847" s="5">
        <v>19345</v>
      </c>
      <c r="C3847" s="5" t="s">
        <v>8</v>
      </c>
      <c r="D3847" s="5" t="s">
        <v>8</v>
      </c>
      <c r="E3847" s="6">
        <v>11001</v>
      </c>
      <c r="F3847" s="5" t="s">
        <v>7539</v>
      </c>
      <c r="G3847" s="5" t="s">
        <v>7540</v>
      </c>
    </row>
    <row r="3848" spans="1:7">
      <c r="A3848" s="5" t="s">
        <v>7</v>
      </c>
      <c r="B3848" s="5">
        <v>19346</v>
      </c>
      <c r="C3848" s="5" t="s">
        <v>8</v>
      </c>
      <c r="D3848" s="5" t="s">
        <v>8</v>
      </c>
      <c r="E3848" s="6">
        <v>11001</v>
      </c>
      <c r="F3848" s="5" t="s">
        <v>7541</v>
      </c>
      <c r="G3848" s="5" t="s">
        <v>7542</v>
      </c>
    </row>
    <row r="3849" spans="1:7">
      <c r="A3849" s="5" t="s">
        <v>7</v>
      </c>
      <c r="B3849" s="5">
        <v>19347</v>
      </c>
      <c r="C3849" s="5" t="s">
        <v>8</v>
      </c>
      <c r="D3849" s="5" t="s">
        <v>8</v>
      </c>
      <c r="E3849" s="6">
        <v>11001</v>
      </c>
      <c r="F3849" s="5" t="s">
        <v>7089</v>
      </c>
      <c r="G3849" s="5" t="s">
        <v>7090</v>
      </c>
    </row>
    <row r="3850" spans="1:7">
      <c r="A3850" s="5" t="s">
        <v>7</v>
      </c>
      <c r="B3850" s="5">
        <v>19348</v>
      </c>
      <c r="C3850" s="5" t="s">
        <v>8</v>
      </c>
      <c r="D3850" s="5" t="s">
        <v>8</v>
      </c>
      <c r="E3850" s="6">
        <v>11001</v>
      </c>
      <c r="F3850" s="5" t="s">
        <v>7543</v>
      </c>
      <c r="G3850" s="5" t="s">
        <v>7544</v>
      </c>
    </row>
    <row r="3851" spans="1:7">
      <c r="A3851" s="5" t="s">
        <v>7</v>
      </c>
      <c r="B3851" s="5">
        <v>19349</v>
      </c>
      <c r="C3851" s="5" t="s">
        <v>8</v>
      </c>
      <c r="D3851" s="5" t="s">
        <v>8</v>
      </c>
      <c r="E3851" s="6">
        <v>11001</v>
      </c>
      <c r="F3851" s="5" t="s">
        <v>7114</v>
      </c>
      <c r="G3851" s="5" t="s">
        <v>7115</v>
      </c>
    </row>
    <row r="3852" spans="1:7">
      <c r="A3852" s="5" t="s">
        <v>7</v>
      </c>
      <c r="B3852" s="5">
        <v>19350</v>
      </c>
      <c r="C3852" s="5" t="s">
        <v>8</v>
      </c>
      <c r="D3852" s="5" t="s">
        <v>8</v>
      </c>
      <c r="E3852" s="6">
        <v>11001</v>
      </c>
      <c r="F3852" s="5" t="s">
        <v>7545</v>
      </c>
      <c r="G3852" s="5" t="s">
        <v>7546</v>
      </c>
    </row>
    <row r="3853" spans="1:7">
      <c r="A3853" s="5" t="s">
        <v>7</v>
      </c>
      <c r="B3853" s="5">
        <v>19350</v>
      </c>
      <c r="C3853" s="5" t="s">
        <v>8</v>
      </c>
      <c r="D3853" s="5" t="s">
        <v>8</v>
      </c>
      <c r="E3853" s="6">
        <v>11001</v>
      </c>
      <c r="F3853" s="5" t="s">
        <v>7545</v>
      </c>
      <c r="G3853" s="5" t="s">
        <v>7546</v>
      </c>
    </row>
    <row r="3854" spans="1:7">
      <c r="A3854" s="5" t="s">
        <v>7</v>
      </c>
      <c r="B3854" s="5">
        <v>19350</v>
      </c>
      <c r="C3854" s="5" t="s">
        <v>8</v>
      </c>
      <c r="D3854" s="5" t="s">
        <v>8</v>
      </c>
      <c r="E3854" s="6">
        <v>11001</v>
      </c>
      <c r="F3854" s="5" t="s">
        <v>7545</v>
      </c>
      <c r="G3854" s="5" t="s">
        <v>7546</v>
      </c>
    </row>
    <row r="3855" spans="1:7">
      <c r="A3855" s="5" t="s">
        <v>7</v>
      </c>
      <c r="B3855" s="5">
        <v>19351</v>
      </c>
      <c r="C3855" s="5" t="s">
        <v>813</v>
      </c>
      <c r="D3855" s="5" t="s">
        <v>3219</v>
      </c>
      <c r="E3855" s="6">
        <v>25175</v>
      </c>
      <c r="F3855" s="5" t="s">
        <v>7547</v>
      </c>
      <c r="G3855" s="5" t="s">
        <v>7548</v>
      </c>
    </row>
    <row r="3856" spans="1:7">
      <c r="A3856" s="5" t="s">
        <v>7</v>
      </c>
      <c r="B3856" s="5">
        <v>19351</v>
      </c>
      <c r="C3856" s="5" t="s">
        <v>813</v>
      </c>
      <c r="D3856" s="5" t="s">
        <v>3219</v>
      </c>
      <c r="E3856" s="6">
        <v>25175</v>
      </c>
      <c r="F3856" s="5" t="s">
        <v>7547</v>
      </c>
      <c r="G3856" s="5" t="s">
        <v>7548</v>
      </c>
    </row>
    <row r="3857" spans="1:7">
      <c r="A3857" s="5" t="s">
        <v>7</v>
      </c>
      <c r="B3857" s="5">
        <v>19351</v>
      </c>
      <c r="C3857" s="5" t="s">
        <v>813</v>
      </c>
      <c r="D3857" s="5" t="s">
        <v>3219</v>
      </c>
      <c r="E3857" s="6">
        <v>25175</v>
      </c>
      <c r="F3857" s="5" t="s">
        <v>7547</v>
      </c>
      <c r="G3857" s="5" t="s">
        <v>7548</v>
      </c>
    </row>
    <row r="3858" spans="1:7">
      <c r="A3858" s="5" t="s">
        <v>7</v>
      </c>
      <c r="B3858" s="5">
        <v>19355</v>
      </c>
      <c r="C3858" s="5" t="s">
        <v>4368</v>
      </c>
      <c r="D3858" s="5" t="s">
        <v>4520</v>
      </c>
      <c r="E3858" s="6">
        <v>15759</v>
      </c>
      <c r="F3858" s="5" t="s">
        <v>7031</v>
      </c>
      <c r="G3858" s="5" t="s">
        <v>7032</v>
      </c>
    </row>
    <row r="3859" spans="1:7">
      <c r="A3859" s="5" t="s">
        <v>7</v>
      </c>
      <c r="B3859" s="5">
        <v>19357</v>
      </c>
      <c r="C3859" s="5" t="s">
        <v>813</v>
      </c>
      <c r="D3859" s="5" t="s">
        <v>814</v>
      </c>
      <c r="E3859" s="6">
        <v>25754</v>
      </c>
      <c r="F3859" s="5" t="s">
        <v>7033</v>
      </c>
      <c r="G3859" s="5" t="s">
        <v>7034</v>
      </c>
    </row>
    <row r="3860" spans="1:7">
      <c r="A3860" s="5" t="s">
        <v>7</v>
      </c>
      <c r="B3860" s="5">
        <v>19358</v>
      </c>
      <c r="C3860" s="5" t="s">
        <v>4368</v>
      </c>
      <c r="D3860" s="5" t="s">
        <v>4520</v>
      </c>
      <c r="E3860" s="6">
        <v>15759</v>
      </c>
      <c r="F3860" s="5" t="s">
        <v>7035</v>
      </c>
      <c r="G3860" s="5" t="s">
        <v>7036</v>
      </c>
    </row>
    <row r="3861" spans="1:7">
      <c r="A3861" s="5" t="s">
        <v>7</v>
      </c>
      <c r="B3861" s="5">
        <v>19359</v>
      </c>
      <c r="C3861" s="5" t="s">
        <v>8</v>
      </c>
      <c r="D3861" s="5" t="s">
        <v>8</v>
      </c>
      <c r="E3861" s="6">
        <v>11001</v>
      </c>
      <c r="F3861" s="5" t="s">
        <v>7037</v>
      </c>
      <c r="G3861" s="5" t="s">
        <v>7038</v>
      </c>
    </row>
    <row r="3862" spans="1:7">
      <c r="A3862" s="5" t="s">
        <v>7</v>
      </c>
      <c r="B3862" s="5">
        <v>19361</v>
      </c>
      <c r="C3862" s="5" t="s">
        <v>3203</v>
      </c>
      <c r="D3862" s="5" t="s">
        <v>5055</v>
      </c>
      <c r="E3862" s="6">
        <v>63001</v>
      </c>
      <c r="F3862" s="5" t="s">
        <v>7199</v>
      </c>
      <c r="G3862" s="5" t="s">
        <v>7200</v>
      </c>
    </row>
    <row r="3863" spans="1:7">
      <c r="A3863" s="5" t="s">
        <v>7</v>
      </c>
      <c r="B3863" s="5">
        <v>19362</v>
      </c>
      <c r="C3863" s="5" t="s">
        <v>2891</v>
      </c>
      <c r="D3863" s="5" t="s">
        <v>2892</v>
      </c>
      <c r="E3863" s="6">
        <v>13001</v>
      </c>
      <c r="F3863" s="5" t="s">
        <v>7116</v>
      </c>
      <c r="G3863" s="5" t="s">
        <v>7117</v>
      </c>
    </row>
    <row r="3864" spans="1:7">
      <c r="A3864" s="5" t="s">
        <v>7</v>
      </c>
      <c r="B3864" s="5">
        <v>19363</v>
      </c>
      <c r="C3864" s="5" t="s">
        <v>2891</v>
      </c>
      <c r="D3864" s="5" t="s">
        <v>2892</v>
      </c>
      <c r="E3864" s="6">
        <v>13001</v>
      </c>
      <c r="F3864" s="5" t="s">
        <v>7118</v>
      </c>
      <c r="G3864" s="5" t="s">
        <v>7119</v>
      </c>
    </row>
    <row r="3865" spans="1:7">
      <c r="A3865" s="5" t="s">
        <v>7</v>
      </c>
      <c r="B3865" s="5">
        <v>19364</v>
      </c>
      <c r="C3865" s="5" t="s">
        <v>8</v>
      </c>
      <c r="D3865" s="5" t="s">
        <v>8</v>
      </c>
      <c r="E3865" s="6">
        <v>11001</v>
      </c>
      <c r="F3865" s="5" t="s">
        <v>7057</v>
      </c>
      <c r="G3865" s="5" t="s">
        <v>7058</v>
      </c>
    </row>
    <row r="3866" spans="1:7">
      <c r="A3866" s="5" t="s">
        <v>7</v>
      </c>
      <c r="B3866" s="5">
        <v>19365</v>
      </c>
      <c r="C3866" s="5" t="s">
        <v>8</v>
      </c>
      <c r="D3866" s="5" t="s">
        <v>8</v>
      </c>
      <c r="E3866" s="6">
        <v>11001</v>
      </c>
      <c r="F3866" s="5" t="s">
        <v>7091</v>
      </c>
      <c r="G3866" s="5" t="s">
        <v>7092</v>
      </c>
    </row>
    <row r="3867" spans="1:7">
      <c r="A3867" s="5" t="s">
        <v>7</v>
      </c>
      <c r="B3867" s="5">
        <v>19367</v>
      </c>
      <c r="C3867" s="5" t="s">
        <v>8</v>
      </c>
      <c r="D3867" s="5" t="s">
        <v>8</v>
      </c>
      <c r="E3867" s="6">
        <v>11001</v>
      </c>
      <c r="F3867" s="5" t="s">
        <v>7059</v>
      </c>
      <c r="G3867" s="5" t="s">
        <v>7060</v>
      </c>
    </row>
    <row r="3868" spans="1:7">
      <c r="A3868" s="5" t="s">
        <v>7</v>
      </c>
      <c r="B3868" s="5">
        <v>19368</v>
      </c>
      <c r="C3868" s="5" t="s">
        <v>8</v>
      </c>
      <c r="D3868" s="5" t="s">
        <v>8</v>
      </c>
      <c r="E3868" s="6">
        <v>11001</v>
      </c>
      <c r="F3868" s="5" t="s">
        <v>7061</v>
      </c>
      <c r="G3868" s="5" t="s">
        <v>7062</v>
      </c>
    </row>
    <row r="3869" spans="1:7">
      <c r="A3869" s="5" t="s">
        <v>7</v>
      </c>
      <c r="B3869" s="5">
        <v>19369</v>
      </c>
      <c r="C3869" s="5" t="s">
        <v>8</v>
      </c>
      <c r="D3869" s="5" t="s">
        <v>8</v>
      </c>
      <c r="E3869" s="6">
        <v>11001</v>
      </c>
      <c r="F3869" s="5" t="s">
        <v>7120</v>
      </c>
      <c r="G3869" s="5" t="s">
        <v>7121</v>
      </c>
    </row>
    <row r="3870" spans="1:7">
      <c r="A3870" s="5" t="s">
        <v>7</v>
      </c>
      <c r="B3870" s="5">
        <v>19374</v>
      </c>
      <c r="C3870" s="5" t="s">
        <v>4368</v>
      </c>
      <c r="D3870" s="5" t="s">
        <v>4520</v>
      </c>
      <c r="E3870" s="6">
        <v>15759</v>
      </c>
      <c r="F3870" s="5" t="s">
        <v>7063</v>
      </c>
      <c r="G3870" s="5" t="s">
        <v>7064</v>
      </c>
    </row>
    <row r="3871" spans="1:7">
      <c r="A3871" s="5" t="s">
        <v>7</v>
      </c>
      <c r="B3871" s="5">
        <v>19375</v>
      </c>
      <c r="C3871" s="5" t="s">
        <v>2542</v>
      </c>
      <c r="D3871" s="5" t="s">
        <v>2543</v>
      </c>
      <c r="E3871" s="6">
        <v>8001</v>
      </c>
      <c r="F3871" s="5" t="s">
        <v>7549</v>
      </c>
      <c r="G3871" s="5" t="s">
        <v>7550</v>
      </c>
    </row>
    <row r="3872" spans="1:7">
      <c r="A3872" s="5" t="s">
        <v>7</v>
      </c>
      <c r="B3872" s="5">
        <v>19376</v>
      </c>
      <c r="C3872" s="5" t="s">
        <v>2891</v>
      </c>
      <c r="D3872" s="5" t="s">
        <v>2892</v>
      </c>
      <c r="E3872" s="6">
        <v>13001</v>
      </c>
      <c r="F3872" s="5" t="s">
        <v>7224</v>
      </c>
      <c r="G3872" s="5" t="s">
        <v>7225</v>
      </c>
    </row>
    <row r="3873" spans="1:7">
      <c r="A3873" s="5" t="s">
        <v>7</v>
      </c>
      <c r="B3873" s="5">
        <v>19378</v>
      </c>
      <c r="C3873" s="5" t="s">
        <v>8</v>
      </c>
      <c r="D3873" s="5" t="s">
        <v>8</v>
      </c>
      <c r="E3873" s="6">
        <v>11001</v>
      </c>
      <c r="F3873" s="5" t="s">
        <v>7122</v>
      </c>
      <c r="G3873" s="5" t="s">
        <v>7123</v>
      </c>
    </row>
    <row r="3874" spans="1:7">
      <c r="A3874" s="5" t="s">
        <v>7</v>
      </c>
      <c r="B3874" s="5">
        <v>19379</v>
      </c>
      <c r="C3874" s="5" t="s">
        <v>8</v>
      </c>
      <c r="D3874" s="5" t="s">
        <v>8</v>
      </c>
      <c r="E3874" s="6">
        <v>11001</v>
      </c>
      <c r="F3874" s="5" t="s">
        <v>7095</v>
      </c>
      <c r="G3874" s="5" t="s">
        <v>7096</v>
      </c>
    </row>
    <row r="3875" spans="1:7">
      <c r="A3875" s="5" t="s">
        <v>7</v>
      </c>
      <c r="B3875" s="5">
        <v>19380</v>
      </c>
      <c r="C3875" s="5" t="s">
        <v>8</v>
      </c>
      <c r="D3875" s="5" t="s">
        <v>8</v>
      </c>
      <c r="E3875" s="6">
        <v>11001</v>
      </c>
      <c r="F3875" s="5" t="s">
        <v>7378</v>
      </c>
      <c r="G3875" s="5" t="s">
        <v>7379</v>
      </c>
    </row>
    <row r="3876" spans="1:7">
      <c r="A3876" s="5" t="s">
        <v>7</v>
      </c>
      <c r="B3876" s="5">
        <v>19381</v>
      </c>
      <c r="C3876" s="5" t="s">
        <v>8</v>
      </c>
      <c r="D3876" s="5" t="s">
        <v>8</v>
      </c>
      <c r="E3876" s="6">
        <v>11001</v>
      </c>
      <c r="F3876" s="5" t="s">
        <v>7124</v>
      </c>
      <c r="G3876" s="5" t="s">
        <v>7125</v>
      </c>
    </row>
    <row r="3877" spans="1:7">
      <c r="A3877" s="5" t="s">
        <v>7</v>
      </c>
      <c r="B3877" s="5">
        <v>19382</v>
      </c>
      <c r="C3877" s="5" t="s">
        <v>8</v>
      </c>
      <c r="D3877" s="5" t="s">
        <v>8</v>
      </c>
      <c r="E3877" s="6">
        <v>11001</v>
      </c>
      <c r="F3877" s="5" t="s">
        <v>7303</v>
      </c>
      <c r="G3877" s="5" t="s">
        <v>7304</v>
      </c>
    </row>
    <row r="3878" spans="1:7">
      <c r="A3878" s="5" t="s">
        <v>7</v>
      </c>
      <c r="B3878" s="5">
        <v>19383</v>
      </c>
      <c r="C3878" s="5" t="s">
        <v>8</v>
      </c>
      <c r="D3878" s="5" t="s">
        <v>8</v>
      </c>
      <c r="E3878" s="6">
        <v>11001</v>
      </c>
      <c r="F3878" s="5" t="s">
        <v>3335</v>
      </c>
      <c r="G3878" s="5" t="s">
        <v>7097</v>
      </c>
    </row>
    <row r="3879" spans="1:7">
      <c r="A3879" s="5" t="s">
        <v>7</v>
      </c>
      <c r="B3879" s="5">
        <v>19387</v>
      </c>
      <c r="C3879" s="5" t="s">
        <v>8</v>
      </c>
      <c r="D3879" s="5" t="s">
        <v>8</v>
      </c>
      <c r="E3879" s="6">
        <v>11001</v>
      </c>
      <c r="F3879" s="5" t="s">
        <v>7098</v>
      </c>
      <c r="G3879" s="5" t="s">
        <v>7099</v>
      </c>
    </row>
    <row r="3880" spans="1:7">
      <c r="A3880" s="5" t="s">
        <v>7</v>
      </c>
      <c r="B3880" s="5">
        <v>19389</v>
      </c>
      <c r="C3880" s="5" t="s">
        <v>8</v>
      </c>
      <c r="D3880" s="5" t="s">
        <v>8</v>
      </c>
      <c r="E3880" s="6">
        <v>11001</v>
      </c>
      <c r="F3880" s="5" t="s">
        <v>7204</v>
      </c>
      <c r="G3880" s="5" t="s">
        <v>7205</v>
      </c>
    </row>
    <row r="3881" spans="1:7">
      <c r="A3881" s="5" t="s">
        <v>7</v>
      </c>
      <c r="B3881" s="5">
        <v>19390</v>
      </c>
      <c r="C3881" s="5" t="s">
        <v>8</v>
      </c>
      <c r="D3881" s="5" t="s">
        <v>8</v>
      </c>
      <c r="E3881" s="6">
        <v>11001</v>
      </c>
      <c r="F3881" s="5" t="s">
        <v>7171</v>
      </c>
      <c r="G3881" s="5" t="s">
        <v>7172</v>
      </c>
    </row>
    <row r="3882" spans="1:7">
      <c r="A3882" s="5" t="s">
        <v>7</v>
      </c>
      <c r="B3882" s="5">
        <v>19391</v>
      </c>
      <c r="C3882" s="5" t="s">
        <v>8</v>
      </c>
      <c r="D3882" s="5" t="s">
        <v>8</v>
      </c>
      <c r="E3882" s="6">
        <v>11001</v>
      </c>
      <c r="F3882" s="5" t="s">
        <v>7551</v>
      </c>
      <c r="G3882" s="5" t="s">
        <v>7552</v>
      </c>
    </row>
    <row r="3883" spans="1:7">
      <c r="A3883" s="5" t="s">
        <v>7</v>
      </c>
      <c r="B3883" s="5">
        <v>19393</v>
      </c>
      <c r="C3883" s="5" t="s">
        <v>8</v>
      </c>
      <c r="D3883" s="5" t="s">
        <v>8</v>
      </c>
      <c r="E3883" s="6">
        <v>11001</v>
      </c>
      <c r="F3883" s="5" t="s">
        <v>7553</v>
      </c>
      <c r="G3883" s="5" t="s">
        <v>7554</v>
      </c>
    </row>
    <row r="3884" spans="1:7">
      <c r="A3884" s="5" t="s">
        <v>7</v>
      </c>
      <c r="B3884" s="5">
        <v>19395</v>
      </c>
      <c r="C3884" s="5" t="s">
        <v>4368</v>
      </c>
      <c r="D3884" s="5" t="s">
        <v>4520</v>
      </c>
      <c r="E3884" s="6">
        <v>15759</v>
      </c>
      <c r="F3884" s="5" t="s">
        <v>7100</v>
      </c>
      <c r="G3884" s="5" t="s">
        <v>7555</v>
      </c>
    </row>
    <row r="3885" spans="1:7">
      <c r="A3885" s="5" t="s">
        <v>7</v>
      </c>
      <c r="B3885" s="5">
        <v>19396</v>
      </c>
      <c r="C3885" s="5" t="s">
        <v>4368</v>
      </c>
      <c r="D3885" s="5" t="s">
        <v>4520</v>
      </c>
      <c r="E3885" s="6">
        <v>15759</v>
      </c>
      <c r="F3885" s="5" t="s">
        <v>7128</v>
      </c>
      <c r="G3885" s="5" t="s">
        <v>7129</v>
      </c>
    </row>
    <row r="3886" spans="1:7">
      <c r="A3886" s="5" t="s">
        <v>7</v>
      </c>
      <c r="B3886" s="5">
        <v>19397</v>
      </c>
      <c r="C3886" s="5" t="s">
        <v>4368</v>
      </c>
      <c r="D3886" s="5" t="s">
        <v>4520</v>
      </c>
      <c r="E3886" s="6">
        <v>15759</v>
      </c>
      <c r="F3886" s="5" t="s">
        <v>7130</v>
      </c>
      <c r="G3886" s="5" t="s">
        <v>7131</v>
      </c>
    </row>
    <row r="3887" spans="1:7">
      <c r="A3887" s="5" t="s">
        <v>7</v>
      </c>
      <c r="B3887" s="5">
        <v>19399</v>
      </c>
      <c r="C3887" s="5" t="s">
        <v>813</v>
      </c>
      <c r="D3887" s="5" t="s">
        <v>7206</v>
      </c>
      <c r="E3887" s="6">
        <v>25841</v>
      </c>
      <c r="F3887" s="5" t="s">
        <v>7207</v>
      </c>
      <c r="G3887" s="5" t="s">
        <v>7556</v>
      </c>
    </row>
    <row r="3888" spans="1:7">
      <c r="A3888" s="5" t="s">
        <v>7</v>
      </c>
      <c r="B3888" s="5">
        <v>19400</v>
      </c>
      <c r="C3888" s="5" t="s">
        <v>813</v>
      </c>
      <c r="D3888" s="5" t="s">
        <v>814</v>
      </c>
      <c r="E3888" s="6">
        <v>25754</v>
      </c>
      <c r="F3888" s="5" t="s">
        <v>7132</v>
      </c>
      <c r="G3888" s="5" t="s">
        <v>7133</v>
      </c>
    </row>
    <row r="3889" spans="1:7">
      <c r="A3889" s="5" t="s">
        <v>7</v>
      </c>
      <c r="B3889" s="5">
        <v>19401</v>
      </c>
      <c r="C3889" s="5" t="s">
        <v>4368</v>
      </c>
      <c r="D3889" s="5" t="s">
        <v>6967</v>
      </c>
      <c r="E3889" s="6">
        <v>15299</v>
      </c>
      <c r="F3889" s="5" t="s">
        <v>7183</v>
      </c>
      <c r="G3889" s="5" t="s">
        <v>7184</v>
      </c>
    </row>
    <row r="3890" spans="1:7">
      <c r="A3890" s="5" t="s">
        <v>7</v>
      </c>
      <c r="B3890" s="5">
        <v>19402</v>
      </c>
      <c r="C3890" s="5" t="s">
        <v>813</v>
      </c>
      <c r="D3890" s="5" t="s">
        <v>814</v>
      </c>
      <c r="E3890" s="6">
        <v>25754</v>
      </c>
      <c r="F3890" s="5" t="s">
        <v>7557</v>
      </c>
      <c r="G3890" s="5" t="s">
        <v>7558</v>
      </c>
    </row>
    <row r="3891" spans="1:7">
      <c r="A3891" s="5" t="s">
        <v>7</v>
      </c>
      <c r="B3891" s="5">
        <v>19403</v>
      </c>
      <c r="C3891" s="5" t="s">
        <v>813</v>
      </c>
      <c r="D3891" s="5" t="s">
        <v>2842</v>
      </c>
      <c r="E3891" s="6">
        <v>25899</v>
      </c>
      <c r="F3891" s="5" t="s">
        <v>7559</v>
      </c>
      <c r="G3891" s="5" t="s">
        <v>7560</v>
      </c>
    </row>
    <row r="3892" spans="1:7">
      <c r="A3892" s="5" t="s">
        <v>7</v>
      </c>
      <c r="B3892" s="5">
        <v>19404</v>
      </c>
      <c r="C3892" s="5" t="s">
        <v>4368</v>
      </c>
      <c r="D3892" s="5" t="s">
        <v>5909</v>
      </c>
      <c r="E3892" s="6">
        <v>15001</v>
      </c>
      <c r="F3892" s="5" t="s">
        <v>7561</v>
      </c>
      <c r="G3892" s="5" t="s">
        <v>7562</v>
      </c>
    </row>
    <row r="3893" spans="1:7">
      <c r="A3893" s="5" t="s">
        <v>7</v>
      </c>
      <c r="B3893" s="5">
        <v>19405</v>
      </c>
      <c r="C3893" s="5" t="s">
        <v>8</v>
      </c>
      <c r="D3893" s="5" t="s">
        <v>8</v>
      </c>
      <c r="E3893" s="6">
        <v>11001</v>
      </c>
      <c r="F3893" s="5" t="s">
        <v>7148</v>
      </c>
      <c r="G3893" s="5" t="s">
        <v>7149</v>
      </c>
    </row>
    <row r="3894" spans="1:7">
      <c r="A3894" s="5" t="s">
        <v>7</v>
      </c>
      <c r="B3894" s="5">
        <v>19406</v>
      </c>
      <c r="C3894" s="5" t="s">
        <v>8</v>
      </c>
      <c r="D3894" s="5" t="s">
        <v>8</v>
      </c>
      <c r="E3894" s="6">
        <v>11001</v>
      </c>
      <c r="F3894" s="5" t="s">
        <v>7563</v>
      </c>
      <c r="G3894" s="5" t="s">
        <v>7564</v>
      </c>
    </row>
    <row r="3895" spans="1:7">
      <c r="A3895" s="5" t="s">
        <v>7</v>
      </c>
      <c r="B3895" s="5">
        <v>19407</v>
      </c>
      <c r="C3895" s="5" t="s">
        <v>8</v>
      </c>
      <c r="D3895" s="5" t="s">
        <v>8</v>
      </c>
      <c r="E3895" s="6">
        <v>11001</v>
      </c>
      <c r="F3895" s="5" t="s">
        <v>3226</v>
      </c>
      <c r="G3895" s="5" t="s">
        <v>7150</v>
      </c>
    </row>
    <row r="3896" spans="1:7">
      <c r="A3896" s="5" t="s">
        <v>7</v>
      </c>
      <c r="B3896" s="5">
        <v>19408</v>
      </c>
      <c r="C3896" s="5" t="s">
        <v>8</v>
      </c>
      <c r="D3896" s="5" t="s">
        <v>8</v>
      </c>
      <c r="E3896" s="6">
        <v>11001</v>
      </c>
      <c r="F3896" s="5" t="s">
        <v>7565</v>
      </c>
      <c r="G3896" s="5" t="s">
        <v>7566</v>
      </c>
    </row>
    <row r="3897" spans="1:7">
      <c r="A3897" s="5" t="s">
        <v>7</v>
      </c>
      <c r="B3897" s="5">
        <v>19409</v>
      </c>
      <c r="C3897" s="5" t="s">
        <v>8</v>
      </c>
      <c r="D3897" s="5" t="s">
        <v>8</v>
      </c>
      <c r="E3897" s="6">
        <v>11001</v>
      </c>
      <c r="F3897" s="5" t="s">
        <v>7567</v>
      </c>
      <c r="G3897" s="5" t="s">
        <v>7568</v>
      </c>
    </row>
    <row r="3898" spans="1:7">
      <c r="A3898" s="5" t="s">
        <v>7</v>
      </c>
      <c r="B3898" s="5">
        <v>19410</v>
      </c>
      <c r="C3898" s="5" t="s">
        <v>8</v>
      </c>
      <c r="D3898" s="5" t="s">
        <v>8</v>
      </c>
      <c r="E3898" s="6">
        <v>11001</v>
      </c>
      <c r="F3898" s="5" t="s">
        <v>7569</v>
      </c>
      <c r="G3898" s="5" t="s">
        <v>7570</v>
      </c>
    </row>
    <row r="3899" spans="1:7">
      <c r="A3899" s="5" t="s">
        <v>7</v>
      </c>
      <c r="B3899" s="5">
        <v>19411</v>
      </c>
      <c r="C3899" s="5" t="s">
        <v>8</v>
      </c>
      <c r="D3899" s="5" t="s">
        <v>8</v>
      </c>
      <c r="E3899" s="6">
        <v>11001</v>
      </c>
      <c r="F3899" s="5" t="s">
        <v>7571</v>
      </c>
      <c r="G3899" s="5" t="s">
        <v>7135</v>
      </c>
    </row>
    <row r="3900" spans="1:7">
      <c r="A3900" s="5" t="s">
        <v>7</v>
      </c>
      <c r="B3900" s="5">
        <v>19412</v>
      </c>
      <c r="C3900" s="5" t="s">
        <v>8</v>
      </c>
      <c r="D3900" s="5" t="s">
        <v>8</v>
      </c>
      <c r="E3900" s="6">
        <v>11001</v>
      </c>
      <c r="F3900" s="5" t="s">
        <v>7151</v>
      </c>
      <c r="G3900" s="5" t="s">
        <v>7152</v>
      </c>
    </row>
    <row r="3901" spans="1:7">
      <c r="A3901" s="5" t="s">
        <v>7</v>
      </c>
      <c r="B3901" s="5">
        <v>19413</v>
      </c>
      <c r="C3901" s="5" t="s">
        <v>8</v>
      </c>
      <c r="D3901" s="5" t="s">
        <v>8</v>
      </c>
      <c r="E3901" s="6">
        <v>11001</v>
      </c>
      <c r="F3901" s="5" t="s">
        <v>7136</v>
      </c>
      <c r="G3901" s="5" t="s">
        <v>7137</v>
      </c>
    </row>
    <row r="3902" spans="1:7">
      <c r="A3902" s="5" t="s">
        <v>7</v>
      </c>
      <c r="B3902" s="5">
        <v>19415</v>
      </c>
      <c r="C3902" s="5" t="s">
        <v>8</v>
      </c>
      <c r="D3902" s="5" t="s">
        <v>8</v>
      </c>
      <c r="E3902" s="6">
        <v>11001</v>
      </c>
      <c r="F3902" s="5" t="s">
        <v>7153</v>
      </c>
      <c r="G3902" s="5" t="s">
        <v>7154</v>
      </c>
    </row>
    <row r="3903" spans="1:7">
      <c r="A3903" s="5" t="s">
        <v>7</v>
      </c>
      <c r="B3903" s="5">
        <v>19416</v>
      </c>
      <c r="C3903" s="5" t="s">
        <v>8</v>
      </c>
      <c r="D3903" s="5" t="s">
        <v>8</v>
      </c>
      <c r="E3903" s="6">
        <v>11001</v>
      </c>
      <c r="F3903" s="5" t="s">
        <v>7572</v>
      </c>
      <c r="G3903" s="5" t="s">
        <v>7573</v>
      </c>
    </row>
    <row r="3904" spans="1:7">
      <c r="A3904" s="5" t="s">
        <v>7</v>
      </c>
      <c r="B3904" s="5">
        <v>19417</v>
      </c>
      <c r="C3904" s="5" t="s">
        <v>8</v>
      </c>
      <c r="D3904" s="5" t="s">
        <v>8</v>
      </c>
      <c r="E3904" s="6">
        <v>11001</v>
      </c>
      <c r="F3904" s="5" t="s">
        <v>7155</v>
      </c>
      <c r="G3904" s="5" t="s">
        <v>7574</v>
      </c>
    </row>
    <row r="3905" spans="1:7">
      <c r="A3905" s="5" t="s">
        <v>7</v>
      </c>
      <c r="B3905" s="5">
        <v>19175</v>
      </c>
      <c r="C3905" s="5" t="s">
        <v>4368</v>
      </c>
      <c r="D3905" s="5" t="s">
        <v>5909</v>
      </c>
      <c r="E3905" s="6">
        <v>15001</v>
      </c>
      <c r="F3905" s="5" t="s">
        <v>6821</v>
      </c>
      <c r="G3905" s="5" t="s">
        <v>6822</v>
      </c>
    </row>
    <row r="3906" spans="1:7">
      <c r="A3906" s="5" t="s">
        <v>7</v>
      </c>
      <c r="B3906" s="5">
        <v>19179</v>
      </c>
      <c r="C3906" s="5" t="s">
        <v>8</v>
      </c>
      <c r="D3906" s="5" t="s">
        <v>8</v>
      </c>
      <c r="E3906" s="6">
        <v>11001</v>
      </c>
      <c r="F3906" s="5" t="s">
        <v>7575</v>
      </c>
      <c r="G3906" s="5" t="s">
        <v>7576</v>
      </c>
    </row>
    <row r="3907" spans="1:7">
      <c r="A3907" s="5" t="s">
        <v>7</v>
      </c>
      <c r="B3907" s="5">
        <v>19181</v>
      </c>
      <c r="C3907" s="5" t="s">
        <v>8</v>
      </c>
      <c r="D3907" s="5" t="s">
        <v>8</v>
      </c>
      <c r="E3907" s="6">
        <v>11001</v>
      </c>
      <c r="F3907" s="5" t="s">
        <v>6823</v>
      </c>
      <c r="G3907" s="5" t="s">
        <v>6824</v>
      </c>
    </row>
    <row r="3908" spans="1:7">
      <c r="A3908" s="5" t="s">
        <v>7</v>
      </c>
      <c r="B3908" s="5">
        <v>19182</v>
      </c>
      <c r="C3908" s="5" t="s">
        <v>8</v>
      </c>
      <c r="D3908" s="5" t="s">
        <v>8</v>
      </c>
      <c r="E3908" s="6">
        <v>11001</v>
      </c>
      <c r="F3908" s="5" t="s">
        <v>6917</v>
      </c>
      <c r="G3908" s="5" t="s">
        <v>6918</v>
      </c>
    </row>
    <row r="3909" spans="1:7">
      <c r="A3909" s="5" t="s">
        <v>7</v>
      </c>
      <c r="B3909" s="5">
        <v>19183</v>
      </c>
      <c r="C3909" s="5" t="s">
        <v>8</v>
      </c>
      <c r="D3909" s="5" t="s">
        <v>8</v>
      </c>
      <c r="E3909" s="6">
        <v>11001</v>
      </c>
      <c r="F3909" s="5" t="s">
        <v>6865</v>
      </c>
      <c r="G3909" s="5" t="s">
        <v>6866</v>
      </c>
    </row>
    <row r="3910" spans="1:7">
      <c r="A3910" s="5" t="s">
        <v>7</v>
      </c>
      <c r="B3910" s="5">
        <v>19186</v>
      </c>
      <c r="C3910" s="5" t="s">
        <v>8</v>
      </c>
      <c r="D3910" s="5" t="s">
        <v>8</v>
      </c>
      <c r="E3910" s="6">
        <v>11001</v>
      </c>
      <c r="F3910" s="5" t="s">
        <v>7577</v>
      </c>
      <c r="G3910" s="5" t="s">
        <v>7578</v>
      </c>
    </row>
    <row r="3911" spans="1:7">
      <c r="A3911" s="5" t="s">
        <v>7</v>
      </c>
      <c r="B3911" s="5">
        <v>19186</v>
      </c>
      <c r="C3911" s="5" t="s">
        <v>8</v>
      </c>
      <c r="D3911" s="5" t="s">
        <v>8</v>
      </c>
      <c r="E3911" s="6">
        <v>11001</v>
      </c>
      <c r="F3911" s="5" t="s">
        <v>7577</v>
      </c>
      <c r="G3911" s="5" t="s">
        <v>7578</v>
      </c>
    </row>
    <row r="3912" spans="1:7">
      <c r="A3912" s="5" t="s">
        <v>7</v>
      </c>
      <c r="B3912" s="5">
        <v>19188</v>
      </c>
      <c r="C3912" s="5" t="s">
        <v>2929</v>
      </c>
      <c r="D3912" s="5" t="s">
        <v>7072</v>
      </c>
      <c r="E3912" s="6">
        <v>73449</v>
      </c>
      <c r="F3912" s="5" t="s">
        <v>7073</v>
      </c>
      <c r="G3912" s="5" t="s">
        <v>7074</v>
      </c>
    </row>
    <row r="3913" spans="1:7">
      <c r="A3913" s="5" t="s">
        <v>7</v>
      </c>
      <c r="B3913" s="5">
        <v>19189</v>
      </c>
      <c r="C3913" s="5" t="s">
        <v>813</v>
      </c>
      <c r="D3913" s="5" t="s">
        <v>7579</v>
      </c>
      <c r="E3913" s="6">
        <v>25328</v>
      </c>
      <c r="F3913" s="5" t="s">
        <v>6868</v>
      </c>
      <c r="G3913" s="5" t="s">
        <v>6869</v>
      </c>
    </row>
    <row r="3914" spans="1:7">
      <c r="A3914" s="5" t="s">
        <v>7</v>
      </c>
      <c r="B3914" s="5">
        <v>19190</v>
      </c>
      <c r="C3914" s="5" t="s">
        <v>4368</v>
      </c>
      <c r="D3914" s="5" t="s">
        <v>5909</v>
      </c>
      <c r="E3914" s="6">
        <v>15001</v>
      </c>
      <c r="F3914" s="5" t="s">
        <v>6870</v>
      </c>
      <c r="G3914" s="5" t="s">
        <v>6871</v>
      </c>
    </row>
    <row r="3915" spans="1:7">
      <c r="A3915" s="5" t="s">
        <v>7</v>
      </c>
      <c r="B3915" s="5">
        <v>19191</v>
      </c>
      <c r="C3915" s="5" t="s">
        <v>4368</v>
      </c>
      <c r="D3915" s="5" t="s">
        <v>5909</v>
      </c>
      <c r="E3915" s="6">
        <v>15001</v>
      </c>
      <c r="F3915" s="5" t="s">
        <v>6872</v>
      </c>
      <c r="G3915" s="5" t="s">
        <v>7580</v>
      </c>
    </row>
    <row r="3916" spans="1:7">
      <c r="A3916" s="5" t="s">
        <v>7</v>
      </c>
      <c r="B3916" s="5">
        <v>19192</v>
      </c>
      <c r="C3916" s="5" t="s">
        <v>8</v>
      </c>
      <c r="D3916" s="5" t="s">
        <v>8</v>
      </c>
      <c r="E3916" s="6">
        <v>11001</v>
      </c>
      <c r="F3916" s="5" t="s">
        <v>7581</v>
      </c>
      <c r="G3916" s="5" t="s">
        <v>7582</v>
      </c>
    </row>
    <row r="3917" spans="1:7">
      <c r="A3917" s="5" t="s">
        <v>7</v>
      </c>
      <c r="B3917" s="5">
        <v>19193</v>
      </c>
      <c r="C3917" s="5" t="s">
        <v>8</v>
      </c>
      <c r="D3917" s="5" t="s">
        <v>8</v>
      </c>
      <c r="E3917" s="6">
        <v>11001</v>
      </c>
      <c r="F3917" s="5" t="s">
        <v>7583</v>
      </c>
      <c r="G3917" s="5" t="s">
        <v>7584</v>
      </c>
    </row>
    <row r="3918" spans="1:7">
      <c r="A3918" s="5" t="s">
        <v>7</v>
      </c>
      <c r="B3918" s="5">
        <v>19194</v>
      </c>
      <c r="C3918" s="5" t="s">
        <v>8</v>
      </c>
      <c r="D3918" s="5" t="s">
        <v>8</v>
      </c>
      <c r="E3918" s="6">
        <v>11001</v>
      </c>
      <c r="F3918" s="5" t="s">
        <v>7585</v>
      </c>
      <c r="G3918" s="5" t="s">
        <v>7586</v>
      </c>
    </row>
    <row r="3919" spans="1:7">
      <c r="A3919" s="5" t="s">
        <v>7</v>
      </c>
      <c r="B3919" s="5">
        <v>19195</v>
      </c>
      <c r="C3919" s="5" t="s">
        <v>8</v>
      </c>
      <c r="D3919" s="5" t="s">
        <v>8</v>
      </c>
      <c r="E3919" s="6">
        <v>11001</v>
      </c>
      <c r="F3919" s="5" t="s">
        <v>6919</v>
      </c>
      <c r="G3919" s="5" t="s">
        <v>7587</v>
      </c>
    </row>
    <row r="3920" spans="1:7">
      <c r="A3920" s="5" t="s">
        <v>7</v>
      </c>
      <c r="B3920" s="5">
        <v>19196</v>
      </c>
      <c r="C3920" s="5" t="s">
        <v>8</v>
      </c>
      <c r="D3920" s="5" t="s">
        <v>8</v>
      </c>
      <c r="E3920" s="6">
        <v>11001</v>
      </c>
      <c r="F3920" s="5" t="s">
        <v>7588</v>
      </c>
      <c r="G3920" s="5" t="s">
        <v>7589</v>
      </c>
    </row>
    <row r="3921" spans="1:7">
      <c r="A3921" s="5" t="s">
        <v>7</v>
      </c>
      <c r="B3921" s="5">
        <v>19197</v>
      </c>
      <c r="C3921" s="5" t="s">
        <v>8</v>
      </c>
      <c r="D3921" s="5" t="s">
        <v>8</v>
      </c>
      <c r="E3921" s="6">
        <v>11001</v>
      </c>
      <c r="F3921" s="5" t="s">
        <v>7590</v>
      </c>
      <c r="G3921" s="5" t="s">
        <v>7591</v>
      </c>
    </row>
    <row r="3922" spans="1:7">
      <c r="A3922" s="5" t="s">
        <v>7</v>
      </c>
      <c r="B3922" s="5">
        <v>19198</v>
      </c>
      <c r="C3922" s="5" t="s">
        <v>3926</v>
      </c>
      <c r="D3922" s="5" t="s">
        <v>6878</v>
      </c>
      <c r="E3922" s="6">
        <v>41378</v>
      </c>
      <c r="F3922" s="5" t="s">
        <v>6887</v>
      </c>
      <c r="G3922" s="5" t="s">
        <v>7592</v>
      </c>
    </row>
    <row r="3923" spans="1:7">
      <c r="A3923" s="5" t="s">
        <v>7</v>
      </c>
      <c r="B3923" s="5">
        <v>19199</v>
      </c>
      <c r="C3923" s="5" t="s">
        <v>2777</v>
      </c>
      <c r="D3923" s="5" t="s">
        <v>2778</v>
      </c>
      <c r="E3923" s="6">
        <v>70001</v>
      </c>
      <c r="F3923" s="5" t="s">
        <v>7593</v>
      </c>
      <c r="G3923" s="5" t="s">
        <v>7594</v>
      </c>
    </row>
    <row r="3924" spans="1:7">
      <c r="A3924" s="5" t="s">
        <v>7</v>
      </c>
      <c r="B3924" s="5">
        <v>19200</v>
      </c>
      <c r="C3924" s="5" t="s">
        <v>4368</v>
      </c>
      <c r="D3924" s="5" t="s">
        <v>5909</v>
      </c>
      <c r="E3924" s="6">
        <v>15001</v>
      </c>
      <c r="F3924" s="5" t="s">
        <v>6889</v>
      </c>
      <c r="G3924" s="5" t="s">
        <v>6890</v>
      </c>
    </row>
    <row r="3925" spans="1:7">
      <c r="A3925" s="5" t="s">
        <v>7</v>
      </c>
      <c r="B3925" s="5">
        <v>19201</v>
      </c>
      <c r="C3925" s="5" t="s">
        <v>8</v>
      </c>
      <c r="D3925" s="5" t="s">
        <v>8</v>
      </c>
      <c r="E3925" s="6">
        <v>11001</v>
      </c>
      <c r="F3925" s="5" t="s">
        <v>7595</v>
      </c>
      <c r="G3925" s="5" t="s">
        <v>7596</v>
      </c>
    </row>
    <row r="3926" spans="1:7">
      <c r="A3926" s="5" t="s">
        <v>7</v>
      </c>
      <c r="B3926" s="5">
        <v>19202</v>
      </c>
      <c r="C3926" s="5" t="s">
        <v>8</v>
      </c>
      <c r="D3926" s="5" t="s">
        <v>8</v>
      </c>
      <c r="E3926" s="6">
        <v>11001</v>
      </c>
      <c r="F3926" s="5" t="s">
        <v>7075</v>
      </c>
      <c r="G3926" s="5" t="s">
        <v>7076</v>
      </c>
    </row>
    <row r="3927" spans="1:7">
      <c r="A3927" s="5" t="s">
        <v>7</v>
      </c>
      <c r="B3927" s="5">
        <v>19203</v>
      </c>
      <c r="C3927" s="5" t="s">
        <v>8</v>
      </c>
      <c r="D3927" s="5" t="s">
        <v>8</v>
      </c>
      <c r="E3927" s="6">
        <v>11001</v>
      </c>
      <c r="F3927" s="5" t="s">
        <v>6874</v>
      </c>
      <c r="G3927" s="5" t="s">
        <v>6875</v>
      </c>
    </row>
    <row r="3928" spans="1:7">
      <c r="A3928" s="5" t="s">
        <v>7</v>
      </c>
      <c r="B3928" s="5">
        <v>19204</v>
      </c>
      <c r="C3928" s="5" t="s">
        <v>8</v>
      </c>
      <c r="D3928" s="5" t="s">
        <v>8</v>
      </c>
      <c r="E3928" s="6">
        <v>11001</v>
      </c>
      <c r="F3928" s="5" t="s">
        <v>6921</v>
      </c>
      <c r="G3928" s="5" t="s">
        <v>6922</v>
      </c>
    </row>
    <row r="3929" spans="1:7">
      <c r="A3929" s="5" t="s">
        <v>7</v>
      </c>
      <c r="B3929" s="5">
        <v>19207</v>
      </c>
      <c r="C3929" s="5" t="s">
        <v>4368</v>
      </c>
      <c r="D3929" s="5" t="s">
        <v>5909</v>
      </c>
      <c r="E3929" s="6">
        <v>15001</v>
      </c>
      <c r="F3929" s="5" t="s">
        <v>6891</v>
      </c>
      <c r="G3929" s="5" t="s">
        <v>6892</v>
      </c>
    </row>
    <row r="3930" spans="1:7">
      <c r="A3930" s="5" t="s">
        <v>7</v>
      </c>
      <c r="B3930" s="5">
        <v>19208</v>
      </c>
      <c r="C3930" s="5" t="s">
        <v>8</v>
      </c>
      <c r="D3930" s="5" t="s">
        <v>8</v>
      </c>
      <c r="E3930" s="6">
        <v>11001</v>
      </c>
      <c r="F3930" s="5" t="s">
        <v>7597</v>
      </c>
      <c r="G3930" s="5" t="s">
        <v>7598</v>
      </c>
    </row>
    <row r="3931" spans="1:7">
      <c r="A3931" s="5" t="s">
        <v>7</v>
      </c>
      <c r="B3931" s="5">
        <v>19209</v>
      </c>
      <c r="C3931" s="5" t="s">
        <v>8</v>
      </c>
      <c r="D3931" s="5" t="s">
        <v>8</v>
      </c>
      <c r="E3931" s="6">
        <v>11001</v>
      </c>
      <c r="F3931" s="5" t="s">
        <v>7599</v>
      </c>
      <c r="G3931" s="5" t="s">
        <v>7600</v>
      </c>
    </row>
    <row r="3932" spans="1:7">
      <c r="A3932" s="5" t="s">
        <v>7</v>
      </c>
      <c r="B3932" s="5">
        <v>19210</v>
      </c>
      <c r="C3932" s="5" t="s">
        <v>8</v>
      </c>
      <c r="D3932" s="5" t="s">
        <v>8</v>
      </c>
      <c r="E3932" s="6">
        <v>11001</v>
      </c>
      <c r="F3932" s="5" t="s">
        <v>7218</v>
      </c>
      <c r="G3932" s="5" t="s">
        <v>7219</v>
      </c>
    </row>
    <row r="3933" spans="1:7">
      <c r="A3933" s="5" t="s">
        <v>7</v>
      </c>
      <c r="B3933" s="5">
        <v>19211</v>
      </c>
      <c r="C3933" s="5" t="s">
        <v>8</v>
      </c>
      <c r="D3933" s="5" t="s">
        <v>8</v>
      </c>
      <c r="E3933" s="6">
        <v>11001</v>
      </c>
      <c r="F3933" s="5" t="s">
        <v>7601</v>
      </c>
      <c r="G3933" s="5" t="s">
        <v>7602</v>
      </c>
    </row>
    <row r="3934" spans="1:7">
      <c r="A3934" s="5" t="s">
        <v>7</v>
      </c>
      <c r="B3934" s="5">
        <v>19212</v>
      </c>
      <c r="C3934" s="5" t="s">
        <v>4368</v>
      </c>
      <c r="D3934" s="5" t="s">
        <v>5909</v>
      </c>
      <c r="E3934" s="6">
        <v>15001</v>
      </c>
      <c r="F3934" s="5" t="s">
        <v>6939</v>
      </c>
      <c r="G3934" s="5" t="s">
        <v>6940</v>
      </c>
    </row>
    <row r="3935" spans="1:7">
      <c r="A3935" s="5" t="s">
        <v>7</v>
      </c>
      <c r="B3935" s="5">
        <v>19213</v>
      </c>
      <c r="C3935" s="5" t="s">
        <v>4368</v>
      </c>
      <c r="D3935" s="5" t="s">
        <v>5909</v>
      </c>
      <c r="E3935" s="6">
        <v>15001</v>
      </c>
      <c r="F3935" s="5" t="s">
        <v>6893</v>
      </c>
      <c r="G3935" s="5" t="s">
        <v>6894</v>
      </c>
    </row>
    <row r="3936" spans="1:7">
      <c r="A3936" s="5" t="s">
        <v>7</v>
      </c>
      <c r="B3936" s="5">
        <v>19214</v>
      </c>
      <c r="C3936" s="5" t="s">
        <v>8</v>
      </c>
      <c r="D3936" s="5" t="s">
        <v>8</v>
      </c>
      <c r="E3936" s="6">
        <v>11001</v>
      </c>
      <c r="F3936" s="5" t="s">
        <v>6923</v>
      </c>
      <c r="G3936" s="5" t="s">
        <v>7603</v>
      </c>
    </row>
    <row r="3937" spans="1:7">
      <c r="A3937" s="5" t="s">
        <v>7</v>
      </c>
      <c r="B3937" s="5">
        <v>19215</v>
      </c>
      <c r="C3937" s="5" t="s">
        <v>8</v>
      </c>
      <c r="D3937" s="5" t="s">
        <v>8</v>
      </c>
      <c r="E3937" s="6">
        <v>11001</v>
      </c>
      <c r="F3937" s="5" t="s">
        <v>6982</v>
      </c>
      <c r="G3937" s="5" t="s">
        <v>6983</v>
      </c>
    </row>
    <row r="3938" spans="1:7">
      <c r="A3938" s="5" t="s">
        <v>7</v>
      </c>
      <c r="B3938" s="5">
        <v>19216</v>
      </c>
      <c r="C3938" s="5" t="s">
        <v>8</v>
      </c>
      <c r="D3938" s="5" t="s">
        <v>8</v>
      </c>
      <c r="E3938" s="6">
        <v>11001</v>
      </c>
      <c r="F3938" s="5" t="s">
        <v>7047</v>
      </c>
      <c r="G3938" s="5" t="s">
        <v>7048</v>
      </c>
    </row>
    <row r="3939" spans="1:7">
      <c r="A3939" s="5" t="s">
        <v>7</v>
      </c>
      <c r="B3939" s="5">
        <v>19217</v>
      </c>
      <c r="C3939" s="5" t="s">
        <v>8</v>
      </c>
      <c r="D3939" s="5" t="s">
        <v>8</v>
      </c>
      <c r="E3939" s="6">
        <v>11001</v>
      </c>
      <c r="F3939" s="5" t="s">
        <v>7181</v>
      </c>
      <c r="G3939" s="5" t="s">
        <v>7604</v>
      </c>
    </row>
    <row r="3940" spans="1:7">
      <c r="A3940" s="5" t="s">
        <v>7</v>
      </c>
      <c r="B3940" s="5">
        <v>19218</v>
      </c>
      <c r="C3940" s="5" t="s">
        <v>8</v>
      </c>
      <c r="D3940" s="5" t="s">
        <v>8</v>
      </c>
      <c r="E3940" s="6">
        <v>11001</v>
      </c>
      <c r="F3940" s="5" t="s">
        <v>6941</v>
      </c>
      <c r="G3940" s="5" t="s">
        <v>6942</v>
      </c>
    </row>
    <row r="3941" spans="1:7">
      <c r="A3941" s="5" t="s">
        <v>7</v>
      </c>
      <c r="B3941" s="5">
        <v>19219</v>
      </c>
      <c r="C3941" s="5" t="s">
        <v>8</v>
      </c>
      <c r="D3941" s="5" t="s">
        <v>8</v>
      </c>
      <c r="E3941" s="6">
        <v>11001</v>
      </c>
      <c r="F3941" s="5" t="s">
        <v>6925</v>
      </c>
      <c r="G3941" s="5" t="s">
        <v>6926</v>
      </c>
    </row>
    <row r="3942" spans="1:7">
      <c r="A3942" s="5" t="s">
        <v>7</v>
      </c>
      <c r="B3942" s="5">
        <v>19221</v>
      </c>
      <c r="C3942" s="5" t="s">
        <v>8</v>
      </c>
      <c r="D3942" s="5" t="s">
        <v>8</v>
      </c>
      <c r="E3942" s="6">
        <v>11001</v>
      </c>
      <c r="F3942" s="5" t="s">
        <v>7605</v>
      </c>
      <c r="G3942" s="5" t="s">
        <v>7606</v>
      </c>
    </row>
    <row r="3943" spans="1:7">
      <c r="A3943" s="5" t="s">
        <v>7</v>
      </c>
      <c r="B3943" s="5">
        <v>19223</v>
      </c>
      <c r="C3943" s="5" t="s">
        <v>8</v>
      </c>
      <c r="D3943" s="5" t="s">
        <v>8</v>
      </c>
      <c r="E3943" s="6">
        <v>11001</v>
      </c>
      <c r="F3943" s="5" t="s">
        <v>7607</v>
      </c>
      <c r="G3943" s="5" t="s">
        <v>7608</v>
      </c>
    </row>
    <row r="3944" spans="1:7">
      <c r="A3944" s="5" t="s">
        <v>7</v>
      </c>
      <c r="B3944" s="5">
        <v>19224</v>
      </c>
      <c r="C3944" s="5" t="s">
        <v>8</v>
      </c>
      <c r="D3944" s="5" t="s">
        <v>8</v>
      </c>
      <c r="E3944" s="6">
        <v>11001</v>
      </c>
      <c r="F3944" s="5" t="s">
        <v>7609</v>
      </c>
      <c r="G3944" s="5" t="s">
        <v>6985</v>
      </c>
    </row>
    <row r="3945" spans="1:7">
      <c r="A3945" s="5" t="s">
        <v>7</v>
      </c>
      <c r="B3945" s="5">
        <v>19225</v>
      </c>
      <c r="C3945" s="5" t="s">
        <v>8</v>
      </c>
      <c r="D3945" s="5" t="s">
        <v>8</v>
      </c>
      <c r="E3945" s="6">
        <v>11001</v>
      </c>
      <c r="F3945" s="5" t="s">
        <v>7610</v>
      </c>
      <c r="G3945" s="5" t="s">
        <v>7611</v>
      </c>
    </row>
    <row r="3946" spans="1:7">
      <c r="A3946" s="5" t="s">
        <v>7</v>
      </c>
      <c r="B3946" s="5">
        <v>19228</v>
      </c>
      <c r="C3946" s="5" t="s">
        <v>8</v>
      </c>
      <c r="D3946" s="5" t="s">
        <v>8</v>
      </c>
      <c r="E3946" s="6">
        <v>11001</v>
      </c>
      <c r="F3946" s="5" t="s">
        <v>6945</v>
      </c>
      <c r="G3946" s="5" t="s">
        <v>6946</v>
      </c>
    </row>
    <row r="3947" spans="1:7">
      <c r="A3947" s="5" t="s">
        <v>7</v>
      </c>
      <c r="B3947" s="5">
        <v>19229</v>
      </c>
      <c r="C3947" s="5" t="s">
        <v>8</v>
      </c>
      <c r="D3947" s="5" t="s">
        <v>8</v>
      </c>
      <c r="E3947" s="6">
        <v>11001</v>
      </c>
      <c r="F3947" s="5" t="s">
        <v>7612</v>
      </c>
      <c r="G3947" s="5" t="s">
        <v>7613</v>
      </c>
    </row>
    <row r="3948" spans="1:7">
      <c r="A3948" s="5" t="s">
        <v>7</v>
      </c>
      <c r="B3948" s="5">
        <v>19231</v>
      </c>
      <c r="C3948" s="5" t="s">
        <v>8</v>
      </c>
      <c r="D3948" s="5" t="s">
        <v>8</v>
      </c>
      <c r="E3948" s="6">
        <v>11001</v>
      </c>
      <c r="F3948" s="5" t="s">
        <v>7049</v>
      </c>
      <c r="G3948" s="5" t="s">
        <v>7050</v>
      </c>
    </row>
    <row r="3949" spans="1:7">
      <c r="A3949" s="5" t="s">
        <v>7</v>
      </c>
      <c r="B3949" s="5">
        <v>19232</v>
      </c>
      <c r="C3949" s="5" t="s">
        <v>8</v>
      </c>
      <c r="D3949" s="5" t="s">
        <v>8</v>
      </c>
      <c r="E3949" s="6">
        <v>11001</v>
      </c>
      <c r="F3949" s="5" t="s">
        <v>5165</v>
      </c>
      <c r="G3949" s="5" t="s">
        <v>6947</v>
      </c>
    </row>
    <row r="3950" spans="1:7">
      <c r="A3950" s="5" t="s">
        <v>7</v>
      </c>
      <c r="B3950" s="5">
        <v>19233</v>
      </c>
      <c r="C3950" s="5" t="s">
        <v>8</v>
      </c>
      <c r="D3950" s="5" t="s">
        <v>8</v>
      </c>
      <c r="E3950" s="6">
        <v>11001</v>
      </c>
      <c r="F3950" s="5" t="s">
        <v>7614</v>
      </c>
      <c r="G3950" s="5" t="s">
        <v>7615</v>
      </c>
    </row>
    <row r="3951" spans="1:7">
      <c r="A3951" s="5" t="s">
        <v>7</v>
      </c>
      <c r="B3951" s="5">
        <v>19234</v>
      </c>
      <c r="C3951" s="5" t="s">
        <v>8</v>
      </c>
      <c r="D3951" s="5" t="s">
        <v>8</v>
      </c>
      <c r="E3951" s="6">
        <v>11001</v>
      </c>
      <c r="F3951" s="5" t="s">
        <v>7616</v>
      </c>
      <c r="G3951" s="5" t="s">
        <v>7617</v>
      </c>
    </row>
    <row r="3952" spans="1:7">
      <c r="A3952" s="5" t="s">
        <v>7</v>
      </c>
      <c r="B3952" s="5">
        <v>19235</v>
      </c>
      <c r="C3952" s="5" t="s">
        <v>8</v>
      </c>
      <c r="D3952" s="5" t="s">
        <v>8</v>
      </c>
      <c r="E3952" s="6">
        <v>11001</v>
      </c>
      <c r="F3952" s="5" t="s">
        <v>7618</v>
      </c>
      <c r="G3952" s="5" t="s">
        <v>7619</v>
      </c>
    </row>
    <row r="3953" spans="1:7">
      <c r="A3953" s="5" t="s">
        <v>7</v>
      </c>
      <c r="B3953" s="5">
        <v>19236</v>
      </c>
      <c r="C3953" s="5" t="s">
        <v>8</v>
      </c>
      <c r="D3953" s="5" t="s">
        <v>8</v>
      </c>
      <c r="E3953" s="6">
        <v>11001</v>
      </c>
      <c r="F3953" s="5" t="s">
        <v>7620</v>
      </c>
      <c r="G3953" s="5" t="s">
        <v>7621</v>
      </c>
    </row>
    <row r="3954" spans="1:7">
      <c r="A3954" s="5" t="s">
        <v>7</v>
      </c>
      <c r="B3954" s="5">
        <v>19237</v>
      </c>
      <c r="C3954" s="5" t="s">
        <v>8</v>
      </c>
      <c r="D3954" s="5" t="s">
        <v>8</v>
      </c>
      <c r="E3954" s="6">
        <v>11001</v>
      </c>
      <c r="F3954" s="5" t="s">
        <v>7622</v>
      </c>
      <c r="G3954" s="5" t="s">
        <v>7623</v>
      </c>
    </row>
    <row r="3955" spans="1:7">
      <c r="A3955" s="5" t="s">
        <v>7</v>
      </c>
      <c r="B3955" s="5">
        <v>19238</v>
      </c>
      <c r="C3955" s="5" t="s">
        <v>8</v>
      </c>
      <c r="D3955" s="5" t="s">
        <v>8</v>
      </c>
      <c r="E3955" s="6">
        <v>11001</v>
      </c>
      <c r="F3955" s="5" t="s">
        <v>6927</v>
      </c>
      <c r="G3955" s="5" t="s">
        <v>6928</v>
      </c>
    </row>
    <row r="3956" spans="1:7">
      <c r="A3956" s="5" t="s">
        <v>7</v>
      </c>
      <c r="B3956" s="5">
        <v>19239</v>
      </c>
      <c r="C3956" s="5" t="s">
        <v>8</v>
      </c>
      <c r="D3956" s="5" t="s">
        <v>8</v>
      </c>
      <c r="E3956" s="6">
        <v>11001</v>
      </c>
      <c r="F3956" s="5" t="s">
        <v>6929</v>
      </c>
      <c r="G3956" s="5" t="s">
        <v>6930</v>
      </c>
    </row>
    <row r="3957" spans="1:7">
      <c r="A3957" s="5" t="s">
        <v>7</v>
      </c>
      <c r="B3957" s="5">
        <v>19241</v>
      </c>
      <c r="C3957" s="5" t="s">
        <v>8</v>
      </c>
      <c r="D3957" s="5" t="s">
        <v>8</v>
      </c>
      <c r="E3957" s="6">
        <v>11001</v>
      </c>
      <c r="F3957" s="5" t="s">
        <v>7624</v>
      </c>
      <c r="G3957" s="5" t="s">
        <v>7625</v>
      </c>
    </row>
    <row r="3958" spans="1:7">
      <c r="A3958" s="5" t="s">
        <v>7</v>
      </c>
      <c r="B3958" s="5">
        <v>19242</v>
      </c>
      <c r="C3958" s="5" t="s">
        <v>8</v>
      </c>
      <c r="D3958" s="5" t="s">
        <v>8</v>
      </c>
      <c r="E3958" s="6">
        <v>11001</v>
      </c>
      <c r="F3958" s="5" t="s">
        <v>6948</v>
      </c>
      <c r="G3958" s="5" t="s">
        <v>6949</v>
      </c>
    </row>
    <row r="3959" spans="1:7">
      <c r="A3959" s="5" t="s">
        <v>7</v>
      </c>
      <c r="B3959" s="5">
        <v>19244</v>
      </c>
      <c r="C3959" s="5" t="s">
        <v>8</v>
      </c>
      <c r="D3959" s="5" t="s">
        <v>8</v>
      </c>
      <c r="E3959" s="6">
        <v>11001</v>
      </c>
      <c r="F3959" s="5" t="s">
        <v>7005</v>
      </c>
      <c r="G3959" s="5" t="s">
        <v>7006</v>
      </c>
    </row>
    <row r="3960" spans="1:7">
      <c r="A3960" s="5" t="s">
        <v>7</v>
      </c>
      <c r="B3960" s="5">
        <v>19245</v>
      </c>
      <c r="C3960" s="5" t="s">
        <v>8</v>
      </c>
      <c r="D3960" s="5" t="s">
        <v>8</v>
      </c>
      <c r="E3960" s="6">
        <v>11001</v>
      </c>
      <c r="F3960" s="5" t="s">
        <v>6931</v>
      </c>
      <c r="G3960" s="5" t="s">
        <v>6932</v>
      </c>
    </row>
    <row r="3961" spans="1:7">
      <c r="A3961" s="5" t="s">
        <v>7</v>
      </c>
      <c r="B3961" s="5">
        <v>19246</v>
      </c>
      <c r="C3961" s="5" t="s">
        <v>8</v>
      </c>
      <c r="D3961" s="5" t="s">
        <v>8</v>
      </c>
      <c r="E3961" s="6">
        <v>11001</v>
      </c>
      <c r="F3961" s="5" t="s">
        <v>7108</v>
      </c>
      <c r="G3961" s="5" t="s">
        <v>7626</v>
      </c>
    </row>
    <row r="3962" spans="1:7">
      <c r="A3962" s="5" t="s">
        <v>7</v>
      </c>
      <c r="B3962" s="5">
        <v>19247</v>
      </c>
      <c r="C3962" s="5" t="s">
        <v>8</v>
      </c>
      <c r="D3962" s="5" t="s">
        <v>8</v>
      </c>
      <c r="E3962" s="6">
        <v>11001</v>
      </c>
      <c r="F3962" s="5" t="s">
        <v>6933</v>
      </c>
      <c r="G3962" s="5" t="s">
        <v>6934</v>
      </c>
    </row>
    <row r="3963" spans="1:7">
      <c r="A3963" s="5" t="s">
        <v>7</v>
      </c>
      <c r="B3963" s="5">
        <v>19248</v>
      </c>
      <c r="C3963" s="5" t="s">
        <v>8</v>
      </c>
      <c r="D3963" s="5" t="s">
        <v>8</v>
      </c>
      <c r="E3963" s="6">
        <v>11001</v>
      </c>
      <c r="F3963" s="5" t="s">
        <v>7627</v>
      </c>
      <c r="G3963" s="5" t="s">
        <v>7628</v>
      </c>
    </row>
    <row r="3964" spans="1:7">
      <c r="A3964" s="5" t="s">
        <v>7</v>
      </c>
      <c r="B3964" s="5">
        <v>19249</v>
      </c>
      <c r="C3964" s="5" t="s">
        <v>8</v>
      </c>
      <c r="D3964" s="5" t="s">
        <v>8</v>
      </c>
      <c r="E3964" s="6">
        <v>11001</v>
      </c>
      <c r="F3964" s="5" t="s">
        <v>7629</v>
      </c>
      <c r="G3964" s="5" t="s">
        <v>7630</v>
      </c>
    </row>
    <row r="3965" spans="1:7">
      <c r="A3965" s="5" t="s">
        <v>7</v>
      </c>
      <c r="B3965" s="5">
        <v>19250</v>
      </c>
      <c r="C3965" s="5" t="s">
        <v>4368</v>
      </c>
      <c r="D3965" s="5" t="s">
        <v>5909</v>
      </c>
      <c r="E3965" s="6">
        <v>15001</v>
      </c>
      <c r="F3965" s="5" t="s">
        <v>7007</v>
      </c>
      <c r="G3965" s="5" t="s">
        <v>7008</v>
      </c>
    </row>
    <row r="3966" spans="1:7">
      <c r="A3966" s="5" t="s">
        <v>7</v>
      </c>
      <c r="B3966" s="5">
        <v>19251</v>
      </c>
      <c r="C3966" s="5" t="s">
        <v>4368</v>
      </c>
      <c r="D3966" s="5" t="s">
        <v>5909</v>
      </c>
      <c r="E3966" s="6">
        <v>15001</v>
      </c>
      <c r="F3966" s="5" t="s">
        <v>7631</v>
      </c>
      <c r="G3966" s="5" t="s">
        <v>7632</v>
      </c>
    </row>
    <row r="3967" spans="1:7">
      <c r="A3967" s="5" t="s">
        <v>7</v>
      </c>
      <c r="B3967" s="5">
        <v>19252</v>
      </c>
      <c r="C3967" s="5" t="s">
        <v>4368</v>
      </c>
      <c r="D3967" s="5" t="s">
        <v>5909</v>
      </c>
      <c r="E3967" s="6">
        <v>15001</v>
      </c>
      <c r="F3967" s="5" t="s">
        <v>6935</v>
      </c>
      <c r="G3967" s="5" t="s">
        <v>6936</v>
      </c>
    </row>
    <row r="3968" spans="1:7">
      <c r="A3968" s="5" t="s">
        <v>7</v>
      </c>
      <c r="B3968" s="5">
        <v>19253</v>
      </c>
      <c r="C3968" s="5" t="s">
        <v>813</v>
      </c>
      <c r="D3968" s="5" t="s">
        <v>2290</v>
      </c>
      <c r="E3968" s="6">
        <v>25286</v>
      </c>
      <c r="F3968" s="5" t="s">
        <v>7195</v>
      </c>
      <c r="G3968" s="5" t="s">
        <v>7196</v>
      </c>
    </row>
    <row r="3969" spans="1:7">
      <c r="A3969" s="5" t="s">
        <v>7</v>
      </c>
      <c r="B3969" s="5">
        <v>19254</v>
      </c>
      <c r="C3969" s="5" t="s">
        <v>4672</v>
      </c>
      <c r="D3969" s="5" t="s">
        <v>5312</v>
      </c>
      <c r="E3969" s="6">
        <v>76001</v>
      </c>
      <c r="F3969" s="5" t="s">
        <v>7633</v>
      </c>
      <c r="G3969" s="5" t="s">
        <v>7634</v>
      </c>
    </row>
    <row r="3970" spans="1:7">
      <c r="A3970" s="5" t="s">
        <v>7</v>
      </c>
      <c r="B3970" s="5">
        <v>19255</v>
      </c>
      <c r="C3970" s="5" t="s">
        <v>4672</v>
      </c>
      <c r="D3970" s="5" t="s">
        <v>5312</v>
      </c>
      <c r="E3970" s="6">
        <v>76001</v>
      </c>
      <c r="F3970" s="5" t="s">
        <v>7633</v>
      </c>
      <c r="G3970" s="5" t="s">
        <v>7635</v>
      </c>
    </row>
    <row r="3971" spans="1:7">
      <c r="A3971" s="5" t="s">
        <v>7</v>
      </c>
      <c r="B3971" s="5">
        <v>19256</v>
      </c>
      <c r="C3971" s="5" t="s">
        <v>4672</v>
      </c>
      <c r="D3971" s="5" t="s">
        <v>5312</v>
      </c>
      <c r="E3971" s="6">
        <v>76001</v>
      </c>
      <c r="F3971" s="5" t="s">
        <v>7636</v>
      </c>
      <c r="G3971" s="5" t="s">
        <v>7637</v>
      </c>
    </row>
    <row r="3972" spans="1:7">
      <c r="A3972" s="5" t="s">
        <v>7</v>
      </c>
      <c r="B3972" s="5">
        <v>19257</v>
      </c>
      <c r="C3972" s="5" t="s">
        <v>4672</v>
      </c>
      <c r="D3972" s="5" t="s">
        <v>5312</v>
      </c>
      <c r="E3972" s="6">
        <v>76001</v>
      </c>
      <c r="F3972" s="5" t="s">
        <v>7638</v>
      </c>
      <c r="G3972" s="5" t="s">
        <v>7639</v>
      </c>
    </row>
    <row r="3973" spans="1:7">
      <c r="A3973" s="5" t="s">
        <v>7</v>
      </c>
      <c r="B3973" s="5">
        <v>19258</v>
      </c>
      <c r="C3973" s="5" t="s">
        <v>4672</v>
      </c>
      <c r="D3973" s="5" t="s">
        <v>5312</v>
      </c>
      <c r="E3973" s="6">
        <v>76001</v>
      </c>
      <c r="F3973" s="5" t="s">
        <v>6324</v>
      </c>
      <c r="G3973" s="5" t="s">
        <v>7640</v>
      </c>
    </row>
    <row r="3974" spans="1:7">
      <c r="A3974" s="5" t="s">
        <v>7</v>
      </c>
      <c r="B3974" s="5">
        <v>19259</v>
      </c>
      <c r="C3974" s="5" t="s">
        <v>4672</v>
      </c>
      <c r="D3974" s="5" t="s">
        <v>5312</v>
      </c>
      <c r="E3974" s="6">
        <v>76001</v>
      </c>
      <c r="F3974" s="5" t="s">
        <v>7641</v>
      </c>
      <c r="G3974" s="5" t="s">
        <v>7642</v>
      </c>
    </row>
    <row r="3975" spans="1:7">
      <c r="A3975" s="5" t="s">
        <v>7</v>
      </c>
      <c r="B3975" s="5">
        <v>19260</v>
      </c>
      <c r="C3975" s="5" t="s">
        <v>4672</v>
      </c>
      <c r="D3975" s="5" t="s">
        <v>5312</v>
      </c>
      <c r="E3975" s="6">
        <v>76001</v>
      </c>
      <c r="F3975" s="5" t="s">
        <v>7643</v>
      </c>
      <c r="G3975" s="5" t="s">
        <v>7644</v>
      </c>
    </row>
    <row r="3976" spans="1:7">
      <c r="A3976" s="5" t="s">
        <v>7</v>
      </c>
      <c r="B3976" s="5">
        <v>19261</v>
      </c>
      <c r="C3976" s="5" t="s">
        <v>3015</v>
      </c>
      <c r="D3976" s="5" t="s">
        <v>7645</v>
      </c>
      <c r="E3976" s="6">
        <v>85001</v>
      </c>
      <c r="F3976" s="5" t="s">
        <v>7646</v>
      </c>
      <c r="G3976" s="5" t="s">
        <v>7647</v>
      </c>
    </row>
    <row r="3977" spans="1:7">
      <c r="A3977" s="5" t="s">
        <v>7</v>
      </c>
      <c r="B3977" s="5">
        <v>19262</v>
      </c>
      <c r="C3977" s="5" t="s">
        <v>3733</v>
      </c>
      <c r="D3977" s="5" t="s">
        <v>5585</v>
      </c>
      <c r="E3977" s="6">
        <v>47053</v>
      </c>
      <c r="F3977" s="5" t="s">
        <v>7648</v>
      </c>
      <c r="G3977" s="5" t="s">
        <v>7649</v>
      </c>
    </row>
    <row r="3978" spans="1:7">
      <c r="A3978" s="5" t="s">
        <v>7</v>
      </c>
      <c r="B3978" s="5">
        <v>19263</v>
      </c>
      <c r="C3978" s="5" t="s">
        <v>813</v>
      </c>
      <c r="D3978" s="5" t="s">
        <v>2237</v>
      </c>
      <c r="E3978" s="6">
        <v>25290</v>
      </c>
      <c r="F3978" s="5" t="s">
        <v>7650</v>
      </c>
      <c r="G3978" s="5" t="s">
        <v>7651</v>
      </c>
    </row>
    <row r="3979" spans="1:7">
      <c r="A3979" s="5" t="s">
        <v>7</v>
      </c>
      <c r="B3979" s="5">
        <v>19264</v>
      </c>
      <c r="C3979" s="5" t="s">
        <v>2760</v>
      </c>
      <c r="D3979" s="5" t="s">
        <v>7652</v>
      </c>
      <c r="E3979" s="6">
        <v>68276</v>
      </c>
      <c r="F3979" s="5" t="s">
        <v>7653</v>
      </c>
      <c r="G3979" s="5" t="s">
        <v>7654</v>
      </c>
    </row>
    <row r="3980" spans="1:7">
      <c r="A3980" s="5" t="s">
        <v>7</v>
      </c>
      <c r="B3980" s="5">
        <v>19265</v>
      </c>
      <c r="C3980" s="5" t="s">
        <v>2891</v>
      </c>
      <c r="D3980" s="5" t="s">
        <v>7655</v>
      </c>
      <c r="E3980" s="6">
        <v>13688</v>
      </c>
      <c r="F3980" s="5" t="s">
        <v>7656</v>
      </c>
      <c r="G3980" s="5" t="s">
        <v>7657</v>
      </c>
    </row>
    <row r="3981" spans="1:7">
      <c r="A3981" s="5" t="s">
        <v>7</v>
      </c>
      <c r="B3981" s="5">
        <v>19266</v>
      </c>
      <c r="C3981" s="5" t="s">
        <v>813</v>
      </c>
      <c r="D3981" s="5" t="s">
        <v>2755</v>
      </c>
      <c r="E3981" s="6">
        <v>25473</v>
      </c>
      <c r="F3981" s="5" t="s">
        <v>7658</v>
      </c>
      <c r="G3981" s="5" t="s">
        <v>7659</v>
      </c>
    </row>
    <row r="3982" spans="1:7">
      <c r="A3982" s="5" t="s">
        <v>7</v>
      </c>
      <c r="B3982" s="5">
        <v>19267</v>
      </c>
      <c r="C3982" s="5" t="s">
        <v>813</v>
      </c>
      <c r="D3982" s="5" t="s">
        <v>7660</v>
      </c>
      <c r="E3982" s="6">
        <v>25885</v>
      </c>
      <c r="F3982" s="5" t="s">
        <v>7661</v>
      </c>
      <c r="G3982" s="5" t="s">
        <v>7662</v>
      </c>
    </row>
    <row r="3983" spans="1:7">
      <c r="A3983" s="5" t="s">
        <v>7</v>
      </c>
      <c r="B3983" s="5">
        <v>19268</v>
      </c>
      <c r="C3983" s="5" t="s">
        <v>813</v>
      </c>
      <c r="D3983" s="5" t="s">
        <v>2237</v>
      </c>
      <c r="E3983" s="6">
        <v>25290</v>
      </c>
      <c r="F3983" s="5" t="s">
        <v>7663</v>
      </c>
      <c r="G3983" s="5" t="s">
        <v>7664</v>
      </c>
    </row>
    <row r="3984" spans="1:7">
      <c r="A3984" s="5" t="s">
        <v>7</v>
      </c>
      <c r="B3984" s="5">
        <v>19269</v>
      </c>
      <c r="C3984" s="5" t="s">
        <v>813</v>
      </c>
      <c r="D3984" s="5" t="s">
        <v>6952</v>
      </c>
      <c r="E3984" s="6">
        <v>25035</v>
      </c>
      <c r="F3984" s="5" t="s">
        <v>6953</v>
      </c>
      <c r="G3984" s="5" t="s">
        <v>6954</v>
      </c>
    </row>
    <row r="3985" spans="1:7">
      <c r="A3985" s="5" t="s">
        <v>7</v>
      </c>
      <c r="B3985" s="5">
        <v>19270</v>
      </c>
      <c r="C3985" s="5" t="s">
        <v>813</v>
      </c>
      <c r="D3985" s="5" t="s">
        <v>814</v>
      </c>
      <c r="E3985" s="6">
        <v>25754</v>
      </c>
      <c r="F3985" s="5" t="s">
        <v>7665</v>
      </c>
      <c r="G3985" s="5" t="s">
        <v>7666</v>
      </c>
    </row>
    <row r="3986" spans="1:7">
      <c r="A3986" s="5" t="s">
        <v>7</v>
      </c>
      <c r="B3986" s="5">
        <v>19272</v>
      </c>
      <c r="C3986" s="5" t="s">
        <v>8</v>
      </c>
      <c r="D3986" s="5" t="s">
        <v>8</v>
      </c>
      <c r="E3986" s="6">
        <v>11001</v>
      </c>
      <c r="F3986" s="5" t="s">
        <v>7667</v>
      </c>
      <c r="G3986" s="5" t="s">
        <v>7668</v>
      </c>
    </row>
    <row r="3987" spans="1:7">
      <c r="A3987" s="5" t="s">
        <v>7</v>
      </c>
      <c r="B3987" s="5">
        <v>19273</v>
      </c>
      <c r="C3987" s="5" t="s">
        <v>8</v>
      </c>
      <c r="D3987" s="5" t="s">
        <v>8</v>
      </c>
      <c r="E3987" s="6">
        <v>11001</v>
      </c>
      <c r="F3987" s="5" t="s">
        <v>6955</v>
      </c>
      <c r="G3987" s="5" t="s">
        <v>7669</v>
      </c>
    </row>
    <row r="3988" spans="1:7">
      <c r="A3988" s="5" t="s">
        <v>7</v>
      </c>
      <c r="B3988" s="5">
        <v>19274</v>
      </c>
      <c r="C3988" s="5" t="s">
        <v>2891</v>
      </c>
      <c r="D3988" s="5" t="s">
        <v>2892</v>
      </c>
      <c r="E3988" s="6">
        <v>13001</v>
      </c>
      <c r="F3988" s="5" t="s">
        <v>7361</v>
      </c>
      <c r="G3988" s="5" t="s">
        <v>7362</v>
      </c>
    </row>
    <row r="3989" spans="1:7">
      <c r="A3989" s="5" t="s">
        <v>7</v>
      </c>
      <c r="B3989" s="5">
        <v>19275</v>
      </c>
      <c r="C3989" s="5" t="s">
        <v>2891</v>
      </c>
      <c r="D3989" s="5" t="s">
        <v>2892</v>
      </c>
      <c r="E3989" s="6">
        <v>13001</v>
      </c>
      <c r="F3989" s="5" t="s">
        <v>7051</v>
      </c>
      <c r="G3989" s="5" t="s">
        <v>7052</v>
      </c>
    </row>
    <row r="3990" spans="1:7">
      <c r="A3990" s="5" t="s">
        <v>7</v>
      </c>
      <c r="B3990" s="5">
        <v>19276</v>
      </c>
      <c r="C3990" s="5" t="s">
        <v>3306</v>
      </c>
      <c r="D3990" s="5" t="s">
        <v>5845</v>
      </c>
      <c r="E3990" s="6">
        <v>50001</v>
      </c>
      <c r="F3990" s="5" t="s">
        <v>6957</v>
      </c>
      <c r="G3990" s="5" t="s">
        <v>6958</v>
      </c>
    </row>
    <row r="3991" spans="1:7">
      <c r="A3991" s="5" t="s">
        <v>7</v>
      </c>
      <c r="B3991" s="5">
        <v>19277</v>
      </c>
      <c r="C3991" s="5" t="s">
        <v>3306</v>
      </c>
      <c r="D3991" s="5" t="s">
        <v>5888</v>
      </c>
      <c r="E3991" s="6">
        <v>50573</v>
      </c>
      <c r="F3991" s="5" t="s">
        <v>7670</v>
      </c>
      <c r="G3991" s="5" t="s">
        <v>7671</v>
      </c>
    </row>
    <row r="3992" spans="1:7">
      <c r="A3992" s="5" t="s">
        <v>7</v>
      </c>
      <c r="B3992" s="5">
        <v>19278</v>
      </c>
      <c r="C3992" s="5" t="s">
        <v>2891</v>
      </c>
      <c r="D3992" s="5" t="s">
        <v>7672</v>
      </c>
      <c r="E3992" s="6">
        <v>13873</v>
      </c>
      <c r="F3992" s="5" t="s">
        <v>7673</v>
      </c>
      <c r="G3992" s="5" t="s">
        <v>7674</v>
      </c>
    </row>
    <row r="3993" spans="1:7">
      <c r="A3993" s="5" t="s">
        <v>7</v>
      </c>
      <c r="B3993" s="5">
        <v>19279</v>
      </c>
      <c r="C3993" s="5" t="s">
        <v>8</v>
      </c>
      <c r="D3993" s="5" t="s">
        <v>8</v>
      </c>
      <c r="E3993" s="6">
        <v>11001</v>
      </c>
      <c r="F3993" s="5" t="s">
        <v>7675</v>
      </c>
      <c r="G3993" s="5" t="s">
        <v>7676</v>
      </c>
    </row>
    <row r="3994" spans="1:7">
      <c r="A3994" s="5" t="s">
        <v>7</v>
      </c>
      <c r="B3994" s="5">
        <v>19280</v>
      </c>
      <c r="C3994" s="5" t="s">
        <v>8</v>
      </c>
      <c r="D3994" s="5" t="s">
        <v>8</v>
      </c>
      <c r="E3994" s="6">
        <v>11001</v>
      </c>
      <c r="F3994" s="5" t="s">
        <v>7677</v>
      </c>
      <c r="G3994" s="5" t="s">
        <v>7678</v>
      </c>
    </row>
    <row r="3995" spans="1:7">
      <c r="A3995" s="5" t="s">
        <v>7</v>
      </c>
      <c r="B3995" s="5">
        <v>19281</v>
      </c>
      <c r="C3995" s="5" t="s">
        <v>8</v>
      </c>
      <c r="D3995" s="5" t="s">
        <v>8</v>
      </c>
      <c r="E3995" s="6">
        <v>11001</v>
      </c>
      <c r="F3995" s="5" t="s">
        <v>7081</v>
      </c>
      <c r="G3995" s="5" t="s">
        <v>7082</v>
      </c>
    </row>
    <row r="3996" spans="1:7">
      <c r="A3996" s="5" t="s">
        <v>7</v>
      </c>
      <c r="B3996" s="5">
        <v>19282</v>
      </c>
      <c r="C3996" s="5" t="s">
        <v>8</v>
      </c>
      <c r="D3996" s="5" t="s">
        <v>8</v>
      </c>
      <c r="E3996" s="6">
        <v>11001</v>
      </c>
      <c r="F3996" s="5" t="s">
        <v>7679</v>
      </c>
      <c r="G3996" s="5" t="s">
        <v>7680</v>
      </c>
    </row>
    <row r="3997" spans="1:7">
      <c r="A3997" s="5" t="s">
        <v>7</v>
      </c>
      <c r="B3997" s="5">
        <v>19283</v>
      </c>
      <c r="C3997" s="5" t="s">
        <v>8</v>
      </c>
      <c r="D3997" s="5" t="s">
        <v>8</v>
      </c>
      <c r="E3997" s="6">
        <v>11001</v>
      </c>
      <c r="F3997" s="5" t="s">
        <v>7681</v>
      </c>
      <c r="G3997" s="5" t="s">
        <v>7682</v>
      </c>
    </row>
    <row r="3998" spans="1:7">
      <c r="A3998" s="5" t="s">
        <v>7</v>
      </c>
      <c r="B3998" s="5">
        <v>19284</v>
      </c>
      <c r="C3998" s="5" t="s">
        <v>8</v>
      </c>
      <c r="D3998" s="5" t="s">
        <v>8</v>
      </c>
      <c r="E3998" s="6">
        <v>11001</v>
      </c>
      <c r="F3998" s="5" t="s">
        <v>7220</v>
      </c>
      <c r="G3998" s="5" t="s">
        <v>7221</v>
      </c>
    </row>
    <row r="3999" spans="1:7">
      <c r="A3999" s="5" t="s">
        <v>7</v>
      </c>
      <c r="B3999" s="5">
        <v>19286</v>
      </c>
      <c r="C3999" s="5" t="s">
        <v>8</v>
      </c>
      <c r="D3999" s="5" t="s">
        <v>8</v>
      </c>
      <c r="E3999" s="6">
        <v>11001</v>
      </c>
      <c r="F3999" s="5" t="s">
        <v>6961</v>
      </c>
      <c r="G3999" s="5" t="s">
        <v>6962</v>
      </c>
    </row>
    <row r="4000" spans="1:7">
      <c r="A4000" s="5" t="s">
        <v>7</v>
      </c>
      <c r="B4000" s="5">
        <v>19289</v>
      </c>
      <c r="C4000" s="5" t="s">
        <v>8</v>
      </c>
      <c r="D4000" s="5" t="s">
        <v>8</v>
      </c>
      <c r="E4000" s="6">
        <v>11001</v>
      </c>
      <c r="F4000" s="5" t="s">
        <v>6963</v>
      </c>
      <c r="G4000" s="5" t="s">
        <v>6964</v>
      </c>
    </row>
    <row r="4001" spans="1:7">
      <c r="A4001" s="5" t="s">
        <v>7</v>
      </c>
      <c r="B4001" s="5">
        <v>19290</v>
      </c>
      <c r="C4001" s="5" t="s">
        <v>8</v>
      </c>
      <c r="D4001" s="5" t="s">
        <v>8</v>
      </c>
      <c r="E4001" s="6">
        <v>11001</v>
      </c>
      <c r="F4001" s="5" t="s">
        <v>7376</v>
      </c>
      <c r="G4001" s="5" t="s">
        <v>7683</v>
      </c>
    </row>
    <row r="4002" spans="1:7">
      <c r="A4002" s="5" t="s">
        <v>7</v>
      </c>
      <c r="B4002" s="5">
        <v>19291</v>
      </c>
      <c r="C4002" s="5" t="s">
        <v>8</v>
      </c>
      <c r="D4002" s="5" t="s">
        <v>8</v>
      </c>
      <c r="E4002" s="6">
        <v>11001</v>
      </c>
      <c r="F4002" s="5" t="s">
        <v>6988</v>
      </c>
      <c r="G4002" s="5" t="s">
        <v>6989</v>
      </c>
    </row>
    <row r="4003" spans="1:7">
      <c r="A4003" s="5" t="s">
        <v>7</v>
      </c>
      <c r="B4003" s="5">
        <v>19292</v>
      </c>
      <c r="C4003" s="5" t="s">
        <v>8</v>
      </c>
      <c r="D4003" s="5" t="s">
        <v>8</v>
      </c>
      <c r="E4003" s="6">
        <v>11001</v>
      </c>
      <c r="F4003" s="5" t="s">
        <v>6965</v>
      </c>
      <c r="G4003" s="5" t="s">
        <v>6966</v>
      </c>
    </row>
    <row r="4004" spans="1:7">
      <c r="A4004" s="5" t="s">
        <v>7</v>
      </c>
      <c r="B4004" s="5">
        <v>19292</v>
      </c>
      <c r="C4004" s="5" t="s">
        <v>8</v>
      </c>
      <c r="D4004" s="5" t="s">
        <v>8</v>
      </c>
      <c r="E4004" s="6">
        <v>11001</v>
      </c>
      <c r="F4004" s="5" t="s">
        <v>6965</v>
      </c>
      <c r="G4004" s="5" t="s">
        <v>6966</v>
      </c>
    </row>
    <row r="4005" spans="1:7">
      <c r="A4005" s="5" t="s">
        <v>7</v>
      </c>
      <c r="B4005" s="5">
        <v>19292</v>
      </c>
      <c r="C4005" s="5" t="s">
        <v>8</v>
      </c>
      <c r="D4005" s="5" t="s">
        <v>8</v>
      </c>
      <c r="E4005" s="6">
        <v>11001</v>
      </c>
      <c r="F4005" s="5" t="s">
        <v>6965</v>
      </c>
      <c r="G4005" s="5" t="s">
        <v>6966</v>
      </c>
    </row>
    <row r="4006" spans="1:7">
      <c r="A4006" s="5" t="s">
        <v>7</v>
      </c>
      <c r="B4006" s="5">
        <v>19292</v>
      </c>
      <c r="C4006" s="5" t="s">
        <v>8</v>
      </c>
      <c r="D4006" s="5" t="s">
        <v>8</v>
      </c>
      <c r="E4006" s="6">
        <v>11001</v>
      </c>
      <c r="F4006" s="5" t="s">
        <v>6965</v>
      </c>
      <c r="G4006" s="5" t="s">
        <v>6966</v>
      </c>
    </row>
    <row r="4007" spans="1:7">
      <c r="A4007" s="5" t="s">
        <v>7</v>
      </c>
      <c r="B4007" s="5">
        <v>19293</v>
      </c>
      <c r="C4007" s="5" t="s">
        <v>8</v>
      </c>
      <c r="D4007" s="5" t="s">
        <v>8</v>
      </c>
      <c r="E4007" s="6">
        <v>11001</v>
      </c>
      <c r="F4007" s="5" t="s">
        <v>7684</v>
      </c>
      <c r="G4007" s="5" t="s">
        <v>7685</v>
      </c>
    </row>
    <row r="4008" spans="1:7">
      <c r="A4008" s="5" t="s">
        <v>7</v>
      </c>
      <c r="B4008" s="5">
        <v>19293</v>
      </c>
      <c r="C4008" s="5" t="s">
        <v>8</v>
      </c>
      <c r="D4008" s="5" t="s">
        <v>8</v>
      </c>
      <c r="E4008" s="6">
        <v>11001</v>
      </c>
      <c r="F4008" s="5" t="s">
        <v>7684</v>
      </c>
      <c r="G4008" s="5" t="s">
        <v>7685</v>
      </c>
    </row>
    <row r="4009" spans="1:7">
      <c r="A4009" s="5" t="s">
        <v>7</v>
      </c>
      <c r="B4009" s="5">
        <v>19293</v>
      </c>
      <c r="C4009" s="5" t="s">
        <v>8</v>
      </c>
      <c r="D4009" s="5" t="s">
        <v>8</v>
      </c>
      <c r="E4009" s="6">
        <v>11001</v>
      </c>
      <c r="F4009" s="5" t="s">
        <v>7684</v>
      </c>
      <c r="G4009" s="5" t="s">
        <v>7685</v>
      </c>
    </row>
    <row r="4010" spans="1:7">
      <c r="A4010" s="5" t="s">
        <v>7</v>
      </c>
      <c r="B4010" s="5">
        <v>19293</v>
      </c>
      <c r="C4010" s="5" t="s">
        <v>8</v>
      </c>
      <c r="D4010" s="5" t="s">
        <v>8</v>
      </c>
      <c r="E4010" s="6">
        <v>11001</v>
      </c>
      <c r="F4010" s="5" t="s">
        <v>7684</v>
      </c>
      <c r="G4010" s="5" t="s">
        <v>7685</v>
      </c>
    </row>
    <row r="4011" spans="1:7">
      <c r="A4011" s="5" t="s">
        <v>7</v>
      </c>
      <c r="B4011" s="5">
        <v>19294</v>
      </c>
      <c r="C4011" s="5" t="s">
        <v>4368</v>
      </c>
      <c r="D4011" s="5" t="s">
        <v>6967</v>
      </c>
      <c r="E4011" s="6">
        <v>15299</v>
      </c>
      <c r="F4011" s="5" t="s">
        <v>6968</v>
      </c>
      <c r="G4011" s="5" t="s">
        <v>6969</v>
      </c>
    </row>
    <row r="4012" spans="1:7">
      <c r="A4012" s="5" t="s">
        <v>7</v>
      </c>
      <c r="B4012" s="5">
        <v>19295</v>
      </c>
      <c r="C4012" s="5" t="s">
        <v>8</v>
      </c>
      <c r="D4012" s="5" t="s">
        <v>8</v>
      </c>
      <c r="E4012" s="6">
        <v>11001</v>
      </c>
      <c r="F4012" s="5" t="s">
        <v>7686</v>
      </c>
      <c r="G4012" s="5" t="s">
        <v>7687</v>
      </c>
    </row>
    <row r="4013" spans="1:7">
      <c r="A4013" s="5" t="s">
        <v>7</v>
      </c>
      <c r="B4013" s="5">
        <v>19295</v>
      </c>
      <c r="C4013" s="5" t="s">
        <v>8</v>
      </c>
      <c r="D4013" s="5" t="s">
        <v>8</v>
      </c>
      <c r="E4013" s="6">
        <v>11001</v>
      </c>
      <c r="F4013" s="5" t="s">
        <v>7686</v>
      </c>
      <c r="G4013" s="5" t="s">
        <v>7687</v>
      </c>
    </row>
    <row r="4014" spans="1:7">
      <c r="A4014" s="5" t="s">
        <v>7</v>
      </c>
      <c r="B4014" s="5">
        <v>19295</v>
      </c>
      <c r="C4014" s="5" t="s">
        <v>8</v>
      </c>
      <c r="D4014" s="5" t="s">
        <v>8</v>
      </c>
      <c r="E4014" s="6">
        <v>11001</v>
      </c>
      <c r="F4014" s="5" t="s">
        <v>7686</v>
      </c>
      <c r="G4014" s="5" t="s">
        <v>7687</v>
      </c>
    </row>
    <row r="4015" spans="1:7">
      <c r="A4015" s="5" t="s">
        <v>7</v>
      </c>
      <c r="B4015" s="5">
        <v>19295</v>
      </c>
      <c r="C4015" s="5" t="s">
        <v>8</v>
      </c>
      <c r="D4015" s="5" t="s">
        <v>8</v>
      </c>
      <c r="E4015" s="6">
        <v>11001</v>
      </c>
      <c r="F4015" s="5" t="s">
        <v>7686</v>
      </c>
      <c r="G4015" s="5" t="s">
        <v>7687</v>
      </c>
    </row>
    <row r="4016" spans="1:7">
      <c r="A4016" s="5" t="s">
        <v>7</v>
      </c>
      <c r="B4016" s="5">
        <v>15413</v>
      </c>
      <c r="C4016" s="5" t="s">
        <v>8</v>
      </c>
      <c r="D4016" s="5" t="s">
        <v>8</v>
      </c>
      <c r="E4016" s="6">
        <v>11001</v>
      </c>
      <c r="F4016" s="5" t="s">
        <v>341</v>
      </c>
      <c r="G4016" s="5" t="s">
        <v>342</v>
      </c>
    </row>
    <row r="4017" spans="1:7">
      <c r="A4017" s="5" t="s">
        <v>7</v>
      </c>
      <c r="B4017" s="5">
        <v>13264</v>
      </c>
      <c r="C4017" s="5" t="s">
        <v>8</v>
      </c>
      <c r="D4017" s="5" t="s">
        <v>8</v>
      </c>
      <c r="E4017" s="6">
        <v>11001</v>
      </c>
      <c r="F4017" s="5" t="s">
        <v>7688</v>
      </c>
      <c r="G4017" s="5" t="s">
        <v>7689</v>
      </c>
    </row>
    <row r="4018" spans="1:7">
      <c r="A4018" s="5" t="s">
        <v>7</v>
      </c>
      <c r="B4018" s="5">
        <v>18786</v>
      </c>
      <c r="C4018" s="5" t="s">
        <v>2891</v>
      </c>
      <c r="D4018" s="5" t="s">
        <v>2892</v>
      </c>
      <c r="E4018" s="6">
        <v>13001</v>
      </c>
      <c r="F4018" s="5" t="s">
        <v>6386</v>
      </c>
      <c r="G4018" s="5" t="s">
        <v>6387</v>
      </c>
    </row>
    <row r="4019" spans="1:7">
      <c r="A4019" s="5" t="s">
        <v>7</v>
      </c>
      <c r="B4019" s="5">
        <v>19558</v>
      </c>
      <c r="C4019" s="5" t="s">
        <v>8</v>
      </c>
      <c r="D4019" s="5" t="s">
        <v>8</v>
      </c>
      <c r="E4019" s="6">
        <v>11001</v>
      </c>
      <c r="F4019" s="5" t="s">
        <v>7690</v>
      </c>
      <c r="G4019" s="5" t="s">
        <v>7691</v>
      </c>
    </row>
    <row r="4020" spans="1:7">
      <c r="A4020" s="5" t="s">
        <v>7</v>
      </c>
      <c r="B4020" s="5">
        <v>19559</v>
      </c>
      <c r="C4020" s="5" t="s">
        <v>8</v>
      </c>
      <c r="D4020" s="5" t="s">
        <v>8</v>
      </c>
      <c r="E4020" s="6">
        <v>11001</v>
      </c>
      <c r="F4020" s="5" t="s">
        <v>7692</v>
      </c>
      <c r="G4020" s="5" t="s">
        <v>7693</v>
      </c>
    </row>
    <row r="4021" spans="1:7">
      <c r="A4021" s="5" t="s">
        <v>7</v>
      </c>
      <c r="B4021" s="5">
        <v>19560</v>
      </c>
      <c r="C4021" s="5" t="s">
        <v>8</v>
      </c>
      <c r="D4021" s="5" t="s">
        <v>8</v>
      </c>
      <c r="E4021" s="6">
        <v>11001</v>
      </c>
      <c r="F4021" s="5" t="s">
        <v>7694</v>
      </c>
      <c r="G4021" s="5" t="s">
        <v>7695</v>
      </c>
    </row>
    <row r="4022" spans="1:7">
      <c r="A4022" s="5" t="s">
        <v>7</v>
      </c>
      <c r="B4022" s="5">
        <v>19561</v>
      </c>
      <c r="C4022" s="5" t="s">
        <v>8</v>
      </c>
      <c r="D4022" s="5" t="s">
        <v>8</v>
      </c>
      <c r="E4022" s="6">
        <v>11001</v>
      </c>
      <c r="F4022" s="5" t="s">
        <v>7369</v>
      </c>
      <c r="G4022" s="5" t="s">
        <v>7370</v>
      </c>
    </row>
    <row r="4023" spans="1:7">
      <c r="A4023" s="5" t="s">
        <v>7</v>
      </c>
      <c r="B4023" s="5">
        <v>19562</v>
      </c>
      <c r="C4023" s="5" t="s">
        <v>8</v>
      </c>
      <c r="D4023" s="5" t="s">
        <v>8</v>
      </c>
      <c r="E4023" s="6">
        <v>11001</v>
      </c>
      <c r="F4023" s="5" t="s">
        <v>7696</v>
      </c>
      <c r="G4023" s="5" t="s">
        <v>7697</v>
      </c>
    </row>
    <row r="4024" spans="1:7">
      <c r="A4024" s="5" t="s">
        <v>7</v>
      </c>
      <c r="B4024" s="5">
        <v>19563</v>
      </c>
      <c r="C4024" s="5" t="s">
        <v>8</v>
      </c>
      <c r="D4024" s="5" t="s">
        <v>8</v>
      </c>
      <c r="E4024" s="6">
        <v>11001</v>
      </c>
      <c r="F4024" s="5" t="s">
        <v>7698</v>
      </c>
      <c r="G4024" s="5" t="s">
        <v>6741</v>
      </c>
    </row>
    <row r="4025" spans="1:7">
      <c r="A4025" s="5" t="s">
        <v>7</v>
      </c>
      <c r="B4025" s="5">
        <v>19565</v>
      </c>
      <c r="C4025" s="5" t="s">
        <v>8</v>
      </c>
      <c r="D4025" s="5" t="s">
        <v>8</v>
      </c>
      <c r="E4025" s="6">
        <v>11001</v>
      </c>
      <c r="F4025" s="5" t="s">
        <v>7699</v>
      </c>
      <c r="G4025" s="5" t="s">
        <v>7700</v>
      </c>
    </row>
    <row r="4026" spans="1:7">
      <c r="A4026" s="5" t="s">
        <v>7</v>
      </c>
      <c r="B4026" s="5">
        <v>19566</v>
      </c>
      <c r="C4026" s="5" t="s">
        <v>8</v>
      </c>
      <c r="D4026" s="5" t="s">
        <v>8</v>
      </c>
      <c r="E4026" s="6">
        <v>11001</v>
      </c>
      <c r="F4026" s="5" t="s">
        <v>7701</v>
      </c>
      <c r="G4026" s="5" t="s">
        <v>7702</v>
      </c>
    </row>
    <row r="4027" spans="1:7">
      <c r="A4027" s="5" t="s">
        <v>7</v>
      </c>
      <c r="B4027" s="5">
        <v>19567</v>
      </c>
      <c r="C4027" s="5" t="s">
        <v>8</v>
      </c>
      <c r="D4027" s="5" t="s">
        <v>8</v>
      </c>
      <c r="E4027" s="6">
        <v>11001</v>
      </c>
      <c r="F4027" s="5" t="s">
        <v>7703</v>
      </c>
      <c r="G4027" s="5" t="s">
        <v>7704</v>
      </c>
    </row>
    <row r="4028" spans="1:7">
      <c r="A4028" s="5" t="s">
        <v>7</v>
      </c>
      <c r="B4028" s="5">
        <v>19568</v>
      </c>
      <c r="C4028" s="5" t="s">
        <v>8</v>
      </c>
      <c r="D4028" s="5" t="s">
        <v>8</v>
      </c>
      <c r="E4028" s="6">
        <v>11001</v>
      </c>
      <c r="F4028" s="5" t="s">
        <v>7705</v>
      </c>
      <c r="G4028" s="5" t="s">
        <v>7706</v>
      </c>
    </row>
    <row r="4029" spans="1:7">
      <c r="A4029" s="5" t="s">
        <v>7</v>
      </c>
      <c r="B4029" s="5">
        <v>19569</v>
      </c>
      <c r="C4029" s="5" t="s">
        <v>8</v>
      </c>
      <c r="D4029" s="5" t="s">
        <v>8</v>
      </c>
      <c r="E4029" s="6">
        <v>11001</v>
      </c>
      <c r="F4029" s="5" t="s">
        <v>7386</v>
      </c>
      <c r="G4029" s="5" t="s">
        <v>7387</v>
      </c>
    </row>
    <row r="4030" spans="1:7">
      <c r="A4030" s="5" t="s">
        <v>7</v>
      </c>
      <c r="B4030" s="5">
        <v>19571</v>
      </c>
      <c r="C4030" s="5" t="s">
        <v>5559</v>
      </c>
      <c r="D4030" s="5" t="s">
        <v>7707</v>
      </c>
      <c r="E4030" s="6">
        <v>19001</v>
      </c>
      <c r="F4030" s="5" t="s">
        <v>7708</v>
      </c>
      <c r="G4030" s="5" t="s">
        <v>7709</v>
      </c>
    </row>
    <row r="4031" spans="1:7">
      <c r="A4031" s="5" t="s">
        <v>7</v>
      </c>
      <c r="B4031" s="5">
        <v>19572</v>
      </c>
      <c r="C4031" s="5" t="s">
        <v>2891</v>
      </c>
      <c r="D4031" s="5" t="s">
        <v>2892</v>
      </c>
      <c r="E4031" s="6">
        <v>13001</v>
      </c>
      <c r="F4031" s="5" t="s">
        <v>7388</v>
      </c>
      <c r="G4031" s="5" t="s">
        <v>7389</v>
      </c>
    </row>
    <row r="4032" spans="1:7">
      <c r="A4032" s="5" t="s">
        <v>7</v>
      </c>
      <c r="B4032" s="5">
        <v>19573</v>
      </c>
      <c r="C4032" s="5" t="s">
        <v>2891</v>
      </c>
      <c r="D4032" s="5" t="s">
        <v>2892</v>
      </c>
      <c r="E4032" s="6">
        <v>13001</v>
      </c>
      <c r="F4032" s="5" t="s">
        <v>7390</v>
      </c>
      <c r="G4032" s="5" t="s">
        <v>7391</v>
      </c>
    </row>
    <row r="4033" spans="1:7">
      <c r="A4033" s="5" t="s">
        <v>7</v>
      </c>
      <c r="B4033" s="5">
        <v>19574</v>
      </c>
      <c r="C4033" s="5" t="s">
        <v>3971</v>
      </c>
      <c r="D4033" s="5" t="s">
        <v>7710</v>
      </c>
      <c r="E4033" s="6">
        <v>52250</v>
      </c>
      <c r="F4033" s="5" t="s">
        <v>7711</v>
      </c>
      <c r="G4033" s="5" t="s">
        <v>7712</v>
      </c>
    </row>
    <row r="4034" spans="1:7">
      <c r="A4034" s="5" t="s">
        <v>7</v>
      </c>
      <c r="B4034" s="5">
        <v>19575</v>
      </c>
      <c r="C4034" s="5" t="s">
        <v>8</v>
      </c>
      <c r="D4034" s="5" t="s">
        <v>8</v>
      </c>
      <c r="E4034" s="6">
        <v>11001</v>
      </c>
      <c r="F4034" s="5" t="s">
        <v>7392</v>
      </c>
      <c r="G4034" s="5" t="s">
        <v>7393</v>
      </c>
    </row>
    <row r="4035" spans="1:7">
      <c r="A4035" s="5" t="s">
        <v>7</v>
      </c>
      <c r="B4035" s="5">
        <v>19577</v>
      </c>
      <c r="C4035" s="5" t="s">
        <v>8</v>
      </c>
      <c r="D4035" s="5" t="s">
        <v>8</v>
      </c>
      <c r="E4035" s="6">
        <v>11001</v>
      </c>
      <c r="F4035" s="5" t="s">
        <v>7713</v>
      </c>
      <c r="G4035" s="5" t="s">
        <v>7714</v>
      </c>
    </row>
    <row r="4036" spans="1:7">
      <c r="A4036" s="5" t="s">
        <v>7</v>
      </c>
      <c r="B4036" s="5">
        <v>19578</v>
      </c>
      <c r="C4036" s="5" t="s">
        <v>8</v>
      </c>
      <c r="D4036" s="5" t="s">
        <v>8</v>
      </c>
      <c r="E4036" s="6">
        <v>11001</v>
      </c>
      <c r="F4036" s="5" t="s">
        <v>7715</v>
      </c>
      <c r="G4036" s="5" t="s">
        <v>7716</v>
      </c>
    </row>
    <row r="4037" spans="1:7">
      <c r="A4037" s="5" t="s">
        <v>7</v>
      </c>
      <c r="B4037" s="5">
        <v>19580</v>
      </c>
      <c r="C4037" s="5" t="s">
        <v>8</v>
      </c>
      <c r="D4037" s="5" t="s">
        <v>8</v>
      </c>
      <c r="E4037" s="6">
        <v>11001</v>
      </c>
      <c r="F4037" s="5" t="s">
        <v>7717</v>
      </c>
      <c r="G4037" s="5" t="s">
        <v>7718</v>
      </c>
    </row>
    <row r="4038" spans="1:7">
      <c r="A4038" s="5" t="s">
        <v>7</v>
      </c>
      <c r="B4038" s="5">
        <v>19581</v>
      </c>
      <c r="C4038" s="5" t="s">
        <v>2891</v>
      </c>
      <c r="D4038" s="5" t="s">
        <v>2892</v>
      </c>
      <c r="E4038" s="6">
        <v>13001</v>
      </c>
      <c r="F4038" s="5" t="s">
        <v>7396</v>
      </c>
      <c r="G4038" s="5" t="s">
        <v>7397</v>
      </c>
    </row>
    <row r="4039" spans="1:7">
      <c r="A4039" s="5" t="s">
        <v>7</v>
      </c>
      <c r="B4039" s="5">
        <v>19582</v>
      </c>
      <c r="C4039" s="5" t="s">
        <v>4368</v>
      </c>
      <c r="D4039" s="5" t="s">
        <v>7398</v>
      </c>
      <c r="E4039" s="6">
        <v>15804</v>
      </c>
      <c r="F4039" s="5" t="s">
        <v>7399</v>
      </c>
      <c r="G4039" s="5" t="s">
        <v>7400</v>
      </c>
    </row>
    <row r="4040" spans="1:7">
      <c r="A4040" s="5" t="s">
        <v>7</v>
      </c>
      <c r="B4040" s="5">
        <v>19583</v>
      </c>
      <c r="C4040" s="5" t="s">
        <v>4368</v>
      </c>
      <c r="D4040" s="5" t="s">
        <v>7398</v>
      </c>
      <c r="E4040" s="6">
        <v>15804</v>
      </c>
      <c r="F4040" s="5" t="s">
        <v>7401</v>
      </c>
      <c r="G4040" s="5" t="s">
        <v>7402</v>
      </c>
    </row>
    <row r="4041" spans="1:7">
      <c r="A4041" s="5" t="s">
        <v>7</v>
      </c>
      <c r="B4041" s="5">
        <v>19584</v>
      </c>
      <c r="C4041" s="5" t="s">
        <v>8</v>
      </c>
      <c r="D4041" s="5" t="s">
        <v>8</v>
      </c>
      <c r="E4041" s="6">
        <v>11001</v>
      </c>
      <c r="F4041" s="5" t="s">
        <v>7719</v>
      </c>
      <c r="G4041" s="5" t="s">
        <v>7720</v>
      </c>
    </row>
    <row r="4042" spans="1:7">
      <c r="A4042" s="5" t="s">
        <v>7</v>
      </c>
      <c r="B4042" s="5">
        <v>19586</v>
      </c>
      <c r="C4042" s="5" t="s">
        <v>8</v>
      </c>
      <c r="D4042" s="5" t="s">
        <v>8</v>
      </c>
      <c r="E4042" s="6">
        <v>11001</v>
      </c>
      <c r="F4042" s="5" t="s">
        <v>7721</v>
      </c>
      <c r="G4042" s="5" t="s">
        <v>7722</v>
      </c>
    </row>
    <row r="4043" spans="1:7">
      <c r="A4043" s="5" t="s">
        <v>7</v>
      </c>
      <c r="B4043" s="5">
        <v>19588</v>
      </c>
      <c r="C4043" s="5" t="s">
        <v>4368</v>
      </c>
      <c r="D4043" s="5" t="s">
        <v>4520</v>
      </c>
      <c r="E4043" s="6">
        <v>15759</v>
      </c>
      <c r="F4043" s="5" t="s">
        <v>7723</v>
      </c>
      <c r="G4043" s="5" t="s">
        <v>7724</v>
      </c>
    </row>
    <row r="4044" spans="1:7">
      <c r="A4044" s="5" t="s">
        <v>7</v>
      </c>
      <c r="B4044" s="5">
        <v>19589</v>
      </c>
      <c r="C4044" s="5" t="s">
        <v>4368</v>
      </c>
      <c r="D4044" s="5" t="s">
        <v>4520</v>
      </c>
      <c r="E4044" s="6">
        <v>15759</v>
      </c>
      <c r="F4044" s="5" t="s">
        <v>7725</v>
      </c>
      <c r="G4044" s="5" t="s">
        <v>7726</v>
      </c>
    </row>
    <row r="4045" spans="1:7">
      <c r="A4045" s="5" t="s">
        <v>7</v>
      </c>
      <c r="B4045" s="5">
        <v>19590</v>
      </c>
      <c r="C4045" s="5" t="s">
        <v>4368</v>
      </c>
      <c r="D4045" s="5" t="s">
        <v>4520</v>
      </c>
      <c r="E4045" s="6">
        <v>15759</v>
      </c>
      <c r="F4045" s="5" t="s">
        <v>7727</v>
      </c>
      <c r="G4045" s="5" t="s">
        <v>7728</v>
      </c>
    </row>
    <row r="4046" spans="1:7">
      <c r="A4046" s="5" t="s">
        <v>7</v>
      </c>
      <c r="B4046" s="5">
        <v>19591</v>
      </c>
      <c r="C4046" s="5" t="s">
        <v>4368</v>
      </c>
      <c r="D4046" s="5" t="s">
        <v>4520</v>
      </c>
      <c r="E4046" s="6">
        <v>15759</v>
      </c>
      <c r="F4046" s="5" t="s">
        <v>7729</v>
      </c>
      <c r="G4046" s="5" t="s">
        <v>7730</v>
      </c>
    </row>
    <row r="4047" spans="1:7">
      <c r="A4047" s="5" t="s">
        <v>7</v>
      </c>
      <c r="B4047" s="5">
        <v>19592</v>
      </c>
      <c r="C4047" s="5" t="s">
        <v>4368</v>
      </c>
      <c r="D4047" s="5" t="s">
        <v>7731</v>
      </c>
      <c r="E4047" s="6">
        <v>15837</v>
      </c>
      <c r="F4047" s="5" t="s">
        <v>7732</v>
      </c>
      <c r="G4047" s="5" t="s">
        <v>7733</v>
      </c>
    </row>
    <row r="4048" spans="1:7">
      <c r="A4048" s="5" t="s">
        <v>7</v>
      </c>
      <c r="B4048" s="5">
        <v>19593</v>
      </c>
      <c r="C4048" s="5" t="s">
        <v>4368</v>
      </c>
      <c r="D4048" s="5" t="s">
        <v>7731</v>
      </c>
      <c r="E4048" s="6">
        <v>15837</v>
      </c>
      <c r="F4048" s="5" t="s">
        <v>7734</v>
      </c>
      <c r="G4048" s="5" t="s">
        <v>7735</v>
      </c>
    </row>
    <row r="4049" spans="1:7">
      <c r="A4049" s="5" t="s">
        <v>7</v>
      </c>
      <c r="B4049" s="5">
        <v>19594</v>
      </c>
      <c r="C4049" s="5" t="s">
        <v>8</v>
      </c>
      <c r="D4049" s="5" t="s">
        <v>8</v>
      </c>
      <c r="E4049" s="6">
        <v>11001</v>
      </c>
      <c r="F4049" s="5" t="s">
        <v>7736</v>
      </c>
      <c r="G4049" s="5" t="s">
        <v>7737</v>
      </c>
    </row>
    <row r="4050" spans="1:7">
      <c r="A4050" s="5" t="s">
        <v>7</v>
      </c>
      <c r="B4050" s="5">
        <v>19596</v>
      </c>
      <c r="C4050" s="5" t="s">
        <v>8</v>
      </c>
      <c r="D4050" s="5" t="s">
        <v>8</v>
      </c>
      <c r="E4050" s="6">
        <v>11001</v>
      </c>
      <c r="F4050" s="5" t="s">
        <v>7738</v>
      </c>
      <c r="G4050" s="5" t="s">
        <v>7739</v>
      </c>
    </row>
    <row r="4051" spans="1:7">
      <c r="A4051" s="5" t="s">
        <v>7</v>
      </c>
      <c r="B4051" s="5">
        <v>19597</v>
      </c>
      <c r="C4051" s="5" t="s">
        <v>8</v>
      </c>
      <c r="D4051" s="5" t="s">
        <v>8</v>
      </c>
      <c r="E4051" s="6">
        <v>11001</v>
      </c>
      <c r="F4051" s="5" t="s">
        <v>7740</v>
      </c>
      <c r="G4051" s="5" t="s">
        <v>7741</v>
      </c>
    </row>
    <row r="4052" spans="1:7">
      <c r="A4052" s="5" t="s">
        <v>7</v>
      </c>
      <c r="B4052" s="5">
        <v>19599</v>
      </c>
      <c r="C4052" s="5" t="s">
        <v>8</v>
      </c>
      <c r="D4052" s="5" t="s">
        <v>8</v>
      </c>
      <c r="E4052" s="6">
        <v>11001</v>
      </c>
      <c r="F4052" s="5" t="s">
        <v>7742</v>
      </c>
      <c r="G4052" s="5" t="s">
        <v>7743</v>
      </c>
    </row>
    <row r="4053" spans="1:7">
      <c r="A4053" s="5" t="s">
        <v>7</v>
      </c>
      <c r="B4053" s="5">
        <v>19600</v>
      </c>
      <c r="C4053" s="5" t="s">
        <v>8</v>
      </c>
      <c r="D4053" s="5" t="s">
        <v>8</v>
      </c>
      <c r="E4053" s="6">
        <v>11001</v>
      </c>
      <c r="F4053" s="5" t="s">
        <v>7744</v>
      </c>
      <c r="G4053" s="5" t="s">
        <v>7745</v>
      </c>
    </row>
    <row r="4054" spans="1:7">
      <c r="A4054" s="5" t="s">
        <v>7</v>
      </c>
      <c r="B4054" s="5">
        <v>19601</v>
      </c>
      <c r="C4054" s="5" t="s">
        <v>4368</v>
      </c>
      <c r="D4054" s="5" t="s">
        <v>7746</v>
      </c>
      <c r="E4054" s="6">
        <v>15753</v>
      </c>
      <c r="F4054" s="5" t="s">
        <v>7747</v>
      </c>
      <c r="G4054" s="5" t="s">
        <v>7748</v>
      </c>
    </row>
    <row r="4055" spans="1:7">
      <c r="A4055" s="5" t="s">
        <v>7</v>
      </c>
      <c r="B4055" s="5">
        <v>19601</v>
      </c>
      <c r="C4055" s="5" t="s">
        <v>4368</v>
      </c>
      <c r="D4055" s="5" t="s">
        <v>7746</v>
      </c>
      <c r="E4055" s="6">
        <v>15753</v>
      </c>
      <c r="F4055" s="5" t="s">
        <v>7747</v>
      </c>
      <c r="G4055" s="5" t="s">
        <v>7748</v>
      </c>
    </row>
    <row r="4056" spans="1:7">
      <c r="A4056" s="5" t="s">
        <v>7</v>
      </c>
      <c r="B4056" s="5">
        <v>19602</v>
      </c>
      <c r="C4056" s="5" t="s">
        <v>8</v>
      </c>
      <c r="D4056" s="5" t="s">
        <v>8</v>
      </c>
      <c r="E4056" s="6">
        <v>11001</v>
      </c>
      <c r="F4056" s="5" t="s">
        <v>7749</v>
      </c>
      <c r="G4056" s="5" t="s">
        <v>7750</v>
      </c>
    </row>
    <row r="4057" spans="1:7">
      <c r="A4057" s="5" t="s">
        <v>7</v>
      </c>
      <c r="B4057" s="5">
        <v>19602</v>
      </c>
      <c r="C4057" s="5" t="s">
        <v>8</v>
      </c>
      <c r="D4057" s="5" t="s">
        <v>8</v>
      </c>
      <c r="E4057" s="6">
        <v>11001</v>
      </c>
      <c r="F4057" s="5" t="s">
        <v>7749</v>
      </c>
      <c r="G4057" s="5" t="s">
        <v>7750</v>
      </c>
    </row>
    <row r="4058" spans="1:7">
      <c r="A4058" s="5" t="s">
        <v>7</v>
      </c>
      <c r="B4058" s="5">
        <v>19602</v>
      </c>
      <c r="C4058" s="5" t="s">
        <v>8</v>
      </c>
      <c r="D4058" s="5" t="s">
        <v>8</v>
      </c>
      <c r="E4058" s="6">
        <v>11001</v>
      </c>
      <c r="F4058" s="5" t="s">
        <v>7749</v>
      </c>
      <c r="G4058" s="5" t="s">
        <v>7750</v>
      </c>
    </row>
    <row r="4059" spans="1:7">
      <c r="A4059" s="5" t="s">
        <v>7</v>
      </c>
      <c r="B4059" s="5">
        <v>19603</v>
      </c>
      <c r="C4059" s="5" t="s">
        <v>8</v>
      </c>
      <c r="D4059" s="5" t="s">
        <v>8</v>
      </c>
      <c r="E4059" s="6">
        <v>11001</v>
      </c>
      <c r="F4059" s="5" t="s">
        <v>7751</v>
      </c>
      <c r="G4059" s="5" t="s">
        <v>7752</v>
      </c>
    </row>
    <row r="4060" spans="1:7">
      <c r="A4060" s="5" t="s">
        <v>7</v>
      </c>
      <c r="B4060" s="5">
        <v>19603</v>
      </c>
      <c r="C4060" s="5" t="s">
        <v>8</v>
      </c>
      <c r="D4060" s="5" t="s">
        <v>8</v>
      </c>
      <c r="E4060" s="6">
        <v>11001</v>
      </c>
      <c r="F4060" s="5" t="s">
        <v>7751</v>
      </c>
      <c r="G4060" s="5" t="s">
        <v>7752</v>
      </c>
    </row>
    <row r="4061" spans="1:7">
      <c r="A4061" s="5" t="s">
        <v>7</v>
      </c>
      <c r="B4061" s="5">
        <v>19603</v>
      </c>
      <c r="C4061" s="5" t="s">
        <v>8</v>
      </c>
      <c r="D4061" s="5" t="s">
        <v>8</v>
      </c>
      <c r="E4061" s="6">
        <v>11001</v>
      </c>
      <c r="F4061" s="5" t="s">
        <v>7751</v>
      </c>
      <c r="G4061" s="5" t="s">
        <v>7752</v>
      </c>
    </row>
    <row r="4062" spans="1:7">
      <c r="A4062" s="5" t="s">
        <v>7</v>
      </c>
      <c r="B4062" s="5">
        <v>19604</v>
      </c>
      <c r="C4062" s="5" t="s">
        <v>6867</v>
      </c>
      <c r="D4062" s="5" t="s">
        <v>7753</v>
      </c>
      <c r="E4062" s="6">
        <v>17380</v>
      </c>
      <c r="F4062" s="5" t="s">
        <v>7754</v>
      </c>
      <c r="G4062" s="5" t="s">
        <v>7755</v>
      </c>
    </row>
    <row r="4063" spans="1:7">
      <c r="A4063" s="5" t="s">
        <v>7</v>
      </c>
      <c r="B4063" s="5">
        <v>19604</v>
      </c>
      <c r="C4063" s="5" t="s">
        <v>6867</v>
      </c>
      <c r="D4063" s="5" t="s">
        <v>7753</v>
      </c>
      <c r="E4063" s="6">
        <v>17380</v>
      </c>
      <c r="F4063" s="5" t="s">
        <v>7754</v>
      </c>
      <c r="G4063" s="5" t="s">
        <v>7755</v>
      </c>
    </row>
    <row r="4064" spans="1:7">
      <c r="A4064" s="5" t="s">
        <v>7</v>
      </c>
      <c r="B4064" s="5">
        <v>19604</v>
      </c>
      <c r="C4064" s="5" t="s">
        <v>6867</v>
      </c>
      <c r="D4064" s="5" t="s">
        <v>7753</v>
      </c>
      <c r="E4064" s="6">
        <v>17380</v>
      </c>
      <c r="F4064" s="5" t="s">
        <v>7754</v>
      </c>
      <c r="G4064" s="5" t="s">
        <v>7755</v>
      </c>
    </row>
    <row r="4065" spans="1:7">
      <c r="A4065" s="5" t="s">
        <v>7</v>
      </c>
      <c r="B4065" s="5">
        <v>19607</v>
      </c>
      <c r="C4065" s="5" t="s">
        <v>2542</v>
      </c>
      <c r="D4065" s="5" t="s">
        <v>2543</v>
      </c>
      <c r="E4065" s="6">
        <v>8001</v>
      </c>
      <c r="F4065" s="5" t="s">
        <v>7756</v>
      </c>
      <c r="G4065" s="5" t="s">
        <v>7757</v>
      </c>
    </row>
    <row r="4066" spans="1:7">
      <c r="A4066" s="5" t="s">
        <v>7</v>
      </c>
      <c r="B4066" s="5">
        <v>19608</v>
      </c>
      <c r="C4066" s="5" t="s">
        <v>2542</v>
      </c>
      <c r="D4066" s="5" t="s">
        <v>2543</v>
      </c>
      <c r="E4066" s="6">
        <v>8001</v>
      </c>
      <c r="F4066" s="5" t="s">
        <v>7758</v>
      </c>
      <c r="G4066" s="5" t="s">
        <v>7759</v>
      </c>
    </row>
    <row r="4067" spans="1:7">
      <c r="A4067" s="5" t="s">
        <v>7</v>
      </c>
      <c r="B4067" s="5">
        <v>19609</v>
      </c>
      <c r="C4067" s="5" t="s">
        <v>813</v>
      </c>
      <c r="D4067" s="5" t="s">
        <v>814</v>
      </c>
      <c r="E4067" s="6">
        <v>25754</v>
      </c>
      <c r="F4067" s="5" t="s">
        <v>7760</v>
      </c>
      <c r="G4067" s="5" t="s">
        <v>7761</v>
      </c>
    </row>
    <row r="4068" spans="1:7">
      <c r="A4068" s="5" t="s">
        <v>7</v>
      </c>
      <c r="B4068" s="5">
        <v>19610</v>
      </c>
      <c r="C4068" s="5" t="s">
        <v>2781</v>
      </c>
      <c r="D4068" s="5" t="s">
        <v>2782</v>
      </c>
      <c r="E4068" s="6">
        <v>23001</v>
      </c>
      <c r="F4068" s="5" t="s">
        <v>7762</v>
      </c>
      <c r="G4068" s="5" t="s">
        <v>7763</v>
      </c>
    </row>
    <row r="4069" spans="1:7">
      <c r="A4069" s="5" t="s">
        <v>7</v>
      </c>
      <c r="B4069" s="5">
        <v>19611</v>
      </c>
      <c r="C4069" s="5" t="s">
        <v>2891</v>
      </c>
      <c r="D4069" s="5" t="s">
        <v>2892</v>
      </c>
      <c r="E4069" s="6">
        <v>13001</v>
      </c>
      <c r="F4069" s="5" t="s">
        <v>7764</v>
      </c>
      <c r="G4069" s="5" t="s">
        <v>7765</v>
      </c>
    </row>
    <row r="4070" spans="1:7">
      <c r="A4070" s="5" t="s">
        <v>7</v>
      </c>
      <c r="B4070" s="5">
        <v>19612</v>
      </c>
      <c r="C4070" s="5" t="s">
        <v>2891</v>
      </c>
      <c r="D4070" s="5" t="s">
        <v>2892</v>
      </c>
      <c r="E4070" s="6">
        <v>13001</v>
      </c>
      <c r="F4070" s="5" t="s">
        <v>7766</v>
      </c>
      <c r="G4070" s="5" t="s">
        <v>7767</v>
      </c>
    </row>
    <row r="4071" spans="1:7">
      <c r="A4071" s="5" t="s">
        <v>7</v>
      </c>
      <c r="B4071" s="5">
        <v>19614</v>
      </c>
      <c r="C4071" s="5" t="s">
        <v>8</v>
      </c>
      <c r="D4071" s="5" t="s">
        <v>8</v>
      </c>
      <c r="E4071" s="6">
        <v>11001</v>
      </c>
      <c r="F4071" s="5" t="s">
        <v>7768</v>
      </c>
      <c r="G4071" s="5" t="s">
        <v>7769</v>
      </c>
    </row>
    <row r="4072" spans="1:7">
      <c r="A4072" s="5" t="s">
        <v>7</v>
      </c>
      <c r="B4072" s="5">
        <v>19616</v>
      </c>
      <c r="C4072" s="5" t="s">
        <v>8</v>
      </c>
      <c r="D4072" s="5" t="s">
        <v>8</v>
      </c>
      <c r="E4072" s="6">
        <v>11001</v>
      </c>
      <c r="F4072" s="5" t="s">
        <v>7770</v>
      </c>
      <c r="G4072" s="5" t="s">
        <v>7771</v>
      </c>
    </row>
    <row r="4073" spans="1:7">
      <c r="A4073" s="5" t="s">
        <v>7</v>
      </c>
      <c r="B4073" s="5">
        <v>19617</v>
      </c>
      <c r="C4073" s="5" t="s">
        <v>8</v>
      </c>
      <c r="D4073" s="5" t="s">
        <v>8</v>
      </c>
      <c r="E4073" s="6">
        <v>11001</v>
      </c>
      <c r="F4073" s="5" t="s">
        <v>7772</v>
      </c>
      <c r="G4073" s="5" t="s">
        <v>7773</v>
      </c>
    </row>
    <row r="4074" spans="1:7">
      <c r="A4074" s="5" t="s">
        <v>7</v>
      </c>
      <c r="B4074" s="5">
        <v>19619</v>
      </c>
      <c r="C4074" s="5" t="s">
        <v>8</v>
      </c>
      <c r="D4074" s="5" t="s">
        <v>8</v>
      </c>
      <c r="E4074" s="6">
        <v>11001</v>
      </c>
      <c r="F4074" s="5" t="s">
        <v>7774</v>
      </c>
      <c r="G4074" s="5" t="s">
        <v>7775</v>
      </c>
    </row>
    <row r="4075" spans="1:7">
      <c r="A4075" s="5" t="s">
        <v>7</v>
      </c>
      <c r="B4075" s="5">
        <v>19620</v>
      </c>
      <c r="C4075" s="5" t="s">
        <v>8</v>
      </c>
      <c r="D4075" s="5" t="s">
        <v>8</v>
      </c>
      <c r="E4075" s="6">
        <v>11001</v>
      </c>
      <c r="F4075" s="5" t="s">
        <v>7776</v>
      </c>
      <c r="G4075" s="5" t="s">
        <v>7777</v>
      </c>
    </row>
    <row r="4076" spans="1:7">
      <c r="A4076" s="5" t="s">
        <v>7</v>
      </c>
      <c r="B4076" s="5">
        <v>19621</v>
      </c>
      <c r="C4076" s="5" t="s">
        <v>8</v>
      </c>
      <c r="D4076" s="5" t="s">
        <v>8</v>
      </c>
      <c r="E4076" s="6">
        <v>11001</v>
      </c>
      <c r="F4076" s="5" t="s">
        <v>7778</v>
      </c>
      <c r="G4076" s="5" t="s">
        <v>7779</v>
      </c>
    </row>
    <row r="4077" spans="1:7">
      <c r="A4077" s="5" t="s">
        <v>7</v>
      </c>
      <c r="B4077" s="5">
        <v>19644</v>
      </c>
      <c r="C4077" s="5" t="s">
        <v>2929</v>
      </c>
      <c r="D4077" s="5" t="s">
        <v>3403</v>
      </c>
      <c r="E4077" s="6">
        <v>73001</v>
      </c>
      <c r="F4077" s="5" t="s">
        <v>7780</v>
      </c>
      <c r="G4077" s="5" t="s">
        <v>7781</v>
      </c>
    </row>
    <row r="4078" spans="1:7">
      <c r="A4078" s="5" t="s">
        <v>7</v>
      </c>
      <c r="B4078" s="5">
        <v>19678</v>
      </c>
      <c r="C4078" s="5" t="s">
        <v>8</v>
      </c>
      <c r="D4078" s="5" t="s">
        <v>8</v>
      </c>
      <c r="E4078" s="6">
        <v>11001</v>
      </c>
      <c r="F4078" s="5" t="s">
        <v>7688</v>
      </c>
      <c r="G4078" s="5" t="s">
        <v>7782</v>
      </c>
    </row>
    <row r="4079" spans="1:7">
      <c r="A4079" s="5" t="s">
        <v>7</v>
      </c>
      <c r="B4079" s="5">
        <v>19677</v>
      </c>
      <c r="C4079" s="5" t="s">
        <v>8</v>
      </c>
      <c r="D4079" s="5" t="s">
        <v>8</v>
      </c>
      <c r="E4079" s="6">
        <v>11001</v>
      </c>
      <c r="F4079" s="5" t="s">
        <v>7783</v>
      </c>
      <c r="G4079" s="5" t="s">
        <v>7784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Hoja1</vt:lpstr>
    </vt:vector>
  </TitlesOfParts>
  <Company>Scotiabank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reto Pineros, July Paola</dc:creator>
  <cp:lastModifiedBy>Barreto Pineros, July Paola</cp:lastModifiedBy>
  <dcterms:created xsi:type="dcterms:W3CDTF">2022-05-24T16:48:32Z</dcterms:created>
  <dcterms:modified xsi:type="dcterms:W3CDTF">2022-05-24T16:49:07Z</dcterms:modified>
</cp:coreProperties>
</file>